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13_ncr:1_{E727F46B-C8BF-421D-B7B0-26BA8957AA2B}" xr6:coauthVersionLast="47" xr6:coauthVersionMax="47" xr10:uidLastSave="{00000000-0000-0000-0000-000000000000}"/>
  <bookViews>
    <workbookView xWindow="-3638" yWindow="8002" windowWidth="21796" windowHeight="13875" xr2:uid="{F8E778B7-B5CA-46DE-AF2C-9EAF35EEBB30}"/>
  </bookViews>
  <sheets>
    <sheet name="目次" sheetId="90" r:id="rId1"/>
    <sheet name="年齢別・性別人口(01総曲輪)" sheetId="1" r:id="rId2"/>
    <sheet name="年齢別・性別人口(02愛宕)" sheetId="2" r:id="rId3"/>
    <sheet name="年齢別・性別人口(03安野屋)" sheetId="3" r:id="rId4"/>
    <sheet name="年齢別・性別人口(04八人町)" sheetId="4" r:id="rId5"/>
    <sheet name="年齢別・性別人口(05五番町)" sheetId="5" r:id="rId6"/>
    <sheet name="年齢別・性別人口(06柳町)" sheetId="6" r:id="rId7"/>
    <sheet name="年齢別・性別人口(07清水町)" sheetId="7" r:id="rId8"/>
    <sheet name="年齢別・性別人口(08星井町)" sheetId="8" r:id="rId9"/>
    <sheet name="年齢別・性別人口(09西田地方)" sheetId="9" r:id="rId10"/>
    <sheet name="年齢別・性別人口(10堀川)" sheetId="10" r:id="rId11"/>
    <sheet name="年齢別・性別人口(11堀川南)" sheetId="11" r:id="rId12"/>
    <sheet name="年齢別・性別人口(12東部)" sheetId="12" r:id="rId13"/>
    <sheet name="年齢別・性別人口(13奥田)" sheetId="13" r:id="rId14"/>
    <sheet name="年齢別・性別人口(14奥田北)" sheetId="14" r:id="rId15"/>
    <sheet name="年齢別・性別人口(15桜谷)" sheetId="15" r:id="rId16"/>
    <sheet name="年齢別・性別人口(16五福)" sheetId="16" r:id="rId17"/>
    <sheet name="年齢別・性別人口(17神明)" sheetId="17" r:id="rId18"/>
    <sheet name="年齢別・性別人口(18岩瀬)" sheetId="18" r:id="rId19"/>
    <sheet name="年齢別・性別人口(19萩浦)" sheetId="19" r:id="rId20"/>
    <sheet name="年齢別・性別人口(20大広田)" sheetId="20" r:id="rId21"/>
    <sheet name="年齢別・性別人口(21浜黒崎)" sheetId="21" r:id="rId22"/>
    <sheet name="年齢別・性別人口(22針原)" sheetId="22" r:id="rId23"/>
    <sheet name="年齢別・性別人口(23豊田)" sheetId="23" r:id="rId24"/>
    <sheet name="年齢別・性別人口(24広田)" sheetId="24" r:id="rId25"/>
    <sheet name="年齢別・性別人口(25新庄)" sheetId="25" r:id="rId26"/>
    <sheet name="年齢別・性別人口(26藤ノ木)" sheetId="26" r:id="rId27"/>
    <sheet name="年齢別・性別人口(27山室)" sheetId="27" r:id="rId28"/>
    <sheet name="年齢別・性別人口(28山室中部)" sheetId="28" r:id="rId29"/>
    <sheet name="年齢別・性別人口(29太田)" sheetId="29" r:id="rId30"/>
    <sheet name="年齢別・性別人口(30蜷川)" sheetId="30" r:id="rId31"/>
    <sheet name="年齢別・性別人口(31新保)" sheetId="31" r:id="rId32"/>
    <sheet name="年齢別・性別人口(32熊野)" sheetId="32" r:id="rId33"/>
    <sheet name="年齢別・性別人口(33月岡)" sheetId="33" r:id="rId34"/>
    <sheet name="年齢別・性別人口(34四方)" sheetId="34" r:id="rId35"/>
    <sheet name="年齢別・性別人口(35八幡)" sheetId="35" r:id="rId36"/>
    <sheet name="年齢別・性別人口(36草島)" sheetId="36" r:id="rId37"/>
    <sheet name="年齢別・性別人口(37倉垣)" sheetId="37" r:id="rId38"/>
    <sheet name="年齢別・性別人口(38呉羽)" sheetId="38" r:id="rId39"/>
    <sheet name="年齢別・性別人口(39長岡)" sheetId="39" r:id="rId40"/>
    <sheet name="年齢別・性別人口(40寒江)" sheetId="40" r:id="rId41"/>
    <sheet name="年齢別・性別人口(41古沢)" sheetId="41" r:id="rId42"/>
    <sheet name="年齢別・性別人口(42老田)" sheetId="42" r:id="rId43"/>
    <sheet name="年齢別・性別人口(43池多)" sheetId="43" r:id="rId44"/>
    <sheet name="年齢別・性別人口(44水橋中部)" sheetId="44" r:id="rId45"/>
    <sheet name="年齢別・性別人口(45水橋西部)" sheetId="45" r:id="rId46"/>
    <sheet name="年齢別・性別人口(46水橋東部)" sheetId="46" r:id="rId47"/>
    <sheet name="年齢別・性別人口(47三郷)" sheetId="47" r:id="rId48"/>
    <sheet name="年齢別・性別人口(48上条)" sheetId="48" r:id="rId49"/>
    <sheet name="年齢別・性別人口(49光陽)" sheetId="49" r:id="rId50"/>
    <sheet name="年齢別・性別人口(50新庄北）" sheetId="50" r:id="rId51"/>
    <sheet name="年齢別・性別人口(0099富山地域)" sheetId="51" r:id="rId52"/>
    <sheet name="年齢別・性別人口0101下タ)" sheetId="52" r:id="rId53"/>
    <sheet name="年齢別・性別人口(0102小羽)" sheetId="53" r:id="rId54"/>
    <sheet name="年齢別・性別人口(0103船峅)" sheetId="54" r:id="rId55"/>
    <sheet name="年齢別・性別人口(0104大沢野)" sheetId="55" r:id="rId56"/>
    <sheet name="年齢別・性別人口(0105大久保)" sheetId="56" r:id="rId57"/>
    <sheet name="年齢別・性別人口(0199大沢野地域)" sheetId="57" r:id="rId58"/>
    <sheet name="年齢別・性別人口(0201上滝)" sheetId="58" r:id="rId59"/>
    <sheet name="年齢別・性別人口(0202大山)" sheetId="59" r:id="rId60"/>
    <sheet name="年齢別・性別人口(0203大庄)" sheetId="60" r:id="rId61"/>
    <sheet name="年齢別・性別人口(0204福沢)" sheetId="61" r:id="rId62"/>
    <sheet name="年齢別・性別人口(0299大山地域)" sheetId="62" r:id="rId63"/>
    <sheet name="年齢別・性別人口(0301八尾)" sheetId="63" r:id="rId64"/>
    <sheet name="年齢別・性別人口(0302保内)" sheetId="64" r:id="rId65"/>
    <sheet name="年齢別・性別人口(0303杉原)" sheetId="65" r:id="rId66"/>
    <sheet name="年齢別・性別人口(0304卯花)" sheetId="66" r:id="rId67"/>
    <sheet name="年齢別・性別人口(0305室牧)" sheetId="67" r:id="rId68"/>
    <sheet name="年齢別・性別人口(0306黒瀬谷)" sheetId="68" r:id="rId69"/>
    <sheet name="年齢別・性別人口(0307野積)" sheetId="69" r:id="rId70"/>
    <sheet name="年齢別・性別人口(0308仁歩)" sheetId="70" r:id="rId71"/>
    <sheet name="年齢別・性別人口(0309大長谷)" sheetId="71" r:id="rId72"/>
    <sheet name="年齢別・性別人口(0399八尾地域)" sheetId="72" r:id="rId73"/>
    <sheet name="年齢別・性別人口(0401速星)" sheetId="73" r:id="rId74"/>
    <sheet name="年齢別・性別人口(0402鵜坂)" sheetId="74" r:id="rId75"/>
    <sheet name="年齢別・性別人口(0403朝日)" sheetId="75" r:id="rId76"/>
    <sheet name="年齢別・性別人口(0404宮川)" sheetId="76" r:id="rId77"/>
    <sheet name="年齢別・性別人口(0405婦中熊野)" sheetId="77" r:id="rId78"/>
    <sheet name="年齢別・性別人口(0406古里)" sheetId="78" r:id="rId79"/>
    <sheet name="年齢別・性別人口(0407音川)" sheetId="79" r:id="rId80"/>
    <sheet name="年齢別・性別人口(0408神保)" sheetId="80" r:id="rId81"/>
    <sheet name="年齢別・性別人口(0499婦中地域)" sheetId="81" r:id="rId82"/>
    <sheet name="年齢別・性別人口(0501山田南部)" sheetId="82" r:id="rId83"/>
    <sheet name="年齢別・性別人口(0502山田中部)" sheetId="83" r:id="rId84"/>
    <sheet name="年齢別・性別人口(0503山田西部)" sheetId="84" r:id="rId85"/>
    <sheet name="年齢別・性別人口(0504山田東部)" sheetId="85" r:id="rId86"/>
    <sheet name="年齢別・性別人口(0599山田地域)" sheetId="86" r:id="rId87"/>
    <sheet name="年齢別・性別人口(0601細入北部)" sheetId="87" r:id="rId88"/>
    <sheet name="年齢別・性別人口(0602細入南部)" sheetId="88" r:id="rId89"/>
    <sheet name="年齢別・性別人口(0699細入地域)" sheetId="89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86" uniqueCount="221">
  <si>
    <t>【合計】</t>
    <rPh sb="1" eb="3">
      <t>ゴウケイ</t>
    </rPh>
    <phoneticPr fontId="3"/>
  </si>
  <si>
    <t>【65～】</t>
  </si>
  <si>
    <t>《100～》</t>
  </si>
  <si>
    <t>101～</t>
  </si>
  <si>
    <t>《95～99》</t>
  </si>
  <si>
    <t>《90～94》</t>
  </si>
  <si>
    <t>《85～89》</t>
  </si>
  <si>
    <t>《80～84》</t>
  </si>
  <si>
    <t>《75～79》</t>
  </si>
  <si>
    <t>《70～74》</t>
  </si>
  <si>
    <t>《65～69》</t>
  </si>
  <si>
    <t>【15～64】</t>
  </si>
  <si>
    <t>《60～64》</t>
  </si>
  <si>
    <t>《55～59》</t>
  </si>
  <si>
    <t>《50～54》</t>
  </si>
  <si>
    <t>《45～49》</t>
  </si>
  <si>
    <t>《40～44》</t>
  </si>
  <si>
    <t>《35～39》</t>
  </si>
  <si>
    <t>《30～34》</t>
  </si>
  <si>
    <t>《25～29》</t>
  </si>
  <si>
    <t>《20～24》</t>
  </si>
  <si>
    <t>《15～19》</t>
  </si>
  <si>
    <t>【0～14】</t>
  </si>
  <si>
    <t>《10～14》</t>
  </si>
  <si>
    <t>《5～9》</t>
  </si>
  <si>
    <t>《0～4》</t>
  </si>
  <si>
    <t>計</t>
    <rPh sb="0" eb="1">
      <t>ケイ</t>
    </rPh>
    <phoneticPr fontId="3"/>
  </si>
  <si>
    <t>女</t>
    <rPh sb="0" eb="1">
      <t>オンナ</t>
    </rPh>
    <phoneticPr fontId="3"/>
  </si>
  <si>
    <t>男</t>
    <rPh sb="0" eb="1">
      <t>オトコ</t>
    </rPh>
    <phoneticPr fontId="3"/>
  </si>
  <si>
    <t>年齢</t>
    <rPh sb="0" eb="2">
      <t>ネンレイ</t>
    </rPh>
    <phoneticPr fontId="3"/>
  </si>
  <si>
    <t>令和7年12月末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下タ</t>
    <rPh sb="0" eb="1">
      <t>シタ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萩浦</t>
    <rPh sb="0" eb="1">
      <t>ハギ</t>
    </rPh>
    <rPh sb="1" eb="2">
      <t>ウ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7年12月末</t>
    <rPh sb="0" eb="2">
      <t>レイワ</t>
    </rPh>
    <rPh sb="3" eb="4">
      <t>ネン</t>
    </rPh>
    <rPh sb="6" eb="7">
      <t>ガツ</t>
    </rPh>
    <rPh sb="7" eb="8">
      <t>マツ</t>
    </rPh>
    <phoneticPr fontId="3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14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 applyNumberFormat="0" applyFill="0" applyBorder="0" applyAlignment="0" applyProtection="0"/>
  </cellStyleXfs>
  <cellXfs count="48">
    <xf numFmtId="0" fontId="0" fillId="0" borderId="0" xfId="0"/>
    <xf numFmtId="38" fontId="0" fillId="0" borderId="1" xfId="1" applyFont="1" applyBorder="1" applyAlignment="1">
      <alignment vertical="center"/>
    </xf>
    <xf numFmtId="38" fontId="0" fillId="0" borderId="2" xfId="1" applyFont="1" applyBorder="1" applyAlignment="1">
      <alignment vertical="center"/>
    </xf>
    <xf numFmtId="38" fontId="0" fillId="0" borderId="3" xfId="1" applyFont="1" applyBorder="1" applyAlignment="1">
      <alignment vertical="center"/>
    </xf>
    <xf numFmtId="38" fontId="0" fillId="0" borderId="4" xfId="1" applyFont="1" applyBorder="1" applyAlignment="1">
      <alignment horizontal="distributed" vertical="center"/>
    </xf>
    <xf numFmtId="38" fontId="0" fillId="0" borderId="5" xfId="1" applyFont="1" applyBorder="1" applyAlignment="1">
      <alignment vertical="center"/>
    </xf>
    <xf numFmtId="38" fontId="0" fillId="0" borderId="6" xfId="1" applyFont="1" applyBorder="1" applyAlignment="1">
      <alignment vertical="center"/>
    </xf>
    <xf numFmtId="38" fontId="0" fillId="0" borderId="7" xfId="1" applyFont="1" applyBorder="1" applyAlignment="1">
      <alignment vertical="center"/>
    </xf>
    <xf numFmtId="38" fontId="0" fillId="0" borderId="8" xfId="1" applyFont="1" applyBorder="1" applyAlignment="1">
      <alignment horizontal="distributed" vertical="center"/>
    </xf>
    <xf numFmtId="38" fontId="0" fillId="0" borderId="8" xfId="1" applyFont="1" applyBorder="1" applyAlignment="1">
      <alignment horizontal="center"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horizontal="distributed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38" fontId="0" fillId="0" borderId="17" xfId="1" applyFont="1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0" fontId="4" fillId="0" borderId="20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0" fillId="0" borderId="23" xfId="1" applyFont="1" applyBorder="1" applyAlignment="1">
      <alignment vertical="center"/>
    </xf>
    <xf numFmtId="38" fontId="0" fillId="0" borderId="24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14" xfId="1" applyFont="1" applyBorder="1" applyAlignment="1">
      <alignment vertical="center"/>
    </xf>
    <xf numFmtId="38" fontId="0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/>
    <xf numFmtId="0" fontId="4" fillId="0" borderId="0" xfId="0" applyFont="1" applyAlignment="1" applyProtection="1">
      <alignment horizontal="right" vertical="center"/>
      <protection locked="0"/>
    </xf>
  </cellXfs>
  <cellStyles count="3">
    <cellStyle name="ハイパーリンク" xfId="2" builtinId="8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BB00EA-4734-47F7-89AB-16B949661B75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2"/>
  <hyperlinks>
    <hyperlink ref="C5" location="'年齢別・性別人口(02愛宕)'!A1" display="愛宕" xr:uid="{930222FE-F174-4F4E-9EC8-8B050EBE30FC}"/>
    <hyperlink ref="C6" location="'年齢別・性別人口(03安野屋)'!A1" display="安野屋" xr:uid="{6C56F0B8-5B9D-4863-9BD2-7A1D7C570911}"/>
    <hyperlink ref="C7" location="'年齢別・性別人口(04八人町)'!A1" display="八人町" xr:uid="{396A260E-32AA-4DBD-9B06-D37942C9D6C0}"/>
    <hyperlink ref="C8" location="'年齢別・性別人口(05五番町)'!A1" display="五番町" xr:uid="{7973ED36-7164-45CD-BFFE-EFDB0D9F65FA}"/>
    <hyperlink ref="C9" location="'年齢別・性別人口(06柳町)'!A1" display="柳町" xr:uid="{DBE12104-C187-4B03-BEC3-F311FC789185}"/>
    <hyperlink ref="C10" location="'年齢別・性別人口(07清水町)'!A1" display="清水町" xr:uid="{75203365-6268-4C48-80FA-119BA8A1FC3F}"/>
    <hyperlink ref="C11" location="'年齢別・性別人口(08星井町)'!A1" display="星井町" xr:uid="{064E3186-53C0-4FD6-B7E1-861E902BFEF1}"/>
    <hyperlink ref="C12" location="'年齢別・性別人口(09西田地方)'!A1" display="西田地方" xr:uid="{382728FD-B1F3-488E-AAC6-E66D183A56A0}"/>
    <hyperlink ref="C13" location="'年齢別・性別人口(10堀川)'!A1" display="堀川" xr:uid="{2F22F1F8-75BB-4DAB-B2A8-5E4A6A7420AE}"/>
    <hyperlink ref="C14" location="'年齢別・性別人口(11堀川南)'!A1" display="堀川南" xr:uid="{21FCD9C3-F86C-4876-B07E-DF29BF2B9A4E}"/>
    <hyperlink ref="C15" location="'年齢別・性別人口(12東部)'!A1" display="東部" xr:uid="{87E74139-B979-40DB-9FBE-AB5AFA669E4A}"/>
    <hyperlink ref="C16" location="'年齢別・性別人口(13奥田)'!A1" display="奥田" xr:uid="{BBFB1905-34D6-4E06-A794-D837BEA4D738}"/>
    <hyperlink ref="C17" location="'年齢別・性別人口(14奥田北)'!A1" display="奥田北" xr:uid="{1ED96DE2-1A6A-4D2D-BD09-72B25648093F}"/>
    <hyperlink ref="C19" location="'年齢別・性別人口(16五福)'!A1" display="五福" xr:uid="{F7A879F6-71F3-4FC4-812C-563D29C3E37C}"/>
    <hyperlink ref="C20" location="'年齢別・性別人口(17神明)'!A1" display="神明" xr:uid="{44C7D97D-BBDA-467F-B82E-8D94BA1517B3}"/>
    <hyperlink ref="C21" location="'年齢別・性別人口(18岩瀬)'!A1" display="岩瀬" xr:uid="{C176C67D-D0D8-44E7-931B-B70158E6460E}"/>
    <hyperlink ref="C22" location="'年齢別・性別人口(19萩浦)'!A1" display="萩浦" xr:uid="{0C3D6684-699A-44C9-9CFB-17935715D16E}"/>
    <hyperlink ref="C23" location="'年齢別・性別人口(20大広田)'!A1" display="大広田" xr:uid="{8731FF30-EDB8-4904-A7DA-35C84316677B}"/>
    <hyperlink ref="C24" location="'年齢別・性別人口(21浜黒崎)'!A1" display="浜黒崎" xr:uid="{B01C43AE-BFD1-4B78-BF0E-944D11842ACB}"/>
    <hyperlink ref="C25" location="'年齢別・性別人口(22針原)'!A1" display="針原" xr:uid="{7F10E519-3FEE-43F0-B5E0-29613A44C853}"/>
    <hyperlink ref="C26" location="'年齢別・性別人口(23豊田)'!A1" display="豊田" xr:uid="{3D4DC2DE-1886-4B85-9523-CA688FEABBF2}"/>
    <hyperlink ref="C27" location="'年齢別・性別人口(24広田)'!A1" display="広田" xr:uid="{7BEFB3F8-E21D-4803-9183-D82AAC8D373A}"/>
    <hyperlink ref="C28" location="'年齢別・性別人口(25新庄)'!A1" display="新庄" xr:uid="{C3410849-FB84-4004-AFA0-CDA16B425BA9}"/>
    <hyperlink ref="C29" location="'年齢別・性別人口(26藤ノ木)'!A1" display="藤ノ木" xr:uid="{F2F2A961-DD64-4E50-8415-FF2C0A9699EF}"/>
    <hyperlink ref="C30" location="'年齢別・性別人口(27山室)'!A1" display="山室" xr:uid="{5A60C7ED-FCCD-4001-B11E-C10AFC8C533B}"/>
    <hyperlink ref="C31" location="'年齢別・性別人口(28山室中部)'!A1" display="山室中部" xr:uid="{EBE8ECFD-B6E7-40E2-880D-E3D62E87F3B4}"/>
    <hyperlink ref="C32" location="'年齢別・性別人口(29太田)'!A1" display="太田" xr:uid="{B56779B5-0454-4CC8-A266-032EF429D217}"/>
    <hyperlink ref="C33" location="'年齢別・性別人口(30蜷川)'!A1" display="蜷川" xr:uid="{44B02873-237E-4044-9CD8-4B9251FB80CD}"/>
    <hyperlink ref="C34" location="'年齢別・性別人口(31新保)'!A1" display="新保" xr:uid="{264EF46A-170F-4F02-A70D-88FCA320E580}"/>
    <hyperlink ref="C35" location="'年齢別・性別人口(32熊野)'!A1" display="熊野" xr:uid="{7F5865CC-404A-40AD-B2CF-6FAAF9E696A4}"/>
    <hyperlink ref="C36" location="'年齢別・性別人口(33月岡)'!A1" display="月岡" xr:uid="{4447BC50-2341-40A5-BC74-7C022BB853EB}"/>
    <hyperlink ref="C37" location="'年齢別・性別人口(34四方)'!A1" display="四方" xr:uid="{FC6A82CB-4F41-4FAF-902E-2531939750A8}"/>
    <hyperlink ref="C38" location="'年齢別・性別人口(35八幡)'!A1" display="八幡" xr:uid="{F27AC5FD-2A79-41B5-82AA-DFAD86FB187B}"/>
    <hyperlink ref="C39" location="'年齢別・性別人口(36草島)'!A1" display="草島" xr:uid="{2E2EE8B4-F5EE-4A66-9668-7F1BAC9D4931}"/>
    <hyperlink ref="C40" location="'年齢別・性別人口(37倉垣)'!A1" display="倉垣" xr:uid="{D873F012-C2A4-4605-A980-DC550F7CE6DD}"/>
    <hyperlink ref="C41" location="'年齢別・性別人口(38呉羽)'!A1" display="呉羽" xr:uid="{50E9FD0C-BCB9-440B-85EE-868C61750144}"/>
    <hyperlink ref="C42" location="'年齢別・性別人口(39長岡)'!A1" display="長岡" xr:uid="{13FD1452-A831-4D02-915F-5D23C2D3EF7F}"/>
    <hyperlink ref="C43" location="'年齢別・性別人口(40寒江)'!A1" display="寒江" xr:uid="{E5B2326B-A695-4B78-B2F3-5F41BF5FB0F4}"/>
    <hyperlink ref="C44" location="'年齢別・性別人口(41古沢)'!A1" display="古沢" xr:uid="{4D51AD76-6E55-4B83-BC15-9486A347C411}"/>
    <hyperlink ref="C45" location="'年齢別・性別人口(42老田)'!A1" display="老田" xr:uid="{94A6ED2E-2525-43A5-BABC-9C8C5A71DF14}"/>
    <hyperlink ref="C46" location="'年齢別・性別人口(43池多)'!A1" display="池多" xr:uid="{0DB8E3B7-0722-4BB2-A918-53341473E81F}"/>
    <hyperlink ref="C47" location="'年齢別・性別人口(44水橋中部)'!A1" display="水橋中部" xr:uid="{69242B60-7979-4AB3-BA1D-5FA63FD138F3}"/>
    <hyperlink ref="C48" location="'年齢別・性別人口(45水橋西部)'!A1" display="水橋西部" xr:uid="{501F5BA3-1F88-4414-8282-EE11672D49E5}"/>
    <hyperlink ref="C49" location="'年齢別・性別人口(46水橋東部)'!A1" display="水橋東部" xr:uid="{CAC8C187-F6AE-4FB1-BABC-D11ECB6F2775}"/>
    <hyperlink ref="C50" location="'年齢別・性別人口(47三郷)'!A1" display="三郷" xr:uid="{3F86040A-F711-4BE6-8753-D96108739A65}"/>
    <hyperlink ref="C51" location="'年齢別・性別人口(48上条)'!A1" display="上条" xr:uid="{F6CA3E63-737F-4E66-892D-9D07297EA0D3}"/>
    <hyperlink ref="C52" location="'年齢別・性別人口(49光陽)'!A1" display="光陽" xr:uid="{F3B70195-1D26-46C1-B207-A91D0054FCD4}"/>
    <hyperlink ref="C53" location="'年齢別・性別人口(50新庄北）'!A1" display="新庄北" xr:uid="{7322D17D-5387-4808-BD17-3B33BDA30F01}"/>
    <hyperlink ref="C54" location="'年齢別・性別人口(0099富山地域)'!A1" display="富山地域（合計）" xr:uid="{23BBAC6B-5C38-4D1D-995C-EC122F2544F0}"/>
    <hyperlink ref="F4" location="'年齢別・性別人口0101下タ)'!A1" display="下タ" xr:uid="{BFE2C7B9-B6DF-4B42-9A6E-EDBAE1B3FC76}"/>
    <hyperlink ref="F5" location="'年齢別・性別人口(0102小羽)'!A1" display="小羽" xr:uid="{B8530C5B-1C34-44E5-A41F-A51D203AFEE7}"/>
    <hyperlink ref="F6" location="'年齢別・性別人口(0103船峅)'!A1" display="船峅" xr:uid="{AA50B1CF-B4DD-490A-94CE-CA31E2CE0D9A}"/>
    <hyperlink ref="F7" location="'年齢別・性別人口(0104大沢野)'!A1" display="大沢野" xr:uid="{BD686CB1-1BA1-4F08-8812-84E956E7FCE5}"/>
    <hyperlink ref="F8" location="'年齢別・性別人口(0105大久保)'!A1" display="大久保" xr:uid="{BFCD3152-15C9-48CC-A41E-FD8227C8256E}"/>
    <hyperlink ref="F9" location="'年齢別・性別人口(0199大沢野地域)'!A1" display="大沢野地域（合計）" xr:uid="{818D1899-F952-4420-9354-6C3AE0210806}"/>
    <hyperlink ref="F12" location="'年齢別・性別人口(0201上滝)'!A1" display="上滝" xr:uid="{324C6D7C-93BB-45D3-80B7-B7441E6B27FF}"/>
    <hyperlink ref="F13" location="'年齢別・性別人口(0202大山)'!A1" display="大山" xr:uid="{02912F49-DE24-4127-8C0F-EDEB7BF06908}"/>
    <hyperlink ref="F14" location="'年齢別・性別人口(0203大庄)'!A1" display="大庄" xr:uid="{4B51ACBA-ED0E-49F2-A8A5-14A00DEC211C}"/>
    <hyperlink ref="F15" location="'年齢別・性別人口(0204福沢)'!A1" display="福沢" xr:uid="{2D4F0291-B324-4BCB-9048-202574CC0174}"/>
    <hyperlink ref="F16" location="'年齢別・性別人口(0299大山地域)'!A1" display="大山地域（合計）" xr:uid="{7E7187AB-D14E-4C0D-AE7A-7EE70794C13F}"/>
    <hyperlink ref="F19" location="'年齢別・性別人口(0301八尾)'!A1" display="八尾" xr:uid="{99E3BE29-8C1D-4A6D-8B4C-DCE703B56773}"/>
    <hyperlink ref="F20" location="'年齢別・性別人口(0302保内)'!A1" display="保内" xr:uid="{BC1EFD7B-5A37-437A-9C3C-29FF3AFC07A8}"/>
    <hyperlink ref="F21" location="'年齢別・性別人口(0303杉原)'!A1" display="杉原" xr:uid="{7248E2F1-0E1A-49F6-BE3D-D48075751758}"/>
    <hyperlink ref="F22" location="'年齢別・性別人口(0304卯花)'!A1" display="卯花" xr:uid="{D4556CC8-7D23-4662-86CF-119CAF459E6C}"/>
    <hyperlink ref="F23" location="'年齢別・性別人口(0305室牧)'!A1" display="室牧" xr:uid="{75B8CB14-ECC1-4A7F-B458-06F798A29E94}"/>
    <hyperlink ref="F24" location="'年齢別・性別人口(0306黒瀬谷)'!A1" display="黒瀬谷" xr:uid="{A896014B-E62D-43DB-A561-C5792C7BBE4F}"/>
    <hyperlink ref="F25" location="'年齢別・性別人口(0307野積)'!A1" display="野積" xr:uid="{917B5B5B-244C-43B9-B1D0-93D6E025C9DD}"/>
    <hyperlink ref="F26" location="'年齢別・性別人口(0308仁歩)'!A1" display="仁歩" xr:uid="{757C8BD1-E8BB-4E3A-99D2-740B43A0ACAC}"/>
    <hyperlink ref="F27" location="'年齢別・性別人口(0309大長谷)'!A1" display="大長谷" xr:uid="{9A701AA5-86DC-4C2D-B50F-83ABA04E414D}"/>
    <hyperlink ref="F28" location="'年齢別・性別人口(0399八尾地域)'!A1" display="八尾地域（合計）" xr:uid="{E105D5B7-5170-415C-A239-BB279FB7572A}"/>
    <hyperlink ref="F31" location="'年齢別・性別人口(0401速星)'!A1" display="速星" xr:uid="{AF9FF9D1-A5F1-4BBF-8E28-95254B3A1CE6}"/>
    <hyperlink ref="F32" location="'年齢別・性別人口(0402鵜坂)'!A1" display="鵜坂" xr:uid="{579A529C-77D1-47DE-A8B6-8736AD2EC6B6}"/>
    <hyperlink ref="F33" location="'年齢別・性別人口(0403朝日)'!A1" display="朝日" xr:uid="{A9EFDD17-2E69-49AB-97E7-14CF81C8F64E}"/>
    <hyperlink ref="F34" location="'年齢別・性別人口(0404宮川)'!A1" display="宮川" xr:uid="{D7235705-5573-49F5-A2AE-3A274C025945}"/>
    <hyperlink ref="F35" location="'年齢別・性別人口(0405婦中熊野)'!A1" display="婦中熊野" xr:uid="{B8801B34-A039-4D31-933F-135C659817C7}"/>
    <hyperlink ref="F36" location="'年齢別・性別人口(0406古里)'!A1" display="古里" xr:uid="{D656F2AA-02B3-44CC-BC52-087B9F9D374C}"/>
    <hyperlink ref="F37" location="'年齢別・性別人口(0407音川)'!A1" display="音川" xr:uid="{98A00D55-B7CE-4740-BD11-74BF37A7D348}"/>
    <hyperlink ref="F38" location="'年齢別・性別人口(0408神保)'!A1" display="神保" xr:uid="{95FFFCAC-A1DE-40D2-A256-D9FF18D01F98}"/>
    <hyperlink ref="F39" location="'年齢別・性別人口(0499婦中地域)'!A1" display="婦中地域（合計）" xr:uid="{55388EFD-ED3A-4F9D-A054-EF4966161077}"/>
    <hyperlink ref="F42" location="'年齢別・性別人口(0501山田南部)'!A1" display="山田南部" xr:uid="{F6173239-4CCE-4CAF-8BCD-ECB87CB9F528}"/>
    <hyperlink ref="F43" location="'年齢別・性別人口(0502山田中部)'!A1" display="山田中部" xr:uid="{39B4741A-CC5B-4ADE-A0E4-989BDC9F9F1C}"/>
    <hyperlink ref="F44" location="'年齢別・性別人口(0503山田西部)'!A1" display="山田西部" xr:uid="{40DEBE93-EC37-4DEB-B940-2F7918011467}"/>
    <hyperlink ref="F45" location="'年齢別・性別人口(0504山田東部)'!A1" display="山田東部" xr:uid="{1E01D9AB-894B-4C0C-BF1C-A52F47E73E51}"/>
    <hyperlink ref="F46" location="'年齢別・性別人口(0599山田地域)'!A1" display="山田地域（合計）" xr:uid="{92A0A43D-EBCD-4A66-A9F8-39480C50EA33}"/>
    <hyperlink ref="F49" location="'年齢別・性別人口(0601細入北部)'!A1" display="細入北部" xr:uid="{52586470-242B-44EB-BDD5-452B56669559}"/>
    <hyperlink ref="F50" location="'年齢別・性別人口(0602細入南部)'!A1" display="細入南部" xr:uid="{36FD4497-5ACA-4A24-BB2C-2571CFEBA9E2}"/>
    <hyperlink ref="F51" location="'年齢別・性別人口(0699細入地域)'!A1" display="細入地域（合計）" xr:uid="{7DEF3C6D-A604-490C-A9A3-906D446ABFA0}"/>
    <hyperlink ref="C18" location="'年齢別・性別人口(15桜谷)'!A1" display="桜谷" xr:uid="{63F76865-244A-4564-8DE1-C0775A118168}"/>
    <hyperlink ref="C4" location="'年齢別・性別人口(01総曲輪)'!A1" display="総曲輪" xr:uid="{85AE5F7B-F043-481B-A0AF-4B6430E547BF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077D7C-0213-43D3-9B37-C0839195C242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5</v>
      </c>
      <c r="C5" s="11">
        <v>16</v>
      </c>
      <c r="D5" s="10">
        <v>31</v>
      </c>
    </row>
    <row r="6" spans="1:4" ht="18" customHeight="1" x14ac:dyDescent="0.15">
      <c r="A6" s="8">
        <v>1</v>
      </c>
      <c r="B6" s="21">
        <v>17</v>
      </c>
      <c r="C6" s="6">
        <v>16</v>
      </c>
      <c r="D6" s="5">
        <v>33</v>
      </c>
    </row>
    <row r="7" spans="1:4" ht="18" customHeight="1" x14ac:dyDescent="0.15">
      <c r="A7" s="8">
        <v>2</v>
      </c>
      <c r="B7" s="21">
        <v>24</v>
      </c>
      <c r="C7" s="6">
        <v>14</v>
      </c>
      <c r="D7" s="5">
        <v>38</v>
      </c>
    </row>
    <row r="8" spans="1:4" ht="18" customHeight="1" x14ac:dyDescent="0.15">
      <c r="A8" s="8">
        <v>3</v>
      </c>
      <c r="B8" s="21">
        <v>19</v>
      </c>
      <c r="C8" s="6">
        <v>23</v>
      </c>
      <c r="D8" s="5">
        <v>42</v>
      </c>
    </row>
    <row r="9" spans="1:4" ht="18" customHeight="1" x14ac:dyDescent="0.15">
      <c r="A9" s="8">
        <v>4</v>
      </c>
      <c r="B9" s="21">
        <v>19</v>
      </c>
      <c r="C9" s="6">
        <v>14</v>
      </c>
      <c r="D9" s="5">
        <v>33</v>
      </c>
    </row>
    <row r="10" spans="1:4" ht="18" customHeight="1" x14ac:dyDescent="0.15">
      <c r="A10" s="8" t="s">
        <v>25</v>
      </c>
      <c r="B10" s="21">
        <v>94</v>
      </c>
      <c r="C10" s="6">
        <v>83</v>
      </c>
      <c r="D10" s="5">
        <v>177</v>
      </c>
    </row>
    <row r="11" spans="1:4" ht="18" customHeight="1" x14ac:dyDescent="0.15">
      <c r="A11" s="8">
        <v>5</v>
      </c>
      <c r="B11" s="21">
        <v>27</v>
      </c>
      <c r="C11" s="6">
        <v>24</v>
      </c>
      <c r="D11" s="5">
        <v>51</v>
      </c>
    </row>
    <row r="12" spans="1:4" ht="18" customHeight="1" x14ac:dyDescent="0.15">
      <c r="A12" s="8">
        <v>6</v>
      </c>
      <c r="B12" s="21">
        <v>30</v>
      </c>
      <c r="C12" s="6">
        <v>26</v>
      </c>
      <c r="D12" s="5">
        <v>56</v>
      </c>
    </row>
    <row r="13" spans="1:4" ht="18" customHeight="1" x14ac:dyDescent="0.15">
      <c r="A13" s="8">
        <v>7</v>
      </c>
      <c r="B13" s="21">
        <v>20</v>
      </c>
      <c r="C13" s="6">
        <v>23</v>
      </c>
      <c r="D13" s="5">
        <v>43</v>
      </c>
    </row>
    <row r="14" spans="1:4" ht="18" customHeight="1" x14ac:dyDescent="0.15">
      <c r="A14" s="8">
        <v>8</v>
      </c>
      <c r="B14" s="21">
        <v>27</v>
      </c>
      <c r="C14" s="6">
        <v>23</v>
      </c>
      <c r="D14" s="5">
        <v>50</v>
      </c>
    </row>
    <row r="15" spans="1:4" ht="18" customHeight="1" x14ac:dyDescent="0.15">
      <c r="A15" s="8">
        <v>9</v>
      </c>
      <c r="B15" s="21">
        <v>25</v>
      </c>
      <c r="C15" s="6">
        <v>27</v>
      </c>
      <c r="D15" s="5">
        <v>52</v>
      </c>
    </row>
    <row r="16" spans="1:4" ht="18" customHeight="1" x14ac:dyDescent="0.15">
      <c r="A16" s="8" t="s">
        <v>24</v>
      </c>
      <c r="B16" s="21">
        <v>129</v>
      </c>
      <c r="C16" s="6">
        <v>123</v>
      </c>
      <c r="D16" s="5">
        <v>252</v>
      </c>
    </row>
    <row r="17" spans="1:4" ht="18" customHeight="1" x14ac:dyDescent="0.15">
      <c r="A17" s="8">
        <v>10</v>
      </c>
      <c r="B17" s="21">
        <v>30</v>
      </c>
      <c r="C17" s="6">
        <v>28</v>
      </c>
      <c r="D17" s="5">
        <v>58</v>
      </c>
    </row>
    <row r="18" spans="1:4" ht="18" customHeight="1" x14ac:dyDescent="0.15">
      <c r="A18" s="8">
        <v>11</v>
      </c>
      <c r="B18" s="21">
        <v>20</v>
      </c>
      <c r="C18" s="6">
        <v>28</v>
      </c>
      <c r="D18" s="5">
        <v>48</v>
      </c>
    </row>
    <row r="19" spans="1:4" ht="18" customHeight="1" x14ac:dyDescent="0.15">
      <c r="A19" s="8">
        <v>12</v>
      </c>
      <c r="B19" s="21">
        <v>32</v>
      </c>
      <c r="C19" s="6">
        <v>22</v>
      </c>
      <c r="D19" s="5">
        <v>54</v>
      </c>
    </row>
    <row r="20" spans="1:4" ht="18" customHeight="1" x14ac:dyDescent="0.15">
      <c r="A20" s="8">
        <v>13</v>
      </c>
      <c r="B20" s="21">
        <v>30</v>
      </c>
      <c r="C20" s="6">
        <v>34</v>
      </c>
      <c r="D20" s="5">
        <v>64</v>
      </c>
    </row>
    <row r="21" spans="1:4" ht="18" customHeight="1" x14ac:dyDescent="0.15">
      <c r="A21" s="8">
        <v>14</v>
      </c>
      <c r="B21" s="21">
        <v>30</v>
      </c>
      <c r="C21" s="6">
        <v>30</v>
      </c>
      <c r="D21" s="5">
        <v>60</v>
      </c>
    </row>
    <row r="22" spans="1:4" ht="18" customHeight="1" x14ac:dyDescent="0.15">
      <c r="A22" s="8" t="s">
        <v>23</v>
      </c>
      <c r="B22" s="21">
        <v>142</v>
      </c>
      <c r="C22" s="6">
        <v>142</v>
      </c>
      <c r="D22" s="5">
        <v>284</v>
      </c>
    </row>
    <row r="23" spans="1:4" ht="18" customHeight="1" x14ac:dyDescent="0.15">
      <c r="A23" s="8" t="s">
        <v>22</v>
      </c>
      <c r="B23" s="21">
        <v>365</v>
      </c>
      <c r="C23" s="6">
        <v>348</v>
      </c>
      <c r="D23" s="5">
        <v>713</v>
      </c>
    </row>
    <row r="24" spans="1:4" ht="18" customHeight="1" x14ac:dyDescent="0.15">
      <c r="A24" s="8">
        <v>15</v>
      </c>
      <c r="B24" s="21">
        <v>33</v>
      </c>
      <c r="C24" s="6">
        <v>24</v>
      </c>
      <c r="D24" s="5">
        <v>57</v>
      </c>
    </row>
    <row r="25" spans="1:4" ht="18" customHeight="1" x14ac:dyDescent="0.15">
      <c r="A25" s="8">
        <v>16</v>
      </c>
      <c r="B25" s="21">
        <v>22</v>
      </c>
      <c r="C25" s="6">
        <v>21</v>
      </c>
      <c r="D25" s="5">
        <v>43</v>
      </c>
    </row>
    <row r="26" spans="1:4" ht="18" customHeight="1" x14ac:dyDescent="0.15">
      <c r="A26" s="8">
        <v>17</v>
      </c>
      <c r="B26" s="21">
        <v>35</v>
      </c>
      <c r="C26" s="6">
        <v>39</v>
      </c>
      <c r="D26" s="5">
        <v>74</v>
      </c>
    </row>
    <row r="27" spans="1:4" ht="18" customHeight="1" x14ac:dyDescent="0.15">
      <c r="A27" s="8">
        <v>18</v>
      </c>
      <c r="B27" s="21">
        <v>24</v>
      </c>
      <c r="C27" s="6">
        <v>35</v>
      </c>
      <c r="D27" s="5">
        <v>59</v>
      </c>
    </row>
    <row r="28" spans="1:4" ht="18" customHeight="1" x14ac:dyDescent="0.15">
      <c r="A28" s="8">
        <v>19</v>
      </c>
      <c r="B28" s="21">
        <v>24</v>
      </c>
      <c r="C28" s="6">
        <v>18</v>
      </c>
      <c r="D28" s="5">
        <v>42</v>
      </c>
    </row>
    <row r="29" spans="1:4" ht="18" customHeight="1" x14ac:dyDescent="0.15">
      <c r="A29" s="8" t="s">
        <v>21</v>
      </c>
      <c r="B29" s="21">
        <v>138</v>
      </c>
      <c r="C29" s="6">
        <v>137</v>
      </c>
      <c r="D29" s="5">
        <v>275</v>
      </c>
    </row>
    <row r="30" spans="1:4" ht="18" customHeight="1" x14ac:dyDescent="0.15">
      <c r="A30" s="8">
        <v>20</v>
      </c>
      <c r="B30" s="21">
        <v>15</v>
      </c>
      <c r="C30" s="6">
        <v>28</v>
      </c>
      <c r="D30" s="5">
        <v>43</v>
      </c>
    </row>
    <row r="31" spans="1:4" ht="18" customHeight="1" x14ac:dyDescent="0.15">
      <c r="A31" s="8">
        <v>21</v>
      </c>
      <c r="B31" s="21">
        <v>20</v>
      </c>
      <c r="C31" s="6">
        <v>24</v>
      </c>
      <c r="D31" s="5">
        <v>44</v>
      </c>
    </row>
    <row r="32" spans="1:4" ht="18" customHeight="1" x14ac:dyDescent="0.15">
      <c r="A32" s="8">
        <v>22</v>
      </c>
      <c r="B32" s="21">
        <v>28</v>
      </c>
      <c r="C32" s="6">
        <v>21</v>
      </c>
      <c r="D32" s="5">
        <v>49</v>
      </c>
    </row>
    <row r="33" spans="1:4" ht="18" customHeight="1" x14ac:dyDescent="0.15">
      <c r="A33" s="8">
        <v>23</v>
      </c>
      <c r="B33" s="21">
        <v>25</v>
      </c>
      <c r="C33" s="6">
        <v>24</v>
      </c>
      <c r="D33" s="5">
        <v>49</v>
      </c>
    </row>
    <row r="34" spans="1:4" ht="18" customHeight="1" x14ac:dyDescent="0.15">
      <c r="A34" s="8">
        <v>24</v>
      </c>
      <c r="B34" s="21">
        <v>24</v>
      </c>
      <c r="C34" s="6">
        <v>23</v>
      </c>
      <c r="D34" s="5">
        <v>47</v>
      </c>
    </row>
    <row r="35" spans="1:4" ht="18" customHeight="1" x14ac:dyDescent="0.15">
      <c r="A35" s="8" t="s">
        <v>20</v>
      </c>
      <c r="B35" s="21">
        <v>112</v>
      </c>
      <c r="C35" s="6">
        <v>120</v>
      </c>
      <c r="D35" s="5">
        <v>232</v>
      </c>
    </row>
    <row r="36" spans="1:4" ht="18" customHeight="1" x14ac:dyDescent="0.15">
      <c r="A36" s="8">
        <v>25</v>
      </c>
      <c r="B36" s="21">
        <v>24</v>
      </c>
      <c r="C36" s="6">
        <v>19</v>
      </c>
      <c r="D36" s="5">
        <v>43</v>
      </c>
    </row>
    <row r="37" spans="1:4" ht="18" customHeight="1" x14ac:dyDescent="0.15">
      <c r="A37" s="8">
        <v>26</v>
      </c>
      <c r="B37" s="21">
        <v>26</v>
      </c>
      <c r="C37" s="6">
        <v>31</v>
      </c>
      <c r="D37" s="5">
        <v>57</v>
      </c>
    </row>
    <row r="38" spans="1:4" ht="18" customHeight="1" x14ac:dyDescent="0.15">
      <c r="A38" s="8">
        <v>27</v>
      </c>
      <c r="B38" s="21">
        <v>25</v>
      </c>
      <c r="C38" s="6">
        <v>30</v>
      </c>
      <c r="D38" s="5">
        <v>55</v>
      </c>
    </row>
    <row r="39" spans="1:4" ht="18" customHeight="1" x14ac:dyDescent="0.15">
      <c r="A39" s="8">
        <v>28</v>
      </c>
      <c r="B39" s="21">
        <v>42</v>
      </c>
      <c r="C39" s="6">
        <v>27</v>
      </c>
      <c r="D39" s="5">
        <v>69</v>
      </c>
    </row>
    <row r="40" spans="1:4" ht="18" customHeight="1" x14ac:dyDescent="0.15">
      <c r="A40" s="8">
        <v>29</v>
      </c>
      <c r="B40" s="21">
        <v>29</v>
      </c>
      <c r="C40" s="6">
        <v>41</v>
      </c>
      <c r="D40" s="5">
        <v>70</v>
      </c>
    </row>
    <row r="41" spans="1:4" ht="18" customHeight="1" x14ac:dyDescent="0.15">
      <c r="A41" s="8" t="s">
        <v>19</v>
      </c>
      <c r="B41" s="21">
        <v>146</v>
      </c>
      <c r="C41" s="6">
        <v>148</v>
      </c>
      <c r="D41" s="5">
        <v>294</v>
      </c>
    </row>
    <row r="42" spans="1:4" ht="18" customHeight="1" x14ac:dyDescent="0.15">
      <c r="A42" s="8">
        <v>30</v>
      </c>
      <c r="B42" s="21">
        <v>28</v>
      </c>
      <c r="C42" s="6">
        <v>22</v>
      </c>
      <c r="D42" s="5">
        <v>50</v>
      </c>
    </row>
    <row r="43" spans="1:4" ht="18" customHeight="1" x14ac:dyDescent="0.15">
      <c r="A43" s="8">
        <v>31</v>
      </c>
      <c r="B43" s="21">
        <v>24</v>
      </c>
      <c r="C43" s="6">
        <v>27</v>
      </c>
      <c r="D43" s="5">
        <v>51</v>
      </c>
    </row>
    <row r="44" spans="1:4" ht="18" customHeight="1" x14ac:dyDescent="0.15">
      <c r="A44" s="8">
        <v>32</v>
      </c>
      <c r="B44" s="21">
        <v>38</v>
      </c>
      <c r="C44" s="6">
        <v>20</v>
      </c>
      <c r="D44" s="5">
        <v>58</v>
      </c>
    </row>
    <row r="45" spans="1:4" ht="18" customHeight="1" x14ac:dyDescent="0.15">
      <c r="A45" s="8">
        <v>33</v>
      </c>
      <c r="B45" s="21">
        <v>31</v>
      </c>
      <c r="C45" s="6">
        <v>26</v>
      </c>
      <c r="D45" s="5">
        <v>57</v>
      </c>
    </row>
    <row r="46" spans="1:4" ht="18" customHeight="1" x14ac:dyDescent="0.15">
      <c r="A46" s="8">
        <v>34</v>
      </c>
      <c r="B46" s="21">
        <v>42</v>
      </c>
      <c r="C46" s="6">
        <v>38</v>
      </c>
      <c r="D46" s="5">
        <v>80</v>
      </c>
    </row>
    <row r="47" spans="1:4" ht="18" customHeight="1" x14ac:dyDescent="0.15">
      <c r="A47" s="8" t="s">
        <v>18</v>
      </c>
      <c r="B47" s="21">
        <v>163</v>
      </c>
      <c r="C47" s="6">
        <v>133</v>
      </c>
      <c r="D47" s="5">
        <v>296</v>
      </c>
    </row>
    <row r="48" spans="1:4" ht="18" customHeight="1" x14ac:dyDescent="0.15">
      <c r="A48" s="8">
        <v>35</v>
      </c>
      <c r="B48" s="21">
        <v>29</v>
      </c>
      <c r="C48" s="6">
        <v>29</v>
      </c>
      <c r="D48" s="5">
        <v>58</v>
      </c>
    </row>
    <row r="49" spans="1:4" ht="18" customHeight="1" x14ac:dyDescent="0.15">
      <c r="A49" s="8">
        <v>36</v>
      </c>
      <c r="B49" s="21">
        <v>35</v>
      </c>
      <c r="C49" s="6">
        <v>32</v>
      </c>
      <c r="D49" s="5">
        <v>67</v>
      </c>
    </row>
    <row r="50" spans="1:4" ht="18" customHeight="1" x14ac:dyDescent="0.15">
      <c r="A50" s="8">
        <v>37</v>
      </c>
      <c r="B50" s="21">
        <v>35</v>
      </c>
      <c r="C50" s="6">
        <v>38</v>
      </c>
      <c r="D50" s="5">
        <v>73</v>
      </c>
    </row>
    <row r="51" spans="1:4" ht="18" customHeight="1" x14ac:dyDescent="0.15">
      <c r="A51" s="8">
        <v>38</v>
      </c>
      <c r="B51" s="21">
        <v>41</v>
      </c>
      <c r="C51" s="6">
        <v>32</v>
      </c>
      <c r="D51" s="5">
        <v>73</v>
      </c>
    </row>
    <row r="52" spans="1:4" ht="18" customHeight="1" x14ac:dyDescent="0.15">
      <c r="A52" s="8">
        <v>39</v>
      </c>
      <c r="B52" s="21">
        <v>39</v>
      </c>
      <c r="C52" s="6">
        <v>42</v>
      </c>
      <c r="D52" s="5">
        <v>81</v>
      </c>
    </row>
    <row r="53" spans="1:4" ht="18" customHeight="1" x14ac:dyDescent="0.15">
      <c r="A53" s="8" t="s">
        <v>17</v>
      </c>
      <c r="B53" s="21">
        <v>179</v>
      </c>
      <c r="C53" s="6">
        <v>173</v>
      </c>
      <c r="D53" s="5">
        <v>352</v>
      </c>
    </row>
    <row r="54" spans="1:4" ht="18" customHeight="1" x14ac:dyDescent="0.15">
      <c r="A54" s="8">
        <v>40</v>
      </c>
      <c r="B54" s="21">
        <v>36</v>
      </c>
      <c r="C54" s="6">
        <v>38</v>
      </c>
      <c r="D54" s="5">
        <v>74</v>
      </c>
    </row>
    <row r="55" spans="1:4" ht="18" customHeight="1" x14ac:dyDescent="0.15">
      <c r="A55" s="8">
        <v>41</v>
      </c>
      <c r="B55" s="21">
        <v>52</v>
      </c>
      <c r="C55" s="6">
        <v>39</v>
      </c>
      <c r="D55" s="5">
        <v>91</v>
      </c>
    </row>
    <row r="56" spans="1:4" ht="18" customHeight="1" x14ac:dyDescent="0.15">
      <c r="A56" s="8">
        <v>42</v>
      </c>
      <c r="B56" s="21">
        <v>38</v>
      </c>
      <c r="C56" s="6">
        <v>31</v>
      </c>
      <c r="D56" s="5">
        <v>69</v>
      </c>
    </row>
    <row r="57" spans="1:4" ht="18" customHeight="1" x14ac:dyDescent="0.15">
      <c r="A57" s="8">
        <v>43</v>
      </c>
      <c r="B57" s="21">
        <v>36</v>
      </c>
      <c r="C57" s="6">
        <v>33</v>
      </c>
      <c r="D57" s="5">
        <v>69</v>
      </c>
    </row>
    <row r="58" spans="1:4" ht="18" customHeight="1" x14ac:dyDescent="0.15">
      <c r="A58" s="8">
        <v>44</v>
      </c>
      <c r="B58" s="21">
        <v>31</v>
      </c>
      <c r="C58" s="6">
        <v>37</v>
      </c>
      <c r="D58" s="5">
        <v>68</v>
      </c>
    </row>
    <row r="59" spans="1:4" ht="18" customHeight="1" x14ac:dyDescent="0.15">
      <c r="A59" s="8" t="s">
        <v>16</v>
      </c>
      <c r="B59" s="21">
        <v>193</v>
      </c>
      <c r="C59" s="6">
        <v>178</v>
      </c>
      <c r="D59" s="5">
        <v>371</v>
      </c>
    </row>
    <row r="60" spans="1:4" ht="18" customHeight="1" x14ac:dyDescent="0.15">
      <c r="A60" s="8">
        <v>45</v>
      </c>
      <c r="B60" s="21">
        <v>48</v>
      </c>
      <c r="C60" s="6">
        <v>37</v>
      </c>
      <c r="D60" s="5">
        <v>85</v>
      </c>
    </row>
    <row r="61" spans="1:4" ht="18" customHeight="1" x14ac:dyDescent="0.15">
      <c r="A61" s="8">
        <v>46</v>
      </c>
      <c r="B61" s="21">
        <v>41</v>
      </c>
      <c r="C61" s="6">
        <v>31</v>
      </c>
      <c r="D61" s="5">
        <v>72</v>
      </c>
    </row>
    <row r="62" spans="1:4" ht="18" customHeight="1" x14ac:dyDescent="0.15">
      <c r="A62" s="8">
        <v>47</v>
      </c>
      <c r="B62" s="21">
        <v>39</v>
      </c>
      <c r="C62" s="6">
        <v>46</v>
      </c>
      <c r="D62" s="5">
        <v>85</v>
      </c>
    </row>
    <row r="63" spans="1:4" ht="18" customHeight="1" x14ac:dyDescent="0.15">
      <c r="A63" s="8">
        <v>48</v>
      </c>
      <c r="B63" s="21">
        <v>45</v>
      </c>
      <c r="C63" s="6">
        <v>39</v>
      </c>
      <c r="D63" s="5">
        <v>84</v>
      </c>
    </row>
    <row r="64" spans="1:4" ht="18" customHeight="1" x14ac:dyDescent="0.15">
      <c r="A64" s="8">
        <v>49</v>
      </c>
      <c r="B64" s="21">
        <v>46</v>
      </c>
      <c r="C64" s="6">
        <v>50</v>
      </c>
      <c r="D64" s="5">
        <v>96</v>
      </c>
    </row>
    <row r="65" spans="1:4" ht="18" customHeight="1" x14ac:dyDescent="0.15">
      <c r="A65" s="8" t="s">
        <v>15</v>
      </c>
      <c r="B65" s="21">
        <v>219</v>
      </c>
      <c r="C65" s="6">
        <v>203</v>
      </c>
      <c r="D65" s="5">
        <v>422</v>
      </c>
    </row>
    <row r="66" spans="1:4" ht="18" customHeight="1" x14ac:dyDescent="0.15">
      <c r="A66" s="8">
        <v>50</v>
      </c>
      <c r="B66" s="21">
        <v>40</v>
      </c>
      <c r="C66" s="6">
        <v>51</v>
      </c>
      <c r="D66" s="5">
        <v>91</v>
      </c>
    </row>
    <row r="67" spans="1:4" ht="18" customHeight="1" x14ac:dyDescent="0.15">
      <c r="A67" s="8">
        <v>51</v>
      </c>
      <c r="B67" s="21">
        <v>65</v>
      </c>
      <c r="C67" s="6">
        <v>64</v>
      </c>
      <c r="D67" s="5">
        <v>129</v>
      </c>
    </row>
    <row r="68" spans="1:4" ht="18" customHeight="1" x14ac:dyDescent="0.15">
      <c r="A68" s="8">
        <v>52</v>
      </c>
      <c r="B68" s="21">
        <v>60</v>
      </c>
      <c r="C68" s="6">
        <v>69</v>
      </c>
      <c r="D68" s="5">
        <v>129</v>
      </c>
    </row>
    <row r="69" spans="1:4" ht="18" customHeight="1" x14ac:dyDescent="0.15">
      <c r="A69" s="8">
        <v>53</v>
      </c>
      <c r="B69" s="21">
        <v>59</v>
      </c>
      <c r="C69" s="6">
        <v>61</v>
      </c>
      <c r="D69" s="5">
        <v>120</v>
      </c>
    </row>
    <row r="70" spans="1:4" ht="18" customHeight="1" x14ac:dyDescent="0.15">
      <c r="A70" s="8">
        <v>54</v>
      </c>
      <c r="B70" s="21">
        <v>59</v>
      </c>
      <c r="C70" s="6">
        <v>60</v>
      </c>
      <c r="D70" s="5">
        <v>119</v>
      </c>
    </row>
    <row r="71" spans="1:4" ht="18" customHeight="1" x14ac:dyDescent="0.15">
      <c r="A71" s="8" t="s">
        <v>14</v>
      </c>
      <c r="B71" s="21">
        <v>283</v>
      </c>
      <c r="C71" s="6">
        <v>305</v>
      </c>
      <c r="D71" s="5">
        <v>588</v>
      </c>
    </row>
    <row r="72" spans="1:4" ht="18" customHeight="1" x14ac:dyDescent="0.15">
      <c r="A72" s="8">
        <v>55</v>
      </c>
      <c r="B72" s="21">
        <v>54</v>
      </c>
      <c r="C72" s="6">
        <v>46</v>
      </c>
      <c r="D72" s="5">
        <v>100</v>
      </c>
    </row>
    <row r="73" spans="1:4" ht="18" customHeight="1" x14ac:dyDescent="0.15">
      <c r="A73" s="8">
        <v>56</v>
      </c>
      <c r="B73" s="21">
        <v>67</v>
      </c>
      <c r="C73" s="6">
        <v>34</v>
      </c>
      <c r="D73" s="5">
        <v>101</v>
      </c>
    </row>
    <row r="74" spans="1:4" ht="18" customHeight="1" x14ac:dyDescent="0.15">
      <c r="A74" s="8">
        <v>57</v>
      </c>
      <c r="B74" s="21">
        <v>55</v>
      </c>
      <c r="C74" s="6">
        <v>49</v>
      </c>
      <c r="D74" s="5">
        <v>104</v>
      </c>
    </row>
    <row r="75" spans="1:4" ht="18" customHeight="1" x14ac:dyDescent="0.15">
      <c r="A75" s="8">
        <v>58</v>
      </c>
      <c r="B75" s="21">
        <v>53</v>
      </c>
      <c r="C75" s="6">
        <v>49</v>
      </c>
      <c r="D75" s="5">
        <v>102</v>
      </c>
    </row>
    <row r="76" spans="1:4" ht="18" customHeight="1" x14ac:dyDescent="0.15">
      <c r="A76" s="8">
        <v>59</v>
      </c>
      <c r="B76" s="21">
        <v>27</v>
      </c>
      <c r="C76" s="6">
        <v>33</v>
      </c>
      <c r="D76" s="5">
        <v>60</v>
      </c>
    </row>
    <row r="77" spans="1:4" ht="18" customHeight="1" x14ac:dyDescent="0.15">
      <c r="A77" s="8" t="s">
        <v>13</v>
      </c>
      <c r="B77" s="21">
        <v>256</v>
      </c>
      <c r="C77" s="6">
        <v>211</v>
      </c>
      <c r="D77" s="5">
        <v>467</v>
      </c>
    </row>
    <row r="78" spans="1:4" ht="18" customHeight="1" x14ac:dyDescent="0.15">
      <c r="A78" s="8">
        <v>60</v>
      </c>
      <c r="B78" s="21">
        <v>29</v>
      </c>
      <c r="C78" s="6">
        <v>44</v>
      </c>
      <c r="D78" s="5">
        <v>73</v>
      </c>
    </row>
    <row r="79" spans="1:4" ht="18" customHeight="1" x14ac:dyDescent="0.15">
      <c r="A79" s="8">
        <v>61</v>
      </c>
      <c r="B79" s="21">
        <v>43</v>
      </c>
      <c r="C79" s="6">
        <v>41</v>
      </c>
      <c r="D79" s="5">
        <v>84</v>
      </c>
    </row>
    <row r="80" spans="1:4" ht="18" customHeight="1" x14ac:dyDescent="0.15">
      <c r="A80" s="8">
        <v>62</v>
      </c>
      <c r="B80" s="21">
        <v>29</v>
      </c>
      <c r="C80" s="6">
        <v>37</v>
      </c>
      <c r="D80" s="5">
        <v>66</v>
      </c>
    </row>
    <row r="81" spans="1:4" ht="18" customHeight="1" x14ac:dyDescent="0.15">
      <c r="A81" s="8">
        <v>63</v>
      </c>
      <c r="B81" s="21">
        <v>44</v>
      </c>
      <c r="C81" s="6">
        <v>33</v>
      </c>
      <c r="D81" s="5">
        <v>77</v>
      </c>
    </row>
    <row r="82" spans="1:4" ht="18" customHeight="1" x14ac:dyDescent="0.15">
      <c r="A82" s="8">
        <v>64</v>
      </c>
      <c r="B82" s="21">
        <v>42</v>
      </c>
      <c r="C82" s="6">
        <v>44</v>
      </c>
      <c r="D82" s="5">
        <v>86</v>
      </c>
    </row>
    <row r="83" spans="1:4" ht="18" customHeight="1" x14ac:dyDescent="0.15">
      <c r="A83" s="8" t="s">
        <v>12</v>
      </c>
      <c r="B83" s="21">
        <v>187</v>
      </c>
      <c r="C83" s="6">
        <v>199</v>
      </c>
      <c r="D83" s="5">
        <v>386</v>
      </c>
    </row>
    <row r="84" spans="1:4" ht="18" customHeight="1" x14ac:dyDescent="0.15">
      <c r="A84" s="8" t="s">
        <v>11</v>
      </c>
      <c r="B84" s="21">
        <v>1876</v>
      </c>
      <c r="C84" s="6">
        <v>1807</v>
      </c>
      <c r="D84" s="5">
        <v>3683</v>
      </c>
    </row>
    <row r="85" spans="1:4" ht="18" customHeight="1" x14ac:dyDescent="0.15">
      <c r="A85" s="8">
        <v>65</v>
      </c>
      <c r="B85" s="21">
        <v>42</v>
      </c>
      <c r="C85" s="6">
        <v>36</v>
      </c>
      <c r="D85" s="5">
        <v>78</v>
      </c>
    </row>
    <row r="86" spans="1:4" ht="18" customHeight="1" x14ac:dyDescent="0.15">
      <c r="A86" s="8">
        <v>66</v>
      </c>
      <c r="B86" s="21">
        <v>29</v>
      </c>
      <c r="C86" s="6">
        <v>36</v>
      </c>
      <c r="D86" s="5">
        <v>65</v>
      </c>
    </row>
    <row r="87" spans="1:4" ht="18" customHeight="1" x14ac:dyDescent="0.15">
      <c r="A87" s="8">
        <v>67</v>
      </c>
      <c r="B87" s="21">
        <v>35</v>
      </c>
      <c r="C87" s="6">
        <v>45</v>
      </c>
      <c r="D87" s="5">
        <v>80</v>
      </c>
    </row>
    <row r="88" spans="1:4" ht="18" customHeight="1" x14ac:dyDescent="0.15">
      <c r="A88" s="8">
        <v>68</v>
      </c>
      <c r="B88" s="21">
        <v>41</v>
      </c>
      <c r="C88" s="6">
        <v>34</v>
      </c>
      <c r="D88" s="5">
        <v>75</v>
      </c>
    </row>
    <row r="89" spans="1:4" ht="18" customHeight="1" x14ac:dyDescent="0.15">
      <c r="A89" s="8">
        <v>69</v>
      </c>
      <c r="B89" s="21">
        <v>30</v>
      </c>
      <c r="C89" s="6">
        <v>27</v>
      </c>
      <c r="D89" s="5">
        <v>57</v>
      </c>
    </row>
    <row r="90" spans="1:4" ht="18" customHeight="1" x14ac:dyDescent="0.15">
      <c r="A90" s="8" t="s">
        <v>10</v>
      </c>
      <c r="B90" s="21">
        <v>177</v>
      </c>
      <c r="C90" s="6">
        <v>178</v>
      </c>
      <c r="D90" s="5">
        <v>355</v>
      </c>
    </row>
    <row r="91" spans="1:4" ht="18" customHeight="1" x14ac:dyDescent="0.15">
      <c r="A91" s="8">
        <v>70</v>
      </c>
      <c r="B91" s="21">
        <v>33</v>
      </c>
      <c r="C91" s="6">
        <v>34</v>
      </c>
      <c r="D91" s="5">
        <v>67</v>
      </c>
    </row>
    <row r="92" spans="1:4" ht="18" customHeight="1" x14ac:dyDescent="0.15">
      <c r="A92" s="8">
        <v>71</v>
      </c>
      <c r="B92" s="21">
        <v>30</v>
      </c>
      <c r="C92" s="6">
        <v>38</v>
      </c>
      <c r="D92" s="5">
        <v>68</v>
      </c>
    </row>
    <row r="93" spans="1:4" ht="18" customHeight="1" x14ac:dyDescent="0.15">
      <c r="A93" s="8">
        <v>72</v>
      </c>
      <c r="B93" s="21">
        <v>40</v>
      </c>
      <c r="C93" s="6">
        <v>45</v>
      </c>
      <c r="D93" s="5">
        <v>85</v>
      </c>
    </row>
    <row r="94" spans="1:4" ht="18" customHeight="1" x14ac:dyDescent="0.15">
      <c r="A94" s="8">
        <v>73</v>
      </c>
      <c r="B94" s="21">
        <v>29</v>
      </c>
      <c r="C94" s="6">
        <v>36</v>
      </c>
      <c r="D94" s="5">
        <v>65</v>
      </c>
    </row>
    <row r="95" spans="1:4" ht="18" customHeight="1" x14ac:dyDescent="0.15">
      <c r="A95" s="8">
        <v>74</v>
      </c>
      <c r="B95" s="21">
        <v>38</v>
      </c>
      <c r="C95" s="6">
        <v>41</v>
      </c>
      <c r="D95" s="5">
        <v>79</v>
      </c>
    </row>
    <row r="96" spans="1:4" ht="18" customHeight="1" x14ac:dyDescent="0.15">
      <c r="A96" s="8" t="s">
        <v>9</v>
      </c>
      <c r="B96" s="21">
        <v>170</v>
      </c>
      <c r="C96" s="6">
        <v>194</v>
      </c>
      <c r="D96" s="5">
        <v>364</v>
      </c>
    </row>
    <row r="97" spans="1:4" ht="18" customHeight="1" x14ac:dyDescent="0.15">
      <c r="A97" s="8">
        <v>75</v>
      </c>
      <c r="B97" s="21">
        <v>36</v>
      </c>
      <c r="C97" s="6">
        <v>46</v>
      </c>
      <c r="D97" s="5">
        <v>82</v>
      </c>
    </row>
    <row r="98" spans="1:4" ht="18" customHeight="1" x14ac:dyDescent="0.15">
      <c r="A98" s="8">
        <v>76</v>
      </c>
      <c r="B98" s="21">
        <v>39</v>
      </c>
      <c r="C98" s="6">
        <v>49</v>
      </c>
      <c r="D98" s="5">
        <v>88</v>
      </c>
    </row>
    <row r="99" spans="1:4" ht="18" customHeight="1" x14ac:dyDescent="0.15">
      <c r="A99" s="8">
        <v>77</v>
      </c>
      <c r="B99" s="21">
        <v>38</v>
      </c>
      <c r="C99" s="6">
        <v>55</v>
      </c>
      <c r="D99" s="5">
        <v>93</v>
      </c>
    </row>
    <row r="100" spans="1:4" ht="18" customHeight="1" x14ac:dyDescent="0.15">
      <c r="A100" s="8">
        <v>78</v>
      </c>
      <c r="B100" s="21">
        <v>53</v>
      </c>
      <c r="C100" s="6">
        <v>73</v>
      </c>
      <c r="D100" s="5">
        <v>126</v>
      </c>
    </row>
    <row r="101" spans="1:4" ht="18" customHeight="1" x14ac:dyDescent="0.15">
      <c r="A101" s="8">
        <v>79</v>
      </c>
      <c r="B101" s="21">
        <v>17</v>
      </c>
      <c r="C101" s="6">
        <v>32</v>
      </c>
      <c r="D101" s="5">
        <v>49</v>
      </c>
    </row>
    <row r="102" spans="1:4" ht="18" customHeight="1" x14ac:dyDescent="0.15">
      <c r="A102" s="8" t="s">
        <v>8</v>
      </c>
      <c r="B102" s="21">
        <v>183</v>
      </c>
      <c r="C102" s="6">
        <v>255</v>
      </c>
      <c r="D102" s="5">
        <v>438</v>
      </c>
    </row>
    <row r="103" spans="1:4" ht="18" customHeight="1" x14ac:dyDescent="0.15">
      <c r="A103" s="8">
        <v>80</v>
      </c>
      <c r="B103" s="21">
        <v>26</v>
      </c>
      <c r="C103" s="6">
        <v>33</v>
      </c>
      <c r="D103" s="5">
        <v>59</v>
      </c>
    </row>
    <row r="104" spans="1:4" ht="18" customHeight="1" x14ac:dyDescent="0.15">
      <c r="A104" s="8">
        <v>81</v>
      </c>
      <c r="B104" s="21">
        <v>28</v>
      </c>
      <c r="C104" s="6">
        <v>48</v>
      </c>
      <c r="D104" s="5">
        <v>76</v>
      </c>
    </row>
    <row r="105" spans="1:4" ht="18" customHeight="1" x14ac:dyDescent="0.15">
      <c r="A105" s="8">
        <v>82</v>
      </c>
      <c r="B105" s="21">
        <v>26</v>
      </c>
      <c r="C105" s="6">
        <v>39</v>
      </c>
      <c r="D105" s="5">
        <v>65</v>
      </c>
    </row>
    <row r="106" spans="1:4" ht="18" customHeight="1" x14ac:dyDescent="0.15">
      <c r="A106" s="8">
        <v>83</v>
      </c>
      <c r="B106" s="21">
        <v>31</v>
      </c>
      <c r="C106" s="6">
        <v>52</v>
      </c>
      <c r="D106" s="5">
        <v>83</v>
      </c>
    </row>
    <row r="107" spans="1:4" ht="18" customHeight="1" x14ac:dyDescent="0.15">
      <c r="A107" s="8">
        <v>84</v>
      </c>
      <c r="B107" s="21">
        <v>25</v>
      </c>
      <c r="C107" s="6">
        <v>48</v>
      </c>
      <c r="D107" s="5">
        <v>73</v>
      </c>
    </row>
    <row r="108" spans="1:4" ht="18" customHeight="1" x14ac:dyDescent="0.15">
      <c r="A108" s="8" t="s">
        <v>7</v>
      </c>
      <c r="B108" s="21">
        <v>136</v>
      </c>
      <c r="C108" s="6">
        <v>220</v>
      </c>
      <c r="D108" s="5">
        <v>356</v>
      </c>
    </row>
    <row r="109" spans="1:4" ht="18" customHeight="1" x14ac:dyDescent="0.15">
      <c r="A109" s="8">
        <v>85</v>
      </c>
      <c r="B109" s="21">
        <v>26</v>
      </c>
      <c r="C109" s="6">
        <v>30</v>
      </c>
      <c r="D109" s="5">
        <v>56</v>
      </c>
    </row>
    <row r="110" spans="1:4" ht="18" customHeight="1" x14ac:dyDescent="0.15">
      <c r="A110" s="8">
        <v>86</v>
      </c>
      <c r="B110" s="21">
        <v>16</v>
      </c>
      <c r="C110" s="6">
        <v>32</v>
      </c>
      <c r="D110" s="5">
        <v>48</v>
      </c>
    </row>
    <row r="111" spans="1:4" ht="18" customHeight="1" x14ac:dyDescent="0.15">
      <c r="A111" s="8">
        <v>87</v>
      </c>
      <c r="B111" s="21">
        <v>14</v>
      </c>
      <c r="C111" s="6">
        <v>35</v>
      </c>
      <c r="D111" s="5">
        <v>49</v>
      </c>
    </row>
    <row r="112" spans="1:4" ht="18" customHeight="1" x14ac:dyDescent="0.15">
      <c r="A112" s="8">
        <v>88</v>
      </c>
      <c r="B112" s="21">
        <v>11</v>
      </c>
      <c r="C112" s="6">
        <v>37</v>
      </c>
      <c r="D112" s="5">
        <v>48</v>
      </c>
    </row>
    <row r="113" spans="1:4" ht="18" customHeight="1" x14ac:dyDescent="0.15">
      <c r="A113" s="8">
        <v>89</v>
      </c>
      <c r="B113" s="21">
        <v>11</v>
      </c>
      <c r="C113" s="6">
        <v>25</v>
      </c>
      <c r="D113" s="5">
        <v>36</v>
      </c>
    </row>
    <row r="114" spans="1:4" ht="18" customHeight="1" x14ac:dyDescent="0.15">
      <c r="A114" s="8" t="s">
        <v>6</v>
      </c>
      <c r="B114" s="21">
        <v>78</v>
      </c>
      <c r="C114" s="6">
        <v>159</v>
      </c>
      <c r="D114" s="5">
        <v>237</v>
      </c>
    </row>
    <row r="115" spans="1:4" ht="18" customHeight="1" x14ac:dyDescent="0.15">
      <c r="A115" s="8">
        <v>90</v>
      </c>
      <c r="B115" s="21">
        <v>7</v>
      </c>
      <c r="C115" s="6">
        <v>21</v>
      </c>
      <c r="D115" s="5">
        <v>28</v>
      </c>
    </row>
    <row r="116" spans="1:4" ht="18" customHeight="1" x14ac:dyDescent="0.15">
      <c r="A116" s="8">
        <v>91</v>
      </c>
      <c r="B116" s="21">
        <v>7</v>
      </c>
      <c r="C116" s="6">
        <v>18</v>
      </c>
      <c r="D116" s="5">
        <v>25</v>
      </c>
    </row>
    <row r="117" spans="1:4" ht="18" customHeight="1" x14ac:dyDescent="0.15">
      <c r="A117" s="8">
        <v>92</v>
      </c>
      <c r="B117" s="21">
        <v>5</v>
      </c>
      <c r="C117" s="6">
        <v>23</v>
      </c>
      <c r="D117" s="5">
        <v>28</v>
      </c>
    </row>
    <row r="118" spans="1:4" ht="18" customHeight="1" x14ac:dyDescent="0.15">
      <c r="A118" s="8">
        <v>93</v>
      </c>
      <c r="B118" s="21">
        <v>2</v>
      </c>
      <c r="C118" s="6">
        <v>23</v>
      </c>
      <c r="D118" s="5">
        <v>25</v>
      </c>
    </row>
    <row r="119" spans="1:4" ht="18" customHeight="1" x14ac:dyDescent="0.15">
      <c r="A119" s="8">
        <v>94</v>
      </c>
      <c r="B119" s="21">
        <v>2</v>
      </c>
      <c r="C119" s="6">
        <v>15</v>
      </c>
      <c r="D119" s="5">
        <v>17</v>
      </c>
    </row>
    <row r="120" spans="1:4" ht="18" customHeight="1" x14ac:dyDescent="0.15">
      <c r="A120" s="8" t="s">
        <v>5</v>
      </c>
      <c r="B120" s="21">
        <v>23</v>
      </c>
      <c r="C120" s="6">
        <v>100</v>
      </c>
      <c r="D120" s="5">
        <v>123</v>
      </c>
    </row>
    <row r="121" spans="1:4" ht="18" customHeight="1" x14ac:dyDescent="0.15">
      <c r="A121" s="8">
        <v>95</v>
      </c>
      <c r="B121" s="21">
        <v>0</v>
      </c>
      <c r="C121" s="6">
        <v>8</v>
      </c>
      <c r="D121" s="5">
        <v>8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0</v>
      </c>
      <c r="C125" s="6">
        <v>7</v>
      </c>
      <c r="D125" s="5">
        <v>7</v>
      </c>
    </row>
    <row r="126" spans="1:4" ht="18" customHeight="1" x14ac:dyDescent="0.15">
      <c r="A126" s="8" t="s">
        <v>4</v>
      </c>
      <c r="B126" s="21">
        <v>5</v>
      </c>
      <c r="C126" s="6">
        <v>31</v>
      </c>
      <c r="D126" s="5">
        <v>36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2</v>
      </c>
      <c r="C129" s="6">
        <v>8</v>
      </c>
      <c r="D129" s="5">
        <v>10</v>
      </c>
    </row>
    <row r="130" spans="1:4" ht="18" customHeight="1" x14ac:dyDescent="0.15">
      <c r="A130" s="8" t="s">
        <v>1</v>
      </c>
      <c r="B130" s="21">
        <v>774</v>
      </c>
      <c r="C130" s="6">
        <v>1145</v>
      </c>
      <c r="D130" s="5">
        <v>1919</v>
      </c>
    </row>
    <row r="131" spans="1:4" ht="18" customHeight="1" x14ac:dyDescent="0.15">
      <c r="A131" s="4" t="s">
        <v>0</v>
      </c>
      <c r="B131" s="20">
        <v>3015</v>
      </c>
      <c r="C131" s="2">
        <v>3300</v>
      </c>
      <c r="D131" s="1">
        <v>63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404FE9-0848-46F0-9984-0FBBF8E506DA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8</v>
      </c>
      <c r="C5" s="11">
        <v>33</v>
      </c>
      <c r="D5" s="10">
        <v>71</v>
      </c>
    </row>
    <row r="6" spans="1:4" ht="18" customHeight="1" x14ac:dyDescent="0.15">
      <c r="A6" s="8">
        <v>1</v>
      </c>
      <c r="B6" s="21">
        <v>37</v>
      </c>
      <c r="C6" s="6">
        <v>31</v>
      </c>
      <c r="D6" s="5">
        <v>68</v>
      </c>
    </row>
    <row r="7" spans="1:4" ht="18" customHeight="1" x14ac:dyDescent="0.15">
      <c r="A7" s="8">
        <v>2</v>
      </c>
      <c r="B7" s="21">
        <v>32</v>
      </c>
      <c r="C7" s="6">
        <v>34</v>
      </c>
      <c r="D7" s="5">
        <v>66</v>
      </c>
    </row>
    <row r="8" spans="1:4" ht="18" customHeight="1" x14ac:dyDescent="0.15">
      <c r="A8" s="8">
        <v>3</v>
      </c>
      <c r="B8" s="21">
        <v>36</v>
      </c>
      <c r="C8" s="6">
        <v>35</v>
      </c>
      <c r="D8" s="5">
        <v>71</v>
      </c>
    </row>
    <row r="9" spans="1:4" ht="18" customHeight="1" x14ac:dyDescent="0.15">
      <c r="A9" s="8">
        <v>4</v>
      </c>
      <c r="B9" s="21">
        <v>37</v>
      </c>
      <c r="C9" s="6">
        <v>34</v>
      </c>
      <c r="D9" s="5">
        <v>71</v>
      </c>
    </row>
    <row r="10" spans="1:4" ht="18" customHeight="1" x14ac:dyDescent="0.15">
      <c r="A10" s="8" t="s">
        <v>25</v>
      </c>
      <c r="B10" s="21">
        <v>180</v>
      </c>
      <c r="C10" s="6">
        <v>167</v>
      </c>
      <c r="D10" s="5">
        <v>347</v>
      </c>
    </row>
    <row r="11" spans="1:4" ht="18" customHeight="1" x14ac:dyDescent="0.15">
      <c r="A11" s="8">
        <v>5</v>
      </c>
      <c r="B11" s="21">
        <v>57</v>
      </c>
      <c r="C11" s="6">
        <v>36</v>
      </c>
      <c r="D11" s="5">
        <v>93</v>
      </c>
    </row>
    <row r="12" spans="1:4" ht="18" customHeight="1" x14ac:dyDescent="0.15">
      <c r="A12" s="8">
        <v>6</v>
      </c>
      <c r="B12" s="21">
        <v>46</v>
      </c>
      <c r="C12" s="6">
        <v>40</v>
      </c>
      <c r="D12" s="5">
        <v>86</v>
      </c>
    </row>
    <row r="13" spans="1:4" ht="18" customHeight="1" x14ac:dyDescent="0.15">
      <c r="A13" s="8">
        <v>7</v>
      </c>
      <c r="B13" s="21">
        <v>52</v>
      </c>
      <c r="C13" s="6">
        <v>42</v>
      </c>
      <c r="D13" s="5">
        <v>94</v>
      </c>
    </row>
    <row r="14" spans="1:4" ht="18" customHeight="1" x14ac:dyDescent="0.15">
      <c r="A14" s="8">
        <v>8</v>
      </c>
      <c r="B14" s="21">
        <v>44</v>
      </c>
      <c r="C14" s="6">
        <v>34</v>
      </c>
      <c r="D14" s="5">
        <v>78</v>
      </c>
    </row>
    <row r="15" spans="1:4" ht="18" customHeight="1" x14ac:dyDescent="0.15">
      <c r="A15" s="8">
        <v>9</v>
      </c>
      <c r="B15" s="21">
        <v>62</v>
      </c>
      <c r="C15" s="6">
        <v>61</v>
      </c>
      <c r="D15" s="5">
        <v>123</v>
      </c>
    </row>
    <row r="16" spans="1:4" ht="18" customHeight="1" x14ac:dyDescent="0.15">
      <c r="A16" s="8" t="s">
        <v>24</v>
      </c>
      <c r="B16" s="21">
        <v>261</v>
      </c>
      <c r="C16" s="6">
        <v>213</v>
      </c>
      <c r="D16" s="5">
        <v>474</v>
      </c>
    </row>
    <row r="17" spans="1:4" ht="18" customHeight="1" x14ac:dyDescent="0.15">
      <c r="A17" s="8">
        <v>10</v>
      </c>
      <c r="B17" s="21">
        <v>46</v>
      </c>
      <c r="C17" s="6">
        <v>39</v>
      </c>
      <c r="D17" s="5">
        <v>85</v>
      </c>
    </row>
    <row r="18" spans="1:4" ht="18" customHeight="1" x14ac:dyDescent="0.15">
      <c r="A18" s="8">
        <v>11</v>
      </c>
      <c r="B18" s="21">
        <v>41</v>
      </c>
      <c r="C18" s="6">
        <v>48</v>
      </c>
      <c r="D18" s="5">
        <v>89</v>
      </c>
    </row>
    <row r="19" spans="1:4" ht="18" customHeight="1" x14ac:dyDescent="0.15">
      <c r="A19" s="8">
        <v>12</v>
      </c>
      <c r="B19" s="21">
        <v>64</v>
      </c>
      <c r="C19" s="6">
        <v>54</v>
      </c>
      <c r="D19" s="5">
        <v>118</v>
      </c>
    </row>
    <row r="20" spans="1:4" ht="18" customHeight="1" x14ac:dyDescent="0.15">
      <c r="A20" s="8">
        <v>13</v>
      </c>
      <c r="B20" s="21">
        <v>48</v>
      </c>
      <c r="C20" s="6">
        <v>48</v>
      </c>
      <c r="D20" s="5">
        <v>96</v>
      </c>
    </row>
    <row r="21" spans="1:4" ht="18" customHeight="1" x14ac:dyDescent="0.15">
      <c r="A21" s="8">
        <v>14</v>
      </c>
      <c r="B21" s="21">
        <v>48</v>
      </c>
      <c r="C21" s="6">
        <v>49</v>
      </c>
      <c r="D21" s="5">
        <v>97</v>
      </c>
    </row>
    <row r="22" spans="1:4" ht="18" customHeight="1" x14ac:dyDescent="0.15">
      <c r="A22" s="8" t="s">
        <v>23</v>
      </c>
      <c r="B22" s="21">
        <v>247</v>
      </c>
      <c r="C22" s="6">
        <v>238</v>
      </c>
      <c r="D22" s="5">
        <v>485</v>
      </c>
    </row>
    <row r="23" spans="1:4" ht="18" customHeight="1" x14ac:dyDescent="0.15">
      <c r="A23" s="8" t="s">
        <v>22</v>
      </c>
      <c r="B23" s="21">
        <v>688</v>
      </c>
      <c r="C23" s="6">
        <v>618</v>
      </c>
      <c r="D23" s="5">
        <v>1306</v>
      </c>
    </row>
    <row r="24" spans="1:4" ht="18" customHeight="1" x14ac:dyDescent="0.15">
      <c r="A24" s="8">
        <v>15</v>
      </c>
      <c r="B24" s="21">
        <v>70</v>
      </c>
      <c r="C24" s="6">
        <v>47</v>
      </c>
      <c r="D24" s="5">
        <v>117</v>
      </c>
    </row>
    <row r="25" spans="1:4" ht="18" customHeight="1" x14ac:dyDescent="0.15">
      <c r="A25" s="8">
        <v>16</v>
      </c>
      <c r="B25" s="21">
        <v>50</v>
      </c>
      <c r="C25" s="6">
        <v>37</v>
      </c>
      <c r="D25" s="5">
        <v>87</v>
      </c>
    </row>
    <row r="26" spans="1:4" ht="18" customHeight="1" x14ac:dyDescent="0.15">
      <c r="A26" s="8">
        <v>17</v>
      </c>
      <c r="B26" s="21">
        <v>30</v>
      </c>
      <c r="C26" s="6">
        <v>57</v>
      </c>
      <c r="D26" s="5">
        <v>87</v>
      </c>
    </row>
    <row r="27" spans="1:4" ht="18" customHeight="1" x14ac:dyDescent="0.15">
      <c r="A27" s="8">
        <v>18</v>
      </c>
      <c r="B27" s="21">
        <v>51</v>
      </c>
      <c r="C27" s="6">
        <v>51</v>
      </c>
      <c r="D27" s="5">
        <v>102</v>
      </c>
    </row>
    <row r="28" spans="1:4" ht="18" customHeight="1" x14ac:dyDescent="0.15">
      <c r="A28" s="8">
        <v>19</v>
      </c>
      <c r="B28" s="21">
        <v>46</v>
      </c>
      <c r="C28" s="6">
        <v>38</v>
      </c>
      <c r="D28" s="5">
        <v>84</v>
      </c>
    </row>
    <row r="29" spans="1:4" ht="18" customHeight="1" x14ac:dyDescent="0.15">
      <c r="A29" s="8" t="s">
        <v>21</v>
      </c>
      <c r="B29" s="21">
        <v>247</v>
      </c>
      <c r="C29" s="6">
        <v>230</v>
      </c>
      <c r="D29" s="5">
        <v>477</v>
      </c>
    </row>
    <row r="30" spans="1:4" ht="18" customHeight="1" x14ac:dyDescent="0.15">
      <c r="A30" s="8">
        <v>20</v>
      </c>
      <c r="B30" s="21">
        <v>52</v>
      </c>
      <c r="C30" s="6">
        <v>38</v>
      </c>
      <c r="D30" s="5">
        <v>90</v>
      </c>
    </row>
    <row r="31" spans="1:4" ht="18" customHeight="1" x14ac:dyDescent="0.15">
      <c r="A31" s="8">
        <v>21</v>
      </c>
      <c r="B31" s="21">
        <v>44</v>
      </c>
      <c r="C31" s="6">
        <v>47</v>
      </c>
      <c r="D31" s="5">
        <v>91</v>
      </c>
    </row>
    <row r="32" spans="1:4" ht="18" customHeight="1" x14ac:dyDescent="0.15">
      <c r="A32" s="8">
        <v>22</v>
      </c>
      <c r="B32" s="21">
        <v>52</v>
      </c>
      <c r="C32" s="6">
        <v>46</v>
      </c>
      <c r="D32" s="5">
        <v>98</v>
      </c>
    </row>
    <row r="33" spans="1:4" ht="18" customHeight="1" x14ac:dyDescent="0.15">
      <c r="A33" s="8">
        <v>23</v>
      </c>
      <c r="B33" s="21">
        <v>61</v>
      </c>
      <c r="C33" s="6">
        <v>54</v>
      </c>
      <c r="D33" s="5">
        <v>115</v>
      </c>
    </row>
    <row r="34" spans="1:4" ht="18" customHeight="1" x14ac:dyDescent="0.15">
      <c r="A34" s="8">
        <v>24</v>
      </c>
      <c r="B34" s="21">
        <v>61</v>
      </c>
      <c r="C34" s="6">
        <v>46</v>
      </c>
      <c r="D34" s="5">
        <v>107</v>
      </c>
    </row>
    <row r="35" spans="1:4" ht="18" customHeight="1" x14ac:dyDescent="0.15">
      <c r="A35" s="8" t="s">
        <v>20</v>
      </c>
      <c r="B35" s="21">
        <v>270</v>
      </c>
      <c r="C35" s="6">
        <v>231</v>
      </c>
      <c r="D35" s="5">
        <v>501</v>
      </c>
    </row>
    <row r="36" spans="1:4" ht="18" customHeight="1" x14ac:dyDescent="0.15">
      <c r="A36" s="8">
        <v>25</v>
      </c>
      <c r="B36" s="21">
        <v>62</v>
      </c>
      <c r="C36" s="6">
        <v>52</v>
      </c>
      <c r="D36" s="5">
        <v>114</v>
      </c>
    </row>
    <row r="37" spans="1:4" ht="18" customHeight="1" x14ac:dyDescent="0.15">
      <c r="A37" s="8">
        <v>26</v>
      </c>
      <c r="B37" s="21">
        <v>61</v>
      </c>
      <c r="C37" s="6">
        <v>54</v>
      </c>
      <c r="D37" s="5">
        <v>115</v>
      </c>
    </row>
    <row r="38" spans="1:4" ht="18" customHeight="1" x14ac:dyDescent="0.15">
      <c r="A38" s="8">
        <v>27</v>
      </c>
      <c r="B38" s="21">
        <v>65</v>
      </c>
      <c r="C38" s="6">
        <v>59</v>
      </c>
      <c r="D38" s="5">
        <v>124</v>
      </c>
    </row>
    <row r="39" spans="1:4" ht="18" customHeight="1" x14ac:dyDescent="0.15">
      <c r="A39" s="8">
        <v>28</v>
      </c>
      <c r="B39" s="21">
        <v>67</v>
      </c>
      <c r="C39" s="6">
        <v>71</v>
      </c>
      <c r="D39" s="5">
        <v>138</v>
      </c>
    </row>
    <row r="40" spans="1:4" ht="18" customHeight="1" x14ac:dyDescent="0.15">
      <c r="A40" s="8">
        <v>29</v>
      </c>
      <c r="B40" s="21">
        <v>57</v>
      </c>
      <c r="C40" s="6">
        <v>59</v>
      </c>
      <c r="D40" s="5">
        <v>116</v>
      </c>
    </row>
    <row r="41" spans="1:4" ht="18" customHeight="1" x14ac:dyDescent="0.15">
      <c r="A41" s="8" t="s">
        <v>19</v>
      </c>
      <c r="B41" s="21">
        <v>312</v>
      </c>
      <c r="C41" s="6">
        <v>295</v>
      </c>
      <c r="D41" s="5">
        <v>607</v>
      </c>
    </row>
    <row r="42" spans="1:4" ht="18" customHeight="1" x14ac:dyDescent="0.15">
      <c r="A42" s="8">
        <v>30</v>
      </c>
      <c r="B42" s="21">
        <v>61</v>
      </c>
      <c r="C42" s="6">
        <v>57</v>
      </c>
      <c r="D42" s="5">
        <v>118</v>
      </c>
    </row>
    <row r="43" spans="1:4" ht="18" customHeight="1" x14ac:dyDescent="0.15">
      <c r="A43" s="8">
        <v>31</v>
      </c>
      <c r="B43" s="21">
        <v>61</v>
      </c>
      <c r="C43" s="6">
        <v>63</v>
      </c>
      <c r="D43" s="5">
        <v>124</v>
      </c>
    </row>
    <row r="44" spans="1:4" ht="18" customHeight="1" x14ac:dyDescent="0.15">
      <c r="A44" s="8">
        <v>32</v>
      </c>
      <c r="B44" s="21">
        <v>71</v>
      </c>
      <c r="C44" s="6">
        <v>54</v>
      </c>
      <c r="D44" s="5">
        <v>125</v>
      </c>
    </row>
    <row r="45" spans="1:4" ht="18" customHeight="1" x14ac:dyDescent="0.15">
      <c r="A45" s="8">
        <v>33</v>
      </c>
      <c r="B45" s="21">
        <v>70</v>
      </c>
      <c r="C45" s="6">
        <v>60</v>
      </c>
      <c r="D45" s="5">
        <v>130</v>
      </c>
    </row>
    <row r="46" spans="1:4" ht="18" customHeight="1" x14ac:dyDescent="0.15">
      <c r="A46" s="8">
        <v>34</v>
      </c>
      <c r="B46" s="21">
        <v>62</v>
      </c>
      <c r="C46" s="6">
        <v>56</v>
      </c>
      <c r="D46" s="5">
        <v>118</v>
      </c>
    </row>
    <row r="47" spans="1:4" ht="18" customHeight="1" x14ac:dyDescent="0.15">
      <c r="A47" s="8" t="s">
        <v>18</v>
      </c>
      <c r="B47" s="21">
        <v>325</v>
      </c>
      <c r="C47" s="6">
        <v>290</v>
      </c>
      <c r="D47" s="5">
        <v>615</v>
      </c>
    </row>
    <row r="48" spans="1:4" ht="18" customHeight="1" x14ac:dyDescent="0.15">
      <c r="A48" s="8">
        <v>35</v>
      </c>
      <c r="B48" s="21">
        <v>57</v>
      </c>
      <c r="C48" s="6">
        <v>49</v>
      </c>
      <c r="D48" s="5">
        <v>106</v>
      </c>
    </row>
    <row r="49" spans="1:4" ht="18" customHeight="1" x14ac:dyDescent="0.15">
      <c r="A49" s="8">
        <v>36</v>
      </c>
      <c r="B49" s="21">
        <v>59</v>
      </c>
      <c r="C49" s="6">
        <v>68</v>
      </c>
      <c r="D49" s="5">
        <v>127</v>
      </c>
    </row>
    <row r="50" spans="1:4" ht="18" customHeight="1" x14ac:dyDescent="0.15">
      <c r="A50" s="8">
        <v>37</v>
      </c>
      <c r="B50" s="21">
        <v>72</v>
      </c>
      <c r="C50" s="6">
        <v>46</v>
      </c>
      <c r="D50" s="5">
        <v>118</v>
      </c>
    </row>
    <row r="51" spans="1:4" ht="18" customHeight="1" x14ac:dyDescent="0.15">
      <c r="A51" s="8">
        <v>38</v>
      </c>
      <c r="B51" s="21">
        <v>59</v>
      </c>
      <c r="C51" s="6">
        <v>50</v>
      </c>
      <c r="D51" s="5">
        <v>109</v>
      </c>
    </row>
    <row r="52" spans="1:4" ht="18" customHeight="1" x14ac:dyDescent="0.15">
      <c r="A52" s="8">
        <v>39</v>
      </c>
      <c r="B52" s="21">
        <v>71</v>
      </c>
      <c r="C52" s="6">
        <v>71</v>
      </c>
      <c r="D52" s="5">
        <v>142</v>
      </c>
    </row>
    <row r="53" spans="1:4" ht="18" customHeight="1" x14ac:dyDescent="0.15">
      <c r="A53" s="8" t="s">
        <v>17</v>
      </c>
      <c r="B53" s="21">
        <v>318</v>
      </c>
      <c r="C53" s="6">
        <v>284</v>
      </c>
      <c r="D53" s="5">
        <v>602</v>
      </c>
    </row>
    <row r="54" spans="1:4" ht="18" customHeight="1" x14ac:dyDescent="0.15">
      <c r="A54" s="8">
        <v>40</v>
      </c>
      <c r="B54" s="21">
        <v>54</v>
      </c>
      <c r="C54" s="6">
        <v>65</v>
      </c>
      <c r="D54" s="5">
        <v>119</v>
      </c>
    </row>
    <row r="55" spans="1:4" ht="18" customHeight="1" x14ac:dyDescent="0.15">
      <c r="A55" s="8">
        <v>41</v>
      </c>
      <c r="B55" s="21">
        <v>71</v>
      </c>
      <c r="C55" s="6">
        <v>76</v>
      </c>
      <c r="D55" s="5">
        <v>147</v>
      </c>
    </row>
    <row r="56" spans="1:4" ht="18" customHeight="1" x14ac:dyDescent="0.15">
      <c r="A56" s="8">
        <v>42</v>
      </c>
      <c r="B56" s="21">
        <v>71</v>
      </c>
      <c r="C56" s="6">
        <v>65</v>
      </c>
      <c r="D56" s="5">
        <v>136</v>
      </c>
    </row>
    <row r="57" spans="1:4" ht="18" customHeight="1" x14ac:dyDescent="0.15">
      <c r="A57" s="8">
        <v>43</v>
      </c>
      <c r="B57" s="21">
        <v>65</v>
      </c>
      <c r="C57" s="6">
        <v>73</v>
      </c>
      <c r="D57" s="5">
        <v>138</v>
      </c>
    </row>
    <row r="58" spans="1:4" ht="18" customHeight="1" x14ac:dyDescent="0.15">
      <c r="A58" s="8">
        <v>44</v>
      </c>
      <c r="B58" s="21">
        <v>60</v>
      </c>
      <c r="C58" s="6">
        <v>79</v>
      </c>
      <c r="D58" s="5">
        <v>139</v>
      </c>
    </row>
    <row r="59" spans="1:4" ht="18" customHeight="1" x14ac:dyDescent="0.15">
      <c r="A59" s="8" t="s">
        <v>16</v>
      </c>
      <c r="B59" s="21">
        <v>321</v>
      </c>
      <c r="C59" s="6">
        <v>358</v>
      </c>
      <c r="D59" s="5">
        <v>679</v>
      </c>
    </row>
    <row r="60" spans="1:4" ht="18" customHeight="1" x14ac:dyDescent="0.15">
      <c r="A60" s="8">
        <v>45</v>
      </c>
      <c r="B60" s="21">
        <v>76</v>
      </c>
      <c r="C60" s="6">
        <v>73</v>
      </c>
      <c r="D60" s="5">
        <v>149</v>
      </c>
    </row>
    <row r="61" spans="1:4" ht="18" customHeight="1" x14ac:dyDescent="0.15">
      <c r="A61" s="8">
        <v>46</v>
      </c>
      <c r="B61" s="21">
        <v>70</v>
      </c>
      <c r="C61" s="6">
        <v>65</v>
      </c>
      <c r="D61" s="5">
        <v>135</v>
      </c>
    </row>
    <row r="62" spans="1:4" ht="18" customHeight="1" x14ac:dyDescent="0.15">
      <c r="A62" s="8">
        <v>47</v>
      </c>
      <c r="B62" s="21">
        <v>74</v>
      </c>
      <c r="C62" s="6">
        <v>78</v>
      </c>
      <c r="D62" s="5">
        <v>152</v>
      </c>
    </row>
    <row r="63" spans="1:4" ht="18" customHeight="1" x14ac:dyDescent="0.15">
      <c r="A63" s="8">
        <v>48</v>
      </c>
      <c r="B63" s="21">
        <v>69</v>
      </c>
      <c r="C63" s="6">
        <v>81</v>
      </c>
      <c r="D63" s="5">
        <v>150</v>
      </c>
    </row>
    <row r="64" spans="1:4" ht="18" customHeight="1" x14ac:dyDescent="0.15">
      <c r="A64" s="8">
        <v>49</v>
      </c>
      <c r="B64" s="21">
        <v>100</v>
      </c>
      <c r="C64" s="6">
        <v>87</v>
      </c>
      <c r="D64" s="5">
        <v>187</v>
      </c>
    </row>
    <row r="65" spans="1:4" ht="18" customHeight="1" x14ac:dyDescent="0.15">
      <c r="A65" s="8" t="s">
        <v>15</v>
      </c>
      <c r="B65" s="21">
        <v>389</v>
      </c>
      <c r="C65" s="6">
        <v>384</v>
      </c>
      <c r="D65" s="5">
        <v>773</v>
      </c>
    </row>
    <row r="66" spans="1:4" ht="18" customHeight="1" x14ac:dyDescent="0.15">
      <c r="A66" s="8">
        <v>50</v>
      </c>
      <c r="B66" s="21">
        <v>84</v>
      </c>
      <c r="C66" s="6">
        <v>102</v>
      </c>
      <c r="D66" s="5">
        <v>186</v>
      </c>
    </row>
    <row r="67" spans="1:4" ht="18" customHeight="1" x14ac:dyDescent="0.15">
      <c r="A67" s="8">
        <v>51</v>
      </c>
      <c r="B67" s="21">
        <v>86</v>
      </c>
      <c r="C67" s="6">
        <v>96</v>
      </c>
      <c r="D67" s="5">
        <v>182</v>
      </c>
    </row>
    <row r="68" spans="1:4" ht="18" customHeight="1" x14ac:dyDescent="0.15">
      <c r="A68" s="8">
        <v>52</v>
      </c>
      <c r="B68" s="21">
        <v>99</v>
      </c>
      <c r="C68" s="6">
        <v>103</v>
      </c>
      <c r="D68" s="5">
        <v>202</v>
      </c>
    </row>
    <row r="69" spans="1:4" ht="18" customHeight="1" x14ac:dyDescent="0.15">
      <c r="A69" s="8">
        <v>53</v>
      </c>
      <c r="B69" s="21">
        <v>134</v>
      </c>
      <c r="C69" s="6">
        <v>98</v>
      </c>
      <c r="D69" s="5">
        <v>232</v>
      </c>
    </row>
    <row r="70" spans="1:4" ht="18" customHeight="1" x14ac:dyDescent="0.15">
      <c r="A70" s="8">
        <v>54</v>
      </c>
      <c r="B70" s="21">
        <v>106</v>
      </c>
      <c r="C70" s="6">
        <v>111</v>
      </c>
      <c r="D70" s="5">
        <v>217</v>
      </c>
    </row>
    <row r="71" spans="1:4" ht="18" customHeight="1" x14ac:dyDescent="0.15">
      <c r="A71" s="8" t="s">
        <v>14</v>
      </c>
      <c r="B71" s="21">
        <v>509</v>
      </c>
      <c r="C71" s="6">
        <v>510</v>
      </c>
      <c r="D71" s="5">
        <v>1019</v>
      </c>
    </row>
    <row r="72" spans="1:4" ht="18" customHeight="1" x14ac:dyDescent="0.15">
      <c r="A72" s="8">
        <v>55</v>
      </c>
      <c r="B72" s="21">
        <v>101</v>
      </c>
      <c r="C72" s="6">
        <v>120</v>
      </c>
      <c r="D72" s="5">
        <v>221</v>
      </c>
    </row>
    <row r="73" spans="1:4" ht="18" customHeight="1" x14ac:dyDescent="0.15">
      <c r="A73" s="8">
        <v>56</v>
      </c>
      <c r="B73" s="21">
        <v>89</v>
      </c>
      <c r="C73" s="6">
        <v>102</v>
      </c>
      <c r="D73" s="5">
        <v>191</v>
      </c>
    </row>
    <row r="74" spans="1:4" ht="18" customHeight="1" x14ac:dyDescent="0.15">
      <c r="A74" s="8">
        <v>57</v>
      </c>
      <c r="B74" s="21">
        <v>93</v>
      </c>
      <c r="C74" s="6">
        <v>101</v>
      </c>
      <c r="D74" s="5">
        <v>194</v>
      </c>
    </row>
    <row r="75" spans="1:4" ht="18" customHeight="1" x14ac:dyDescent="0.15">
      <c r="A75" s="8">
        <v>58</v>
      </c>
      <c r="B75" s="21">
        <v>98</v>
      </c>
      <c r="C75" s="6">
        <v>103</v>
      </c>
      <c r="D75" s="5">
        <v>201</v>
      </c>
    </row>
    <row r="76" spans="1:4" ht="18" customHeight="1" x14ac:dyDescent="0.15">
      <c r="A76" s="8">
        <v>59</v>
      </c>
      <c r="B76" s="21">
        <v>68</v>
      </c>
      <c r="C76" s="6">
        <v>55</v>
      </c>
      <c r="D76" s="5">
        <v>123</v>
      </c>
    </row>
    <row r="77" spans="1:4" ht="18" customHeight="1" x14ac:dyDescent="0.15">
      <c r="A77" s="8" t="s">
        <v>13</v>
      </c>
      <c r="B77" s="21">
        <v>449</v>
      </c>
      <c r="C77" s="6">
        <v>481</v>
      </c>
      <c r="D77" s="5">
        <v>930</v>
      </c>
    </row>
    <row r="78" spans="1:4" ht="18" customHeight="1" x14ac:dyDescent="0.15">
      <c r="A78" s="8">
        <v>60</v>
      </c>
      <c r="B78" s="21">
        <v>88</v>
      </c>
      <c r="C78" s="6">
        <v>103</v>
      </c>
      <c r="D78" s="5">
        <v>191</v>
      </c>
    </row>
    <row r="79" spans="1:4" ht="18" customHeight="1" x14ac:dyDescent="0.15">
      <c r="A79" s="8">
        <v>61</v>
      </c>
      <c r="B79" s="21">
        <v>83</v>
      </c>
      <c r="C79" s="6">
        <v>83</v>
      </c>
      <c r="D79" s="5">
        <v>166</v>
      </c>
    </row>
    <row r="80" spans="1:4" ht="18" customHeight="1" x14ac:dyDescent="0.15">
      <c r="A80" s="8">
        <v>62</v>
      </c>
      <c r="B80" s="21">
        <v>90</v>
      </c>
      <c r="C80" s="6">
        <v>84</v>
      </c>
      <c r="D80" s="5">
        <v>174</v>
      </c>
    </row>
    <row r="81" spans="1:4" ht="18" customHeight="1" x14ac:dyDescent="0.15">
      <c r="A81" s="8">
        <v>63</v>
      </c>
      <c r="B81" s="21">
        <v>75</v>
      </c>
      <c r="C81" s="6">
        <v>85</v>
      </c>
      <c r="D81" s="5">
        <v>160</v>
      </c>
    </row>
    <row r="82" spans="1:4" ht="18" customHeight="1" x14ac:dyDescent="0.15">
      <c r="A82" s="8">
        <v>64</v>
      </c>
      <c r="B82" s="21">
        <v>74</v>
      </c>
      <c r="C82" s="6">
        <v>85</v>
      </c>
      <c r="D82" s="5">
        <v>159</v>
      </c>
    </row>
    <row r="83" spans="1:4" ht="18" customHeight="1" x14ac:dyDescent="0.15">
      <c r="A83" s="8" t="s">
        <v>12</v>
      </c>
      <c r="B83" s="21">
        <v>410</v>
      </c>
      <c r="C83" s="6">
        <v>440</v>
      </c>
      <c r="D83" s="5">
        <v>850</v>
      </c>
    </row>
    <row r="84" spans="1:4" ht="18" customHeight="1" x14ac:dyDescent="0.15">
      <c r="A84" s="8" t="s">
        <v>11</v>
      </c>
      <c r="B84" s="21">
        <v>3550</v>
      </c>
      <c r="C84" s="6">
        <v>3503</v>
      </c>
      <c r="D84" s="5">
        <v>7053</v>
      </c>
    </row>
    <row r="85" spans="1:4" ht="18" customHeight="1" x14ac:dyDescent="0.15">
      <c r="A85" s="8">
        <v>65</v>
      </c>
      <c r="B85" s="21">
        <v>83</v>
      </c>
      <c r="C85" s="6">
        <v>69</v>
      </c>
      <c r="D85" s="5">
        <v>152</v>
      </c>
    </row>
    <row r="86" spans="1:4" ht="18" customHeight="1" x14ac:dyDescent="0.15">
      <c r="A86" s="8">
        <v>66</v>
      </c>
      <c r="B86" s="21">
        <v>67</v>
      </c>
      <c r="C86" s="6">
        <v>73</v>
      </c>
      <c r="D86" s="5">
        <v>140</v>
      </c>
    </row>
    <row r="87" spans="1:4" ht="18" customHeight="1" x14ac:dyDescent="0.15">
      <c r="A87" s="8">
        <v>67</v>
      </c>
      <c r="B87" s="21">
        <v>61</v>
      </c>
      <c r="C87" s="6">
        <v>70</v>
      </c>
      <c r="D87" s="5">
        <v>131</v>
      </c>
    </row>
    <row r="88" spans="1:4" ht="18" customHeight="1" x14ac:dyDescent="0.15">
      <c r="A88" s="8">
        <v>68</v>
      </c>
      <c r="B88" s="21">
        <v>68</v>
      </c>
      <c r="C88" s="6">
        <v>58</v>
      </c>
      <c r="D88" s="5">
        <v>126</v>
      </c>
    </row>
    <row r="89" spans="1:4" ht="18" customHeight="1" x14ac:dyDescent="0.15">
      <c r="A89" s="8">
        <v>69</v>
      </c>
      <c r="B89" s="21">
        <v>64</v>
      </c>
      <c r="C89" s="6">
        <v>74</v>
      </c>
      <c r="D89" s="5">
        <v>138</v>
      </c>
    </row>
    <row r="90" spans="1:4" ht="18" customHeight="1" x14ac:dyDescent="0.15">
      <c r="A90" s="8" t="s">
        <v>10</v>
      </c>
      <c r="B90" s="21">
        <v>343</v>
      </c>
      <c r="C90" s="6">
        <v>344</v>
      </c>
      <c r="D90" s="5">
        <v>687</v>
      </c>
    </row>
    <row r="91" spans="1:4" ht="18" customHeight="1" x14ac:dyDescent="0.15">
      <c r="A91" s="8">
        <v>70</v>
      </c>
      <c r="B91" s="21">
        <v>73</v>
      </c>
      <c r="C91" s="6">
        <v>67</v>
      </c>
      <c r="D91" s="5">
        <v>140</v>
      </c>
    </row>
    <row r="92" spans="1:4" ht="18" customHeight="1" x14ac:dyDescent="0.15">
      <c r="A92" s="8">
        <v>71</v>
      </c>
      <c r="B92" s="21">
        <v>62</v>
      </c>
      <c r="C92" s="6">
        <v>69</v>
      </c>
      <c r="D92" s="5">
        <v>131</v>
      </c>
    </row>
    <row r="93" spans="1:4" ht="18" customHeight="1" x14ac:dyDescent="0.15">
      <c r="A93" s="8">
        <v>72</v>
      </c>
      <c r="B93" s="21">
        <v>54</v>
      </c>
      <c r="C93" s="6">
        <v>56</v>
      </c>
      <c r="D93" s="5">
        <v>110</v>
      </c>
    </row>
    <row r="94" spans="1:4" ht="18" customHeight="1" x14ac:dyDescent="0.15">
      <c r="A94" s="8">
        <v>73</v>
      </c>
      <c r="B94" s="21">
        <v>72</v>
      </c>
      <c r="C94" s="6">
        <v>61</v>
      </c>
      <c r="D94" s="5">
        <v>133</v>
      </c>
    </row>
    <row r="95" spans="1:4" ht="18" customHeight="1" x14ac:dyDescent="0.15">
      <c r="A95" s="8">
        <v>74</v>
      </c>
      <c r="B95" s="21">
        <v>55</v>
      </c>
      <c r="C95" s="6">
        <v>79</v>
      </c>
      <c r="D95" s="5">
        <v>134</v>
      </c>
    </row>
    <row r="96" spans="1:4" ht="18" customHeight="1" x14ac:dyDescent="0.15">
      <c r="A96" s="8" t="s">
        <v>9</v>
      </c>
      <c r="B96" s="21">
        <v>316</v>
      </c>
      <c r="C96" s="6">
        <v>332</v>
      </c>
      <c r="D96" s="5">
        <v>648</v>
      </c>
    </row>
    <row r="97" spans="1:4" ht="18" customHeight="1" x14ac:dyDescent="0.15">
      <c r="A97" s="8">
        <v>75</v>
      </c>
      <c r="B97" s="21">
        <v>51</v>
      </c>
      <c r="C97" s="6">
        <v>81</v>
      </c>
      <c r="D97" s="5">
        <v>132</v>
      </c>
    </row>
    <row r="98" spans="1:4" ht="18" customHeight="1" x14ac:dyDescent="0.15">
      <c r="A98" s="8">
        <v>76</v>
      </c>
      <c r="B98" s="21">
        <v>80</v>
      </c>
      <c r="C98" s="6">
        <v>98</v>
      </c>
      <c r="D98" s="5">
        <v>178</v>
      </c>
    </row>
    <row r="99" spans="1:4" ht="18" customHeight="1" x14ac:dyDescent="0.15">
      <c r="A99" s="8">
        <v>77</v>
      </c>
      <c r="B99" s="21">
        <v>92</v>
      </c>
      <c r="C99" s="6">
        <v>95</v>
      </c>
      <c r="D99" s="5">
        <v>187</v>
      </c>
    </row>
    <row r="100" spans="1:4" ht="18" customHeight="1" x14ac:dyDescent="0.15">
      <c r="A100" s="8">
        <v>78</v>
      </c>
      <c r="B100" s="21">
        <v>72</v>
      </c>
      <c r="C100" s="6">
        <v>94</v>
      </c>
      <c r="D100" s="5">
        <v>166</v>
      </c>
    </row>
    <row r="101" spans="1:4" ht="18" customHeight="1" x14ac:dyDescent="0.15">
      <c r="A101" s="8">
        <v>79</v>
      </c>
      <c r="B101" s="21">
        <v>47</v>
      </c>
      <c r="C101" s="6">
        <v>44</v>
      </c>
      <c r="D101" s="5">
        <v>91</v>
      </c>
    </row>
    <row r="102" spans="1:4" ht="18" customHeight="1" x14ac:dyDescent="0.15">
      <c r="A102" s="8" t="s">
        <v>8</v>
      </c>
      <c r="B102" s="21">
        <v>342</v>
      </c>
      <c r="C102" s="6">
        <v>412</v>
      </c>
      <c r="D102" s="5">
        <v>754</v>
      </c>
    </row>
    <row r="103" spans="1:4" ht="18" customHeight="1" x14ac:dyDescent="0.15">
      <c r="A103" s="8">
        <v>80</v>
      </c>
      <c r="B103" s="21">
        <v>33</v>
      </c>
      <c r="C103" s="6">
        <v>51</v>
      </c>
      <c r="D103" s="5">
        <v>84</v>
      </c>
    </row>
    <row r="104" spans="1:4" ht="18" customHeight="1" x14ac:dyDescent="0.15">
      <c r="A104" s="8">
        <v>81</v>
      </c>
      <c r="B104" s="21">
        <v>50</v>
      </c>
      <c r="C104" s="6">
        <v>82</v>
      </c>
      <c r="D104" s="5">
        <v>132</v>
      </c>
    </row>
    <row r="105" spans="1:4" ht="18" customHeight="1" x14ac:dyDescent="0.15">
      <c r="A105" s="8">
        <v>82</v>
      </c>
      <c r="B105" s="21">
        <v>46</v>
      </c>
      <c r="C105" s="6">
        <v>73</v>
      </c>
      <c r="D105" s="5">
        <v>119</v>
      </c>
    </row>
    <row r="106" spans="1:4" ht="18" customHeight="1" x14ac:dyDescent="0.15">
      <c r="A106" s="8">
        <v>83</v>
      </c>
      <c r="B106" s="21">
        <v>54</v>
      </c>
      <c r="C106" s="6">
        <v>81</v>
      </c>
      <c r="D106" s="5">
        <v>135</v>
      </c>
    </row>
    <row r="107" spans="1:4" ht="18" customHeight="1" x14ac:dyDescent="0.15">
      <c r="A107" s="8">
        <v>84</v>
      </c>
      <c r="B107" s="21">
        <v>30</v>
      </c>
      <c r="C107" s="6">
        <v>66</v>
      </c>
      <c r="D107" s="5">
        <v>96</v>
      </c>
    </row>
    <row r="108" spans="1:4" ht="18" customHeight="1" x14ac:dyDescent="0.15">
      <c r="A108" s="8" t="s">
        <v>7</v>
      </c>
      <c r="B108" s="21">
        <v>213</v>
      </c>
      <c r="C108" s="6">
        <v>353</v>
      </c>
      <c r="D108" s="5">
        <v>566</v>
      </c>
    </row>
    <row r="109" spans="1:4" ht="18" customHeight="1" x14ac:dyDescent="0.15">
      <c r="A109" s="8">
        <v>85</v>
      </c>
      <c r="B109" s="21">
        <v>32</v>
      </c>
      <c r="C109" s="6">
        <v>72</v>
      </c>
      <c r="D109" s="5">
        <v>104</v>
      </c>
    </row>
    <row r="110" spans="1:4" ht="18" customHeight="1" x14ac:dyDescent="0.15">
      <c r="A110" s="8">
        <v>86</v>
      </c>
      <c r="B110" s="21">
        <v>28</v>
      </c>
      <c r="C110" s="6">
        <v>53</v>
      </c>
      <c r="D110" s="5">
        <v>81</v>
      </c>
    </row>
    <row r="111" spans="1:4" ht="18" customHeight="1" x14ac:dyDescent="0.15">
      <c r="A111" s="8">
        <v>87</v>
      </c>
      <c r="B111" s="21">
        <v>30</v>
      </c>
      <c r="C111" s="6">
        <v>36</v>
      </c>
      <c r="D111" s="5">
        <v>66</v>
      </c>
    </row>
    <row r="112" spans="1:4" ht="18" customHeight="1" x14ac:dyDescent="0.15">
      <c r="A112" s="8">
        <v>88</v>
      </c>
      <c r="B112" s="21">
        <v>19</v>
      </c>
      <c r="C112" s="6">
        <v>50</v>
      </c>
      <c r="D112" s="5">
        <v>69</v>
      </c>
    </row>
    <row r="113" spans="1:4" ht="18" customHeight="1" x14ac:dyDescent="0.15">
      <c r="A113" s="8">
        <v>89</v>
      </c>
      <c r="B113" s="21">
        <v>26</v>
      </c>
      <c r="C113" s="6">
        <v>53</v>
      </c>
      <c r="D113" s="5">
        <v>79</v>
      </c>
    </row>
    <row r="114" spans="1:4" ht="18" customHeight="1" x14ac:dyDescent="0.15">
      <c r="A114" s="8" t="s">
        <v>6</v>
      </c>
      <c r="B114" s="21">
        <v>135</v>
      </c>
      <c r="C114" s="6">
        <v>264</v>
      </c>
      <c r="D114" s="5">
        <v>399</v>
      </c>
    </row>
    <row r="115" spans="1:4" ht="18" customHeight="1" x14ac:dyDescent="0.15">
      <c r="A115" s="8">
        <v>90</v>
      </c>
      <c r="B115" s="21">
        <v>11</v>
      </c>
      <c r="C115" s="6">
        <v>43</v>
      </c>
      <c r="D115" s="5">
        <v>54</v>
      </c>
    </row>
    <row r="116" spans="1:4" ht="18" customHeight="1" x14ac:dyDescent="0.15">
      <c r="A116" s="8">
        <v>91</v>
      </c>
      <c r="B116" s="21">
        <v>12</v>
      </c>
      <c r="C116" s="6">
        <v>43</v>
      </c>
      <c r="D116" s="5">
        <v>55</v>
      </c>
    </row>
    <row r="117" spans="1:4" ht="18" customHeight="1" x14ac:dyDescent="0.15">
      <c r="A117" s="8">
        <v>92</v>
      </c>
      <c r="B117" s="21">
        <v>17</v>
      </c>
      <c r="C117" s="6">
        <v>44</v>
      </c>
      <c r="D117" s="5">
        <v>61</v>
      </c>
    </row>
    <row r="118" spans="1:4" ht="18" customHeight="1" x14ac:dyDescent="0.15">
      <c r="A118" s="8">
        <v>93</v>
      </c>
      <c r="B118" s="21">
        <v>12</v>
      </c>
      <c r="C118" s="6">
        <v>31</v>
      </c>
      <c r="D118" s="5">
        <v>43</v>
      </c>
    </row>
    <row r="119" spans="1:4" ht="18" customHeight="1" x14ac:dyDescent="0.15">
      <c r="A119" s="8">
        <v>94</v>
      </c>
      <c r="B119" s="21">
        <v>6</v>
      </c>
      <c r="C119" s="6">
        <v>27</v>
      </c>
      <c r="D119" s="5">
        <v>33</v>
      </c>
    </row>
    <row r="120" spans="1:4" ht="18" customHeight="1" x14ac:dyDescent="0.15">
      <c r="A120" s="8" t="s">
        <v>5</v>
      </c>
      <c r="B120" s="21">
        <v>58</v>
      </c>
      <c r="C120" s="6">
        <v>188</v>
      </c>
      <c r="D120" s="5">
        <v>246</v>
      </c>
    </row>
    <row r="121" spans="1:4" ht="18" customHeight="1" x14ac:dyDescent="0.15">
      <c r="A121" s="8">
        <v>95</v>
      </c>
      <c r="B121" s="21">
        <v>5</v>
      </c>
      <c r="C121" s="6">
        <v>20</v>
      </c>
      <c r="D121" s="5">
        <v>25</v>
      </c>
    </row>
    <row r="122" spans="1:4" ht="18" customHeight="1" x14ac:dyDescent="0.15">
      <c r="A122" s="8">
        <v>96</v>
      </c>
      <c r="B122" s="21">
        <v>3</v>
      </c>
      <c r="C122" s="6">
        <v>17</v>
      </c>
      <c r="D122" s="5">
        <v>20</v>
      </c>
    </row>
    <row r="123" spans="1:4" ht="18" customHeight="1" x14ac:dyDescent="0.15">
      <c r="A123" s="8">
        <v>97</v>
      </c>
      <c r="B123" s="21">
        <v>2</v>
      </c>
      <c r="C123" s="6">
        <v>12</v>
      </c>
      <c r="D123" s="5">
        <v>14</v>
      </c>
    </row>
    <row r="124" spans="1:4" ht="18" customHeight="1" x14ac:dyDescent="0.15">
      <c r="A124" s="8">
        <v>98</v>
      </c>
      <c r="B124" s="21">
        <v>3</v>
      </c>
      <c r="C124" s="6">
        <v>13</v>
      </c>
      <c r="D124" s="5">
        <v>16</v>
      </c>
    </row>
    <row r="125" spans="1:4" ht="18" customHeight="1" x14ac:dyDescent="0.15">
      <c r="A125" s="8">
        <v>99</v>
      </c>
      <c r="B125" s="21">
        <v>2</v>
      </c>
      <c r="C125" s="6">
        <v>14</v>
      </c>
      <c r="D125" s="5">
        <v>16</v>
      </c>
    </row>
    <row r="126" spans="1:4" ht="18" customHeight="1" x14ac:dyDescent="0.15">
      <c r="A126" s="8" t="s">
        <v>4</v>
      </c>
      <c r="B126" s="21">
        <v>15</v>
      </c>
      <c r="C126" s="6">
        <v>76</v>
      </c>
      <c r="D126" s="5">
        <v>91</v>
      </c>
    </row>
    <row r="127" spans="1:4" ht="18" customHeight="1" x14ac:dyDescent="0.15">
      <c r="A127" s="8">
        <v>100</v>
      </c>
      <c r="B127" s="21">
        <v>1</v>
      </c>
      <c r="C127" s="6">
        <v>5</v>
      </c>
      <c r="D127" s="5">
        <v>6</v>
      </c>
    </row>
    <row r="128" spans="1:4" ht="18" customHeight="1" x14ac:dyDescent="0.15">
      <c r="A128" s="9" t="s">
        <v>3</v>
      </c>
      <c r="B128" s="21">
        <v>0</v>
      </c>
      <c r="C128" s="6">
        <v>10</v>
      </c>
      <c r="D128" s="5">
        <v>10</v>
      </c>
    </row>
    <row r="129" spans="1:4" ht="18" customHeight="1" x14ac:dyDescent="0.15">
      <c r="A129" s="8" t="s">
        <v>2</v>
      </c>
      <c r="B129" s="21">
        <v>1</v>
      </c>
      <c r="C129" s="6">
        <v>15</v>
      </c>
      <c r="D129" s="5">
        <v>16</v>
      </c>
    </row>
    <row r="130" spans="1:4" ht="18" customHeight="1" x14ac:dyDescent="0.15">
      <c r="A130" s="8" t="s">
        <v>1</v>
      </c>
      <c r="B130" s="21">
        <v>1423</v>
      </c>
      <c r="C130" s="6">
        <v>1984</v>
      </c>
      <c r="D130" s="5">
        <v>3407</v>
      </c>
    </row>
    <row r="131" spans="1:4" ht="18" customHeight="1" x14ac:dyDescent="0.15">
      <c r="A131" s="4" t="s">
        <v>0</v>
      </c>
      <c r="B131" s="20">
        <v>5661</v>
      </c>
      <c r="C131" s="2">
        <v>6105</v>
      </c>
      <c r="D131" s="1">
        <v>1176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4997BB-41C7-4CCD-BE82-3345EBF539F9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2</v>
      </c>
      <c r="C5" s="11">
        <v>59</v>
      </c>
      <c r="D5" s="10">
        <v>111</v>
      </c>
    </row>
    <row r="6" spans="1:4" ht="18" customHeight="1" x14ac:dyDescent="0.15">
      <c r="A6" s="8">
        <v>1</v>
      </c>
      <c r="B6" s="21">
        <v>66</v>
      </c>
      <c r="C6" s="6">
        <v>58</v>
      </c>
      <c r="D6" s="5">
        <v>124</v>
      </c>
    </row>
    <row r="7" spans="1:4" ht="18" customHeight="1" x14ac:dyDescent="0.15">
      <c r="A7" s="8">
        <v>2</v>
      </c>
      <c r="B7" s="21">
        <v>59</v>
      </c>
      <c r="C7" s="6">
        <v>43</v>
      </c>
      <c r="D7" s="5">
        <v>102</v>
      </c>
    </row>
    <row r="8" spans="1:4" ht="18" customHeight="1" x14ac:dyDescent="0.15">
      <c r="A8" s="8">
        <v>3</v>
      </c>
      <c r="B8" s="21">
        <v>69</v>
      </c>
      <c r="C8" s="6">
        <v>58</v>
      </c>
      <c r="D8" s="5">
        <v>127</v>
      </c>
    </row>
    <row r="9" spans="1:4" ht="18" customHeight="1" x14ac:dyDescent="0.15">
      <c r="A9" s="8">
        <v>4</v>
      </c>
      <c r="B9" s="21">
        <v>76</v>
      </c>
      <c r="C9" s="6">
        <v>62</v>
      </c>
      <c r="D9" s="5">
        <v>138</v>
      </c>
    </row>
    <row r="10" spans="1:4" ht="18" customHeight="1" x14ac:dyDescent="0.15">
      <c r="A10" s="8" t="s">
        <v>25</v>
      </c>
      <c r="B10" s="21">
        <v>322</v>
      </c>
      <c r="C10" s="6">
        <v>280</v>
      </c>
      <c r="D10" s="5">
        <v>602</v>
      </c>
    </row>
    <row r="11" spans="1:4" ht="18" customHeight="1" x14ac:dyDescent="0.15">
      <c r="A11" s="8">
        <v>5</v>
      </c>
      <c r="B11" s="21">
        <v>59</v>
      </c>
      <c r="C11" s="6">
        <v>58</v>
      </c>
      <c r="D11" s="5">
        <v>117</v>
      </c>
    </row>
    <row r="12" spans="1:4" ht="18" customHeight="1" x14ac:dyDescent="0.15">
      <c r="A12" s="8">
        <v>6</v>
      </c>
      <c r="B12" s="21">
        <v>65</v>
      </c>
      <c r="C12" s="6">
        <v>61</v>
      </c>
      <c r="D12" s="5">
        <v>126</v>
      </c>
    </row>
    <row r="13" spans="1:4" ht="18" customHeight="1" x14ac:dyDescent="0.15">
      <c r="A13" s="8">
        <v>7</v>
      </c>
      <c r="B13" s="21">
        <v>69</v>
      </c>
      <c r="C13" s="6">
        <v>69</v>
      </c>
      <c r="D13" s="5">
        <v>138</v>
      </c>
    </row>
    <row r="14" spans="1:4" ht="18" customHeight="1" x14ac:dyDescent="0.15">
      <c r="A14" s="8">
        <v>8</v>
      </c>
      <c r="B14" s="21">
        <v>66</v>
      </c>
      <c r="C14" s="6">
        <v>63</v>
      </c>
      <c r="D14" s="5">
        <v>129</v>
      </c>
    </row>
    <row r="15" spans="1:4" ht="18" customHeight="1" x14ac:dyDescent="0.15">
      <c r="A15" s="8">
        <v>9</v>
      </c>
      <c r="B15" s="21">
        <v>83</v>
      </c>
      <c r="C15" s="6">
        <v>66</v>
      </c>
      <c r="D15" s="5">
        <v>149</v>
      </c>
    </row>
    <row r="16" spans="1:4" ht="18" customHeight="1" x14ac:dyDescent="0.15">
      <c r="A16" s="8" t="s">
        <v>24</v>
      </c>
      <c r="B16" s="21">
        <v>342</v>
      </c>
      <c r="C16" s="6">
        <v>317</v>
      </c>
      <c r="D16" s="5">
        <v>659</v>
      </c>
    </row>
    <row r="17" spans="1:4" ht="18" customHeight="1" x14ac:dyDescent="0.15">
      <c r="A17" s="8">
        <v>10</v>
      </c>
      <c r="B17" s="21">
        <v>67</v>
      </c>
      <c r="C17" s="6">
        <v>75</v>
      </c>
      <c r="D17" s="5">
        <v>142</v>
      </c>
    </row>
    <row r="18" spans="1:4" ht="18" customHeight="1" x14ac:dyDescent="0.15">
      <c r="A18" s="8">
        <v>11</v>
      </c>
      <c r="B18" s="21">
        <v>83</v>
      </c>
      <c r="C18" s="6">
        <v>66</v>
      </c>
      <c r="D18" s="5">
        <v>149</v>
      </c>
    </row>
    <row r="19" spans="1:4" ht="18" customHeight="1" x14ac:dyDescent="0.15">
      <c r="A19" s="8">
        <v>12</v>
      </c>
      <c r="B19" s="21">
        <v>84</v>
      </c>
      <c r="C19" s="6">
        <v>69</v>
      </c>
      <c r="D19" s="5">
        <v>153</v>
      </c>
    </row>
    <row r="20" spans="1:4" ht="18" customHeight="1" x14ac:dyDescent="0.15">
      <c r="A20" s="8">
        <v>13</v>
      </c>
      <c r="B20" s="21">
        <v>72</v>
      </c>
      <c r="C20" s="6">
        <v>64</v>
      </c>
      <c r="D20" s="5">
        <v>136</v>
      </c>
    </row>
    <row r="21" spans="1:4" ht="18" customHeight="1" x14ac:dyDescent="0.15">
      <c r="A21" s="8">
        <v>14</v>
      </c>
      <c r="B21" s="21">
        <v>67</v>
      </c>
      <c r="C21" s="6">
        <v>90</v>
      </c>
      <c r="D21" s="5">
        <v>157</v>
      </c>
    </row>
    <row r="22" spans="1:4" ht="18" customHeight="1" x14ac:dyDescent="0.15">
      <c r="A22" s="8" t="s">
        <v>23</v>
      </c>
      <c r="B22" s="21">
        <v>373</v>
      </c>
      <c r="C22" s="6">
        <v>364</v>
      </c>
      <c r="D22" s="5">
        <v>737</v>
      </c>
    </row>
    <row r="23" spans="1:4" ht="18" customHeight="1" x14ac:dyDescent="0.15">
      <c r="A23" s="8" t="s">
        <v>22</v>
      </c>
      <c r="B23" s="21">
        <v>1037</v>
      </c>
      <c r="C23" s="6">
        <v>961</v>
      </c>
      <c r="D23" s="5">
        <v>1998</v>
      </c>
    </row>
    <row r="24" spans="1:4" ht="18" customHeight="1" x14ac:dyDescent="0.15">
      <c r="A24" s="8">
        <v>15</v>
      </c>
      <c r="B24" s="21">
        <v>77</v>
      </c>
      <c r="C24" s="6">
        <v>65</v>
      </c>
      <c r="D24" s="5">
        <v>142</v>
      </c>
    </row>
    <row r="25" spans="1:4" ht="18" customHeight="1" x14ac:dyDescent="0.15">
      <c r="A25" s="8">
        <v>16</v>
      </c>
      <c r="B25" s="21">
        <v>71</v>
      </c>
      <c r="C25" s="6">
        <v>70</v>
      </c>
      <c r="D25" s="5">
        <v>141</v>
      </c>
    </row>
    <row r="26" spans="1:4" ht="18" customHeight="1" x14ac:dyDescent="0.15">
      <c r="A26" s="8">
        <v>17</v>
      </c>
      <c r="B26" s="21">
        <v>72</v>
      </c>
      <c r="C26" s="6">
        <v>67</v>
      </c>
      <c r="D26" s="5">
        <v>139</v>
      </c>
    </row>
    <row r="27" spans="1:4" ht="18" customHeight="1" x14ac:dyDescent="0.15">
      <c r="A27" s="8">
        <v>18</v>
      </c>
      <c r="B27" s="21">
        <v>77</v>
      </c>
      <c r="C27" s="6">
        <v>85</v>
      </c>
      <c r="D27" s="5">
        <v>162</v>
      </c>
    </row>
    <row r="28" spans="1:4" ht="18" customHeight="1" x14ac:dyDescent="0.15">
      <c r="A28" s="8">
        <v>19</v>
      </c>
      <c r="B28" s="21">
        <v>74</v>
      </c>
      <c r="C28" s="6">
        <v>71</v>
      </c>
      <c r="D28" s="5">
        <v>145</v>
      </c>
    </row>
    <row r="29" spans="1:4" ht="18" customHeight="1" x14ac:dyDescent="0.15">
      <c r="A29" s="8" t="s">
        <v>21</v>
      </c>
      <c r="B29" s="21">
        <v>371</v>
      </c>
      <c r="C29" s="6">
        <v>358</v>
      </c>
      <c r="D29" s="5">
        <v>729</v>
      </c>
    </row>
    <row r="30" spans="1:4" ht="18" customHeight="1" x14ac:dyDescent="0.15">
      <c r="A30" s="8">
        <v>20</v>
      </c>
      <c r="B30" s="21">
        <v>64</v>
      </c>
      <c r="C30" s="6">
        <v>58</v>
      </c>
      <c r="D30" s="5">
        <v>122</v>
      </c>
    </row>
    <row r="31" spans="1:4" ht="18" customHeight="1" x14ac:dyDescent="0.15">
      <c r="A31" s="8">
        <v>21</v>
      </c>
      <c r="B31" s="21">
        <v>78</v>
      </c>
      <c r="C31" s="6">
        <v>61</v>
      </c>
      <c r="D31" s="5">
        <v>139</v>
      </c>
    </row>
    <row r="32" spans="1:4" ht="18" customHeight="1" x14ac:dyDescent="0.15">
      <c r="A32" s="8">
        <v>22</v>
      </c>
      <c r="B32" s="21">
        <v>63</v>
      </c>
      <c r="C32" s="6">
        <v>72</v>
      </c>
      <c r="D32" s="5">
        <v>135</v>
      </c>
    </row>
    <row r="33" spans="1:4" ht="18" customHeight="1" x14ac:dyDescent="0.15">
      <c r="A33" s="8">
        <v>23</v>
      </c>
      <c r="B33" s="21">
        <v>62</v>
      </c>
      <c r="C33" s="6">
        <v>69</v>
      </c>
      <c r="D33" s="5">
        <v>131</v>
      </c>
    </row>
    <row r="34" spans="1:4" ht="18" customHeight="1" x14ac:dyDescent="0.15">
      <c r="A34" s="8">
        <v>24</v>
      </c>
      <c r="B34" s="21">
        <v>69</v>
      </c>
      <c r="C34" s="6">
        <v>57</v>
      </c>
      <c r="D34" s="5">
        <v>126</v>
      </c>
    </row>
    <row r="35" spans="1:4" ht="18" customHeight="1" x14ac:dyDescent="0.15">
      <c r="A35" s="8" t="s">
        <v>20</v>
      </c>
      <c r="B35" s="21">
        <v>336</v>
      </c>
      <c r="C35" s="6">
        <v>317</v>
      </c>
      <c r="D35" s="5">
        <v>653</v>
      </c>
    </row>
    <row r="36" spans="1:4" ht="18" customHeight="1" x14ac:dyDescent="0.15">
      <c r="A36" s="8">
        <v>25</v>
      </c>
      <c r="B36" s="21">
        <v>70</v>
      </c>
      <c r="C36" s="6">
        <v>96</v>
      </c>
      <c r="D36" s="5">
        <v>166</v>
      </c>
    </row>
    <row r="37" spans="1:4" ht="18" customHeight="1" x14ac:dyDescent="0.15">
      <c r="A37" s="8">
        <v>26</v>
      </c>
      <c r="B37" s="21">
        <v>82</v>
      </c>
      <c r="C37" s="6">
        <v>74</v>
      </c>
      <c r="D37" s="5">
        <v>156</v>
      </c>
    </row>
    <row r="38" spans="1:4" ht="18" customHeight="1" x14ac:dyDescent="0.15">
      <c r="A38" s="8">
        <v>27</v>
      </c>
      <c r="B38" s="21">
        <v>67</v>
      </c>
      <c r="C38" s="6">
        <v>66</v>
      </c>
      <c r="D38" s="5">
        <v>133</v>
      </c>
    </row>
    <row r="39" spans="1:4" ht="18" customHeight="1" x14ac:dyDescent="0.15">
      <c r="A39" s="8">
        <v>28</v>
      </c>
      <c r="B39" s="21">
        <v>92</v>
      </c>
      <c r="C39" s="6">
        <v>77</v>
      </c>
      <c r="D39" s="5">
        <v>169</v>
      </c>
    </row>
    <row r="40" spans="1:4" ht="18" customHeight="1" x14ac:dyDescent="0.15">
      <c r="A40" s="8">
        <v>29</v>
      </c>
      <c r="B40" s="21">
        <v>84</v>
      </c>
      <c r="C40" s="6">
        <v>98</v>
      </c>
      <c r="D40" s="5">
        <v>182</v>
      </c>
    </row>
    <row r="41" spans="1:4" ht="18" customHeight="1" x14ac:dyDescent="0.15">
      <c r="A41" s="8" t="s">
        <v>19</v>
      </c>
      <c r="B41" s="21">
        <v>395</v>
      </c>
      <c r="C41" s="6">
        <v>411</v>
      </c>
      <c r="D41" s="5">
        <v>806</v>
      </c>
    </row>
    <row r="42" spans="1:4" ht="18" customHeight="1" x14ac:dyDescent="0.15">
      <c r="A42" s="8">
        <v>30</v>
      </c>
      <c r="B42" s="21">
        <v>103</v>
      </c>
      <c r="C42" s="6">
        <v>67</v>
      </c>
      <c r="D42" s="5">
        <v>170</v>
      </c>
    </row>
    <row r="43" spans="1:4" ht="18" customHeight="1" x14ac:dyDescent="0.15">
      <c r="A43" s="8">
        <v>31</v>
      </c>
      <c r="B43" s="21">
        <v>82</v>
      </c>
      <c r="C43" s="6">
        <v>87</v>
      </c>
      <c r="D43" s="5">
        <v>169</v>
      </c>
    </row>
    <row r="44" spans="1:4" ht="18" customHeight="1" x14ac:dyDescent="0.15">
      <c r="A44" s="8">
        <v>32</v>
      </c>
      <c r="B44" s="21">
        <v>77</v>
      </c>
      <c r="C44" s="6">
        <v>76</v>
      </c>
      <c r="D44" s="5">
        <v>153</v>
      </c>
    </row>
    <row r="45" spans="1:4" ht="18" customHeight="1" x14ac:dyDescent="0.15">
      <c r="A45" s="8">
        <v>33</v>
      </c>
      <c r="B45" s="21">
        <v>66</v>
      </c>
      <c r="C45" s="6">
        <v>82</v>
      </c>
      <c r="D45" s="5">
        <v>148</v>
      </c>
    </row>
    <row r="46" spans="1:4" ht="18" customHeight="1" x14ac:dyDescent="0.15">
      <c r="A46" s="8">
        <v>34</v>
      </c>
      <c r="B46" s="21">
        <v>82</v>
      </c>
      <c r="C46" s="6">
        <v>88</v>
      </c>
      <c r="D46" s="5">
        <v>170</v>
      </c>
    </row>
    <row r="47" spans="1:4" ht="18" customHeight="1" x14ac:dyDescent="0.15">
      <c r="A47" s="8" t="s">
        <v>18</v>
      </c>
      <c r="B47" s="21">
        <v>410</v>
      </c>
      <c r="C47" s="6">
        <v>400</v>
      </c>
      <c r="D47" s="5">
        <v>810</v>
      </c>
    </row>
    <row r="48" spans="1:4" ht="18" customHeight="1" x14ac:dyDescent="0.15">
      <c r="A48" s="8">
        <v>35</v>
      </c>
      <c r="B48" s="21">
        <v>105</v>
      </c>
      <c r="C48" s="6">
        <v>89</v>
      </c>
      <c r="D48" s="5">
        <v>194</v>
      </c>
    </row>
    <row r="49" spans="1:4" ht="18" customHeight="1" x14ac:dyDescent="0.15">
      <c r="A49" s="8">
        <v>36</v>
      </c>
      <c r="B49" s="21">
        <v>75</v>
      </c>
      <c r="C49" s="6">
        <v>79</v>
      </c>
      <c r="D49" s="5">
        <v>154</v>
      </c>
    </row>
    <row r="50" spans="1:4" ht="18" customHeight="1" x14ac:dyDescent="0.15">
      <c r="A50" s="8">
        <v>37</v>
      </c>
      <c r="B50" s="21">
        <v>78</v>
      </c>
      <c r="C50" s="6">
        <v>83</v>
      </c>
      <c r="D50" s="5">
        <v>161</v>
      </c>
    </row>
    <row r="51" spans="1:4" ht="18" customHeight="1" x14ac:dyDescent="0.15">
      <c r="A51" s="8">
        <v>38</v>
      </c>
      <c r="B51" s="21">
        <v>85</v>
      </c>
      <c r="C51" s="6">
        <v>90</v>
      </c>
      <c r="D51" s="5">
        <v>175</v>
      </c>
    </row>
    <row r="52" spans="1:4" ht="18" customHeight="1" x14ac:dyDescent="0.15">
      <c r="A52" s="8">
        <v>39</v>
      </c>
      <c r="B52" s="21">
        <v>80</v>
      </c>
      <c r="C52" s="6">
        <v>79</v>
      </c>
      <c r="D52" s="5">
        <v>159</v>
      </c>
    </row>
    <row r="53" spans="1:4" ht="18" customHeight="1" x14ac:dyDescent="0.15">
      <c r="A53" s="8" t="s">
        <v>17</v>
      </c>
      <c r="B53" s="21">
        <v>423</v>
      </c>
      <c r="C53" s="6">
        <v>420</v>
      </c>
      <c r="D53" s="5">
        <v>843</v>
      </c>
    </row>
    <row r="54" spans="1:4" ht="18" customHeight="1" x14ac:dyDescent="0.15">
      <c r="A54" s="8">
        <v>40</v>
      </c>
      <c r="B54" s="21">
        <v>92</v>
      </c>
      <c r="C54" s="6">
        <v>90</v>
      </c>
      <c r="D54" s="5">
        <v>182</v>
      </c>
    </row>
    <row r="55" spans="1:4" ht="18" customHeight="1" x14ac:dyDescent="0.15">
      <c r="A55" s="8">
        <v>41</v>
      </c>
      <c r="B55" s="21">
        <v>95</v>
      </c>
      <c r="C55" s="6">
        <v>104</v>
      </c>
      <c r="D55" s="5">
        <v>199</v>
      </c>
    </row>
    <row r="56" spans="1:4" ht="18" customHeight="1" x14ac:dyDescent="0.15">
      <c r="A56" s="8">
        <v>42</v>
      </c>
      <c r="B56" s="21">
        <v>100</v>
      </c>
      <c r="C56" s="6">
        <v>91</v>
      </c>
      <c r="D56" s="5">
        <v>191</v>
      </c>
    </row>
    <row r="57" spans="1:4" ht="18" customHeight="1" x14ac:dyDescent="0.15">
      <c r="A57" s="8">
        <v>43</v>
      </c>
      <c r="B57" s="21">
        <v>100</v>
      </c>
      <c r="C57" s="6">
        <v>106</v>
      </c>
      <c r="D57" s="5">
        <v>206</v>
      </c>
    </row>
    <row r="58" spans="1:4" ht="18" customHeight="1" x14ac:dyDescent="0.15">
      <c r="A58" s="8">
        <v>44</v>
      </c>
      <c r="B58" s="21">
        <v>115</v>
      </c>
      <c r="C58" s="6">
        <v>116</v>
      </c>
      <c r="D58" s="5">
        <v>231</v>
      </c>
    </row>
    <row r="59" spans="1:4" ht="18" customHeight="1" x14ac:dyDescent="0.15">
      <c r="A59" s="8" t="s">
        <v>16</v>
      </c>
      <c r="B59" s="21">
        <v>502</v>
      </c>
      <c r="C59" s="6">
        <v>507</v>
      </c>
      <c r="D59" s="5">
        <v>1009</v>
      </c>
    </row>
    <row r="60" spans="1:4" ht="18" customHeight="1" x14ac:dyDescent="0.15">
      <c r="A60" s="8">
        <v>45</v>
      </c>
      <c r="B60" s="21">
        <v>97</v>
      </c>
      <c r="C60" s="6">
        <v>103</v>
      </c>
      <c r="D60" s="5">
        <v>200</v>
      </c>
    </row>
    <row r="61" spans="1:4" ht="18" customHeight="1" x14ac:dyDescent="0.15">
      <c r="A61" s="8">
        <v>46</v>
      </c>
      <c r="B61" s="21">
        <v>97</v>
      </c>
      <c r="C61" s="6">
        <v>113</v>
      </c>
      <c r="D61" s="5">
        <v>210</v>
      </c>
    </row>
    <row r="62" spans="1:4" ht="18" customHeight="1" x14ac:dyDescent="0.15">
      <c r="A62" s="8">
        <v>47</v>
      </c>
      <c r="B62" s="21">
        <v>135</v>
      </c>
      <c r="C62" s="6">
        <v>123</v>
      </c>
      <c r="D62" s="5">
        <v>258</v>
      </c>
    </row>
    <row r="63" spans="1:4" ht="18" customHeight="1" x14ac:dyDescent="0.15">
      <c r="A63" s="8">
        <v>48</v>
      </c>
      <c r="B63" s="21">
        <v>124</v>
      </c>
      <c r="C63" s="6">
        <v>114</v>
      </c>
      <c r="D63" s="5">
        <v>238</v>
      </c>
    </row>
    <row r="64" spans="1:4" ht="18" customHeight="1" x14ac:dyDescent="0.15">
      <c r="A64" s="8">
        <v>49</v>
      </c>
      <c r="B64" s="21">
        <v>128</v>
      </c>
      <c r="C64" s="6">
        <v>119</v>
      </c>
      <c r="D64" s="5">
        <v>247</v>
      </c>
    </row>
    <row r="65" spans="1:4" ht="18" customHeight="1" x14ac:dyDescent="0.15">
      <c r="A65" s="8" t="s">
        <v>15</v>
      </c>
      <c r="B65" s="21">
        <v>581</v>
      </c>
      <c r="C65" s="6">
        <v>572</v>
      </c>
      <c r="D65" s="5">
        <v>1153</v>
      </c>
    </row>
    <row r="66" spans="1:4" ht="18" customHeight="1" x14ac:dyDescent="0.15">
      <c r="A66" s="8">
        <v>50</v>
      </c>
      <c r="B66" s="21">
        <v>156</v>
      </c>
      <c r="C66" s="6">
        <v>144</v>
      </c>
      <c r="D66" s="5">
        <v>300</v>
      </c>
    </row>
    <row r="67" spans="1:4" ht="18" customHeight="1" x14ac:dyDescent="0.15">
      <c r="A67" s="8">
        <v>51</v>
      </c>
      <c r="B67" s="21">
        <v>142</v>
      </c>
      <c r="C67" s="6">
        <v>132</v>
      </c>
      <c r="D67" s="5">
        <v>274</v>
      </c>
    </row>
    <row r="68" spans="1:4" ht="18" customHeight="1" x14ac:dyDescent="0.15">
      <c r="A68" s="8">
        <v>52</v>
      </c>
      <c r="B68" s="21">
        <v>132</v>
      </c>
      <c r="C68" s="6">
        <v>123</v>
      </c>
      <c r="D68" s="5">
        <v>255</v>
      </c>
    </row>
    <row r="69" spans="1:4" ht="18" customHeight="1" x14ac:dyDescent="0.15">
      <c r="A69" s="8">
        <v>53</v>
      </c>
      <c r="B69" s="21">
        <v>120</v>
      </c>
      <c r="C69" s="6">
        <v>133</v>
      </c>
      <c r="D69" s="5">
        <v>253</v>
      </c>
    </row>
    <row r="70" spans="1:4" ht="18" customHeight="1" x14ac:dyDescent="0.15">
      <c r="A70" s="8">
        <v>54</v>
      </c>
      <c r="B70" s="21">
        <v>126</v>
      </c>
      <c r="C70" s="6">
        <v>116</v>
      </c>
      <c r="D70" s="5">
        <v>242</v>
      </c>
    </row>
    <row r="71" spans="1:4" ht="18" customHeight="1" x14ac:dyDescent="0.15">
      <c r="A71" s="8" t="s">
        <v>14</v>
      </c>
      <c r="B71" s="21">
        <v>676</v>
      </c>
      <c r="C71" s="6">
        <v>648</v>
      </c>
      <c r="D71" s="5">
        <v>1324</v>
      </c>
    </row>
    <row r="72" spans="1:4" ht="18" customHeight="1" x14ac:dyDescent="0.15">
      <c r="A72" s="8">
        <v>55</v>
      </c>
      <c r="B72" s="21">
        <v>119</v>
      </c>
      <c r="C72" s="6">
        <v>130</v>
      </c>
      <c r="D72" s="5">
        <v>249</v>
      </c>
    </row>
    <row r="73" spans="1:4" ht="18" customHeight="1" x14ac:dyDescent="0.15">
      <c r="A73" s="8">
        <v>56</v>
      </c>
      <c r="B73" s="21">
        <v>92</v>
      </c>
      <c r="C73" s="6">
        <v>88</v>
      </c>
      <c r="D73" s="5">
        <v>180</v>
      </c>
    </row>
    <row r="74" spans="1:4" ht="18" customHeight="1" x14ac:dyDescent="0.15">
      <c r="A74" s="8">
        <v>57</v>
      </c>
      <c r="B74" s="21">
        <v>104</v>
      </c>
      <c r="C74" s="6">
        <v>103</v>
      </c>
      <c r="D74" s="5">
        <v>207</v>
      </c>
    </row>
    <row r="75" spans="1:4" ht="18" customHeight="1" x14ac:dyDescent="0.15">
      <c r="A75" s="8">
        <v>58</v>
      </c>
      <c r="B75" s="21">
        <v>129</v>
      </c>
      <c r="C75" s="6">
        <v>114</v>
      </c>
      <c r="D75" s="5">
        <v>243</v>
      </c>
    </row>
    <row r="76" spans="1:4" ht="18" customHeight="1" x14ac:dyDescent="0.15">
      <c r="A76" s="8">
        <v>59</v>
      </c>
      <c r="B76" s="21">
        <v>75</v>
      </c>
      <c r="C76" s="6">
        <v>82</v>
      </c>
      <c r="D76" s="5">
        <v>157</v>
      </c>
    </row>
    <row r="77" spans="1:4" ht="18" customHeight="1" x14ac:dyDescent="0.15">
      <c r="A77" s="8" t="s">
        <v>13</v>
      </c>
      <c r="B77" s="21">
        <v>519</v>
      </c>
      <c r="C77" s="6">
        <v>517</v>
      </c>
      <c r="D77" s="5">
        <v>1036</v>
      </c>
    </row>
    <row r="78" spans="1:4" ht="18" customHeight="1" x14ac:dyDescent="0.15">
      <c r="A78" s="8">
        <v>60</v>
      </c>
      <c r="B78" s="21">
        <v>92</v>
      </c>
      <c r="C78" s="6">
        <v>103</v>
      </c>
      <c r="D78" s="5">
        <v>195</v>
      </c>
    </row>
    <row r="79" spans="1:4" ht="18" customHeight="1" x14ac:dyDescent="0.15">
      <c r="A79" s="8">
        <v>61</v>
      </c>
      <c r="B79" s="21">
        <v>95</v>
      </c>
      <c r="C79" s="6">
        <v>103</v>
      </c>
      <c r="D79" s="5">
        <v>198</v>
      </c>
    </row>
    <row r="80" spans="1:4" ht="18" customHeight="1" x14ac:dyDescent="0.15">
      <c r="A80" s="8">
        <v>62</v>
      </c>
      <c r="B80" s="21">
        <v>75</v>
      </c>
      <c r="C80" s="6">
        <v>96</v>
      </c>
      <c r="D80" s="5">
        <v>171</v>
      </c>
    </row>
    <row r="81" spans="1:4" ht="18" customHeight="1" x14ac:dyDescent="0.15">
      <c r="A81" s="8">
        <v>63</v>
      </c>
      <c r="B81" s="21">
        <v>86</v>
      </c>
      <c r="C81" s="6">
        <v>70</v>
      </c>
      <c r="D81" s="5">
        <v>156</v>
      </c>
    </row>
    <row r="82" spans="1:4" ht="18" customHeight="1" x14ac:dyDescent="0.15">
      <c r="A82" s="8">
        <v>64</v>
      </c>
      <c r="B82" s="21">
        <v>78</v>
      </c>
      <c r="C82" s="6">
        <v>92</v>
      </c>
      <c r="D82" s="5">
        <v>170</v>
      </c>
    </row>
    <row r="83" spans="1:4" ht="18" customHeight="1" x14ac:dyDescent="0.15">
      <c r="A83" s="8" t="s">
        <v>12</v>
      </c>
      <c r="B83" s="21">
        <v>426</v>
      </c>
      <c r="C83" s="6">
        <v>464</v>
      </c>
      <c r="D83" s="5">
        <v>890</v>
      </c>
    </row>
    <row r="84" spans="1:4" ht="18" customHeight="1" x14ac:dyDescent="0.15">
      <c r="A84" s="8" t="s">
        <v>11</v>
      </c>
      <c r="B84" s="21">
        <v>4639</v>
      </c>
      <c r="C84" s="6">
        <v>4614</v>
      </c>
      <c r="D84" s="5">
        <v>9253</v>
      </c>
    </row>
    <row r="85" spans="1:4" ht="18" customHeight="1" x14ac:dyDescent="0.15">
      <c r="A85" s="8">
        <v>65</v>
      </c>
      <c r="B85" s="21">
        <v>66</v>
      </c>
      <c r="C85" s="6">
        <v>80</v>
      </c>
      <c r="D85" s="5">
        <v>146</v>
      </c>
    </row>
    <row r="86" spans="1:4" ht="18" customHeight="1" x14ac:dyDescent="0.15">
      <c r="A86" s="8">
        <v>66</v>
      </c>
      <c r="B86" s="21">
        <v>80</v>
      </c>
      <c r="C86" s="6">
        <v>100</v>
      </c>
      <c r="D86" s="5">
        <v>180</v>
      </c>
    </row>
    <row r="87" spans="1:4" ht="18" customHeight="1" x14ac:dyDescent="0.15">
      <c r="A87" s="8">
        <v>67</v>
      </c>
      <c r="B87" s="21">
        <v>70</v>
      </c>
      <c r="C87" s="6">
        <v>73</v>
      </c>
      <c r="D87" s="5">
        <v>143</v>
      </c>
    </row>
    <row r="88" spans="1:4" ht="18" customHeight="1" x14ac:dyDescent="0.15">
      <c r="A88" s="8">
        <v>68</v>
      </c>
      <c r="B88" s="21">
        <v>64</v>
      </c>
      <c r="C88" s="6">
        <v>60</v>
      </c>
      <c r="D88" s="5">
        <v>124</v>
      </c>
    </row>
    <row r="89" spans="1:4" ht="18" customHeight="1" x14ac:dyDescent="0.15">
      <c r="A89" s="8">
        <v>69</v>
      </c>
      <c r="B89" s="21">
        <v>73</v>
      </c>
      <c r="C89" s="6">
        <v>71</v>
      </c>
      <c r="D89" s="5">
        <v>144</v>
      </c>
    </row>
    <row r="90" spans="1:4" ht="18" customHeight="1" x14ac:dyDescent="0.15">
      <c r="A90" s="8" t="s">
        <v>10</v>
      </c>
      <c r="B90" s="21">
        <v>353</v>
      </c>
      <c r="C90" s="6">
        <v>384</v>
      </c>
      <c r="D90" s="5">
        <v>737</v>
      </c>
    </row>
    <row r="91" spans="1:4" ht="18" customHeight="1" x14ac:dyDescent="0.15">
      <c r="A91" s="8">
        <v>70</v>
      </c>
      <c r="B91" s="21">
        <v>80</v>
      </c>
      <c r="C91" s="6">
        <v>80</v>
      </c>
      <c r="D91" s="5">
        <v>160</v>
      </c>
    </row>
    <row r="92" spans="1:4" ht="18" customHeight="1" x14ac:dyDescent="0.15">
      <c r="A92" s="8">
        <v>71</v>
      </c>
      <c r="B92" s="21">
        <v>79</v>
      </c>
      <c r="C92" s="6">
        <v>83</v>
      </c>
      <c r="D92" s="5">
        <v>162</v>
      </c>
    </row>
    <row r="93" spans="1:4" ht="18" customHeight="1" x14ac:dyDescent="0.15">
      <c r="A93" s="8">
        <v>72</v>
      </c>
      <c r="B93" s="21">
        <v>77</v>
      </c>
      <c r="C93" s="6">
        <v>90</v>
      </c>
      <c r="D93" s="5">
        <v>167</v>
      </c>
    </row>
    <row r="94" spans="1:4" ht="18" customHeight="1" x14ac:dyDescent="0.15">
      <c r="A94" s="8">
        <v>73</v>
      </c>
      <c r="B94" s="21">
        <v>76</v>
      </c>
      <c r="C94" s="6">
        <v>77</v>
      </c>
      <c r="D94" s="5">
        <v>153</v>
      </c>
    </row>
    <row r="95" spans="1:4" ht="18" customHeight="1" x14ac:dyDescent="0.15">
      <c r="A95" s="8">
        <v>74</v>
      </c>
      <c r="B95" s="21">
        <v>69</v>
      </c>
      <c r="C95" s="6">
        <v>92</v>
      </c>
      <c r="D95" s="5">
        <v>161</v>
      </c>
    </row>
    <row r="96" spans="1:4" ht="18" customHeight="1" x14ac:dyDescent="0.15">
      <c r="A96" s="8" t="s">
        <v>9</v>
      </c>
      <c r="B96" s="21">
        <v>381</v>
      </c>
      <c r="C96" s="6">
        <v>422</v>
      </c>
      <c r="D96" s="5">
        <v>803</v>
      </c>
    </row>
    <row r="97" spans="1:4" ht="18" customHeight="1" x14ac:dyDescent="0.15">
      <c r="A97" s="8">
        <v>75</v>
      </c>
      <c r="B97" s="21">
        <v>76</v>
      </c>
      <c r="C97" s="6">
        <v>104</v>
      </c>
      <c r="D97" s="5">
        <v>180</v>
      </c>
    </row>
    <row r="98" spans="1:4" ht="18" customHeight="1" x14ac:dyDescent="0.15">
      <c r="A98" s="8">
        <v>76</v>
      </c>
      <c r="B98" s="21">
        <v>87</v>
      </c>
      <c r="C98" s="6">
        <v>122</v>
      </c>
      <c r="D98" s="5">
        <v>209</v>
      </c>
    </row>
    <row r="99" spans="1:4" ht="18" customHeight="1" x14ac:dyDescent="0.15">
      <c r="A99" s="8">
        <v>77</v>
      </c>
      <c r="B99" s="21">
        <v>89</v>
      </c>
      <c r="C99" s="6">
        <v>102</v>
      </c>
      <c r="D99" s="5">
        <v>191</v>
      </c>
    </row>
    <row r="100" spans="1:4" ht="18" customHeight="1" x14ac:dyDescent="0.15">
      <c r="A100" s="8">
        <v>78</v>
      </c>
      <c r="B100" s="21">
        <v>94</v>
      </c>
      <c r="C100" s="6">
        <v>118</v>
      </c>
      <c r="D100" s="5">
        <v>212</v>
      </c>
    </row>
    <row r="101" spans="1:4" ht="18" customHeight="1" x14ac:dyDescent="0.15">
      <c r="A101" s="8">
        <v>79</v>
      </c>
      <c r="B101" s="21">
        <v>71</v>
      </c>
      <c r="C101" s="6">
        <v>68</v>
      </c>
      <c r="D101" s="5">
        <v>139</v>
      </c>
    </row>
    <row r="102" spans="1:4" ht="18" customHeight="1" x14ac:dyDescent="0.15">
      <c r="A102" s="8" t="s">
        <v>8</v>
      </c>
      <c r="B102" s="21">
        <v>417</v>
      </c>
      <c r="C102" s="6">
        <v>514</v>
      </c>
      <c r="D102" s="5">
        <v>931</v>
      </c>
    </row>
    <row r="103" spans="1:4" ht="18" customHeight="1" x14ac:dyDescent="0.15">
      <c r="A103" s="8">
        <v>80</v>
      </c>
      <c r="B103" s="21">
        <v>43</v>
      </c>
      <c r="C103" s="6">
        <v>71</v>
      </c>
      <c r="D103" s="5">
        <v>114</v>
      </c>
    </row>
    <row r="104" spans="1:4" ht="18" customHeight="1" x14ac:dyDescent="0.15">
      <c r="A104" s="8">
        <v>81</v>
      </c>
      <c r="B104" s="21">
        <v>62</v>
      </c>
      <c r="C104" s="6">
        <v>94</v>
      </c>
      <c r="D104" s="5">
        <v>156</v>
      </c>
    </row>
    <row r="105" spans="1:4" ht="18" customHeight="1" x14ac:dyDescent="0.15">
      <c r="A105" s="8">
        <v>82</v>
      </c>
      <c r="B105" s="21">
        <v>57</v>
      </c>
      <c r="C105" s="6">
        <v>85</v>
      </c>
      <c r="D105" s="5">
        <v>142</v>
      </c>
    </row>
    <row r="106" spans="1:4" ht="18" customHeight="1" x14ac:dyDescent="0.15">
      <c r="A106" s="8">
        <v>83</v>
      </c>
      <c r="B106" s="21">
        <v>45</v>
      </c>
      <c r="C106" s="6">
        <v>72</v>
      </c>
      <c r="D106" s="5">
        <v>117</v>
      </c>
    </row>
    <row r="107" spans="1:4" ht="18" customHeight="1" x14ac:dyDescent="0.15">
      <c r="A107" s="8">
        <v>84</v>
      </c>
      <c r="B107" s="21">
        <v>54</v>
      </c>
      <c r="C107" s="6">
        <v>87</v>
      </c>
      <c r="D107" s="5">
        <v>141</v>
      </c>
    </row>
    <row r="108" spans="1:4" ht="18" customHeight="1" x14ac:dyDescent="0.15">
      <c r="A108" s="8" t="s">
        <v>7</v>
      </c>
      <c r="B108" s="21">
        <v>261</v>
      </c>
      <c r="C108" s="6">
        <v>409</v>
      </c>
      <c r="D108" s="5">
        <v>670</v>
      </c>
    </row>
    <row r="109" spans="1:4" ht="18" customHeight="1" x14ac:dyDescent="0.15">
      <c r="A109" s="8">
        <v>85</v>
      </c>
      <c r="B109" s="21">
        <v>49</v>
      </c>
      <c r="C109" s="6">
        <v>62</v>
      </c>
      <c r="D109" s="5">
        <v>111</v>
      </c>
    </row>
    <row r="110" spans="1:4" ht="18" customHeight="1" x14ac:dyDescent="0.15">
      <c r="A110" s="8">
        <v>86</v>
      </c>
      <c r="B110" s="21">
        <v>42</v>
      </c>
      <c r="C110" s="6">
        <v>50</v>
      </c>
      <c r="D110" s="5">
        <v>92</v>
      </c>
    </row>
    <row r="111" spans="1:4" ht="18" customHeight="1" x14ac:dyDescent="0.15">
      <c r="A111" s="8">
        <v>87</v>
      </c>
      <c r="B111" s="21">
        <v>20</v>
      </c>
      <c r="C111" s="6">
        <v>42</v>
      </c>
      <c r="D111" s="5">
        <v>62</v>
      </c>
    </row>
    <row r="112" spans="1:4" ht="18" customHeight="1" x14ac:dyDescent="0.15">
      <c r="A112" s="8">
        <v>88</v>
      </c>
      <c r="B112" s="21">
        <v>27</v>
      </c>
      <c r="C112" s="6">
        <v>48</v>
      </c>
      <c r="D112" s="5">
        <v>75</v>
      </c>
    </row>
    <row r="113" spans="1:4" ht="18" customHeight="1" x14ac:dyDescent="0.15">
      <c r="A113" s="8">
        <v>89</v>
      </c>
      <c r="B113" s="21">
        <v>30</v>
      </c>
      <c r="C113" s="6">
        <v>51</v>
      </c>
      <c r="D113" s="5">
        <v>81</v>
      </c>
    </row>
    <row r="114" spans="1:4" ht="18" customHeight="1" x14ac:dyDescent="0.15">
      <c r="A114" s="8" t="s">
        <v>6</v>
      </c>
      <c r="B114" s="21">
        <v>168</v>
      </c>
      <c r="C114" s="6">
        <v>253</v>
      </c>
      <c r="D114" s="5">
        <v>421</v>
      </c>
    </row>
    <row r="115" spans="1:4" ht="18" customHeight="1" x14ac:dyDescent="0.15">
      <c r="A115" s="8">
        <v>90</v>
      </c>
      <c r="B115" s="21">
        <v>23</v>
      </c>
      <c r="C115" s="6">
        <v>43</v>
      </c>
      <c r="D115" s="5">
        <v>66</v>
      </c>
    </row>
    <row r="116" spans="1:4" ht="18" customHeight="1" x14ac:dyDescent="0.15">
      <c r="A116" s="8">
        <v>91</v>
      </c>
      <c r="B116" s="21">
        <v>14</v>
      </c>
      <c r="C116" s="6">
        <v>38</v>
      </c>
      <c r="D116" s="5">
        <v>52</v>
      </c>
    </row>
    <row r="117" spans="1:4" ht="18" customHeight="1" x14ac:dyDescent="0.15">
      <c r="A117" s="8">
        <v>92</v>
      </c>
      <c r="B117" s="21">
        <v>16</v>
      </c>
      <c r="C117" s="6">
        <v>40</v>
      </c>
      <c r="D117" s="5">
        <v>56</v>
      </c>
    </row>
    <row r="118" spans="1:4" ht="18" customHeight="1" x14ac:dyDescent="0.15">
      <c r="A118" s="8">
        <v>93</v>
      </c>
      <c r="B118" s="21">
        <v>4</v>
      </c>
      <c r="C118" s="6">
        <v>36</v>
      </c>
      <c r="D118" s="5">
        <v>40</v>
      </c>
    </row>
    <row r="119" spans="1:4" ht="18" customHeight="1" x14ac:dyDescent="0.15">
      <c r="A119" s="8">
        <v>94</v>
      </c>
      <c r="B119" s="21">
        <v>7</v>
      </c>
      <c r="C119" s="6">
        <v>22</v>
      </c>
      <c r="D119" s="5">
        <v>29</v>
      </c>
    </row>
    <row r="120" spans="1:4" ht="18" customHeight="1" x14ac:dyDescent="0.15">
      <c r="A120" s="8" t="s">
        <v>5</v>
      </c>
      <c r="B120" s="21">
        <v>64</v>
      </c>
      <c r="C120" s="6">
        <v>179</v>
      </c>
      <c r="D120" s="5">
        <v>243</v>
      </c>
    </row>
    <row r="121" spans="1:4" ht="18" customHeight="1" x14ac:dyDescent="0.15">
      <c r="A121" s="8">
        <v>95</v>
      </c>
      <c r="B121" s="21">
        <v>6</v>
      </c>
      <c r="C121" s="6">
        <v>18</v>
      </c>
      <c r="D121" s="5">
        <v>24</v>
      </c>
    </row>
    <row r="122" spans="1:4" ht="18" customHeight="1" x14ac:dyDescent="0.15">
      <c r="A122" s="8">
        <v>96</v>
      </c>
      <c r="B122" s="21">
        <v>3</v>
      </c>
      <c r="C122" s="6">
        <v>10</v>
      </c>
      <c r="D122" s="5">
        <v>13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3</v>
      </c>
      <c r="C126" s="6">
        <v>47</v>
      </c>
      <c r="D126" s="5">
        <v>60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10</v>
      </c>
      <c r="D129" s="5">
        <v>11</v>
      </c>
    </row>
    <row r="130" spans="1:4" ht="18" customHeight="1" x14ac:dyDescent="0.15">
      <c r="A130" s="8" t="s">
        <v>1</v>
      </c>
      <c r="B130" s="21">
        <v>1658</v>
      </c>
      <c r="C130" s="6">
        <v>2218</v>
      </c>
      <c r="D130" s="5">
        <v>3876</v>
      </c>
    </row>
    <row r="131" spans="1:4" ht="18" customHeight="1" x14ac:dyDescent="0.15">
      <c r="A131" s="4" t="s">
        <v>0</v>
      </c>
      <c r="B131" s="20">
        <v>7334</v>
      </c>
      <c r="C131" s="2">
        <v>7793</v>
      </c>
      <c r="D131" s="1">
        <v>151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4D37CC-CA37-413F-A208-399B60C61528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5</v>
      </c>
      <c r="C5" s="11">
        <v>16</v>
      </c>
      <c r="D5" s="10">
        <v>31</v>
      </c>
    </row>
    <row r="6" spans="1:4" ht="18" customHeight="1" x14ac:dyDescent="0.15">
      <c r="A6" s="8">
        <v>1</v>
      </c>
      <c r="B6" s="21">
        <v>23</v>
      </c>
      <c r="C6" s="6">
        <v>23</v>
      </c>
      <c r="D6" s="5">
        <v>46</v>
      </c>
    </row>
    <row r="7" spans="1:4" ht="18" customHeight="1" x14ac:dyDescent="0.15">
      <c r="A7" s="8">
        <v>2</v>
      </c>
      <c r="B7" s="21">
        <v>22</v>
      </c>
      <c r="C7" s="6">
        <v>14</v>
      </c>
      <c r="D7" s="5">
        <v>36</v>
      </c>
    </row>
    <row r="8" spans="1:4" ht="18" customHeight="1" x14ac:dyDescent="0.15">
      <c r="A8" s="8">
        <v>3</v>
      </c>
      <c r="B8" s="21">
        <v>24</v>
      </c>
      <c r="C8" s="6">
        <v>22</v>
      </c>
      <c r="D8" s="5">
        <v>46</v>
      </c>
    </row>
    <row r="9" spans="1:4" ht="18" customHeight="1" x14ac:dyDescent="0.15">
      <c r="A9" s="8">
        <v>4</v>
      </c>
      <c r="B9" s="21">
        <v>23</v>
      </c>
      <c r="C9" s="6">
        <v>20</v>
      </c>
      <c r="D9" s="5">
        <v>43</v>
      </c>
    </row>
    <row r="10" spans="1:4" ht="18" customHeight="1" x14ac:dyDescent="0.15">
      <c r="A10" s="8" t="s">
        <v>25</v>
      </c>
      <c r="B10" s="21">
        <v>107</v>
      </c>
      <c r="C10" s="6">
        <v>95</v>
      </c>
      <c r="D10" s="5">
        <v>202</v>
      </c>
    </row>
    <row r="11" spans="1:4" ht="18" customHeight="1" x14ac:dyDescent="0.15">
      <c r="A11" s="8">
        <v>5</v>
      </c>
      <c r="B11" s="21">
        <v>26</v>
      </c>
      <c r="C11" s="6">
        <v>19</v>
      </c>
      <c r="D11" s="5">
        <v>45</v>
      </c>
    </row>
    <row r="12" spans="1:4" ht="18" customHeight="1" x14ac:dyDescent="0.15">
      <c r="A12" s="8">
        <v>6</v>
      </c>
      <c r="B12" s="21">
        <v>28</v>
      </c>
      <c r="C12" s="6">
        <v>27</v>
      </c>
      <c r="D12" s="5">
        <v>55</v>
      </c>
    </row>
    <row r="13" spans="1:4" ht="18" customHeight="1" x14ac:dyDescent="0.15">
      <c r="A13" s="8">
        <v>7</v>
      </c>
      <c r="B13" s="21">
        <v>23</v>
      </c>
      <c r="C13" s="6">
        <v>27</v>
      </c>
      <c r="D13" s="5">
        <v>50</v>
      </c>
    </row>
    <row r="14" spans="1:4" ht="18" customHeight="1" x14ac:dyDescent="0.15">
      <c r="A14" s="8">
        <v>8</v>
      </c>
      <c r="B14" s="21">
        <v>24</v>
      </c>
      <c r="C14" s="6">
        <v>32</v>
      </c>
      <c r="D14" s="5">
        <v>56</v>
      </c>
    </row>
    <row r="15" spans="1:4" ht="18" customHeight="1" x14ac:dyDescent="0.15">
      <c r="A15" s="8">
        <v>9</v>
      </c>
      <c r="B15" s="21">
        <v>23</v>
      </c>
      <c r="C15" s="6">
        <v>32</v>
      </c>
      <c r="D15" s="5">
        <v>55</v>
      </c>
    </row>
    <row r="16" spans="1:4" ht="18" customHeight="1" x14ac:dyDescent="0.15">
      <c r="A16" s="8" t="s">
        <v>24</v>
      </c>
      <c r="B16" s="21">
        <v>124</v>
      </c>
      <c r="C16" s="6">
        <v>137</v>
      </c>
      <c r="D16" s="5">
        <v>261</v>
      </c>
    </row>
    <row r="17" spans="1:4" ht="18" customHeight="1" x14ac:dyDescent="0.15">
      <c r="A17" s="8">
        <v>10</v>
      </c>
      <c r="B17" s="21">
        <v>34</v>
      </c>
      <c r="C17" s="6">
        <v>24</v>
      </c>
      <c r="D17" s="5">
        <v>58</v>
      </c>
    </row>
    <row r="18" spans="1:4" ht="18" customHeight="1" x14ac:dyDescent="0.15">
      <c r="A18" s="8">
        <v>11</v>
      </c>
      <c r="B18" s="21">
        <v>28</v>
      </c>
      <c r="C18" s="6">
        <v>39</v>
      </c>
      <c r="D18" s="5">
        <v>67</v>
      </c>
    </row>
    <row r="19" spans="1:4" ht="18" customHeight="1" x14ac:dyDescent="0.15">
      <c r="A19" s="8">
        <v>12</v>
      </c>
      <c r="B19" s="21">
        <v>30</v>
      </c>
      <c r="C19" s="6">
        <v>22</v>
      </c>
      <c r="D19" s="5">
        <v>52</v>
      </c>
    </row>
    <row r="20" spans="1:4" ht="18" customHeight="1" x14ac:dyDescent="0.15">
      <c r="A20" s="8">
        <v>13</v>
      </c>
      <c r="B20" s="21">
        <v>25</v>
      </c>
      <c r="C20" s="6">
        <v>41</v>
      </c>
      <c r="D20" s="5">
        <v>66</v>
      </c>
    </row>
    <row r="21" spans="1:4" ht="18" customHeight="1" x14ac:dyDescent="0.15">
      <c r="A21" s="8">
        <v>14</v>
      </c>
      <c r="B21" s="21">
        <v>26</v>
      </c>
      <c r="C21" s="6">
        <v>31</v>
      </c>
      <c r="D21" s="5">
        <v>57</v>
      </c>
    </row>
    <row r="22" spans="1:4" ht="18" customHeight="1" x14ac:dyDescent="0.15">
      <c r="A22" s="8" t="s">
        <v>23</v>
      </c>
      <c r="B22" s="21">
        <v>143</v>
      </c>
      <c r="C22" s="6">
        <v>157</v>
      </c>
      <c r="D22" s="5">
        <v>300</v>
      </c>
    </row>
    <row r="23" spans="1:4" ht="18" customHeight="1" x14ac:dyDescent="0.15">
      <c r="A23" s="8" t="s">
        <v>22</v>
      </c>
      <c r="B23" s="21">
        <v>374</v>
      </c>
      <c r="C23" s="6">
        <v>389</v>
      </c>
      <c r="D23" s="5">
        <v>763</v>
      </c>
    </row>
    <row r="24" spans="1:4" ht="18" customHeight="1" x14ac:dyDescent="0.15">
      <c r="A24" s="8">
        <v>15</v>
      </c>
      <c r="B24" s="21">
        <v>20</v>
      </c>
      <c r="C24" s="6">
        <v>29</v>
      </c>
      <c r="D24" s="5">
        <v>49</v>
      </c>
    </row>
    <row r="25" spans="1:4" ht="18" customHeight="1" x14ac:dyDescent="0.15">
      <c r="A25" s="8">
        <v>16</v>
      </c>
      <c r="B25" s="21">
        <v>32</v>
      </c>
      <c r="C25" s="6">
        <v>29</v>
      </c>
      <c r="D25" s="5">
        <v>61</v>
      </c>
    </row>
    <row r="26" spans="1:4" ht="18" customHeight="1" x14ac:dyDescent="0.15">
      <c r="A26" s="8">
        <v>17</v>
      </c>
      <c r="B26" s="21">
        <v>24</v>
      </c>
      <c r="C26" s="6">
        <v>27</v>
      </c>
      <c r="D26" s="5">
        <v>51</v>
      </c>
    </row>
    <row r="27" spans="1:4" ht="18" customHeight="1" x14ac:dyDescent="0.15">
      <c r="A27" s="8">
        <v>18</v>
      </c>
      <c r="B27" s="21">
        <v>26</v>
      </c>
      <c r="C27" s="6">
        <v>24</v>
      </c>
      <c r="D27" s="5">
        <v>50</v>
      </c>
    </row>
    <row r="28" spans="1:4" ht="18" customHeight="1" x14ac:dyDescent="0.15">
      <c r="A28" s="8">
        <v>19</v>
      </c>
      <c r="B28" s="21">
        <v>27</v>
      </c>
      <c r="C28" s="6">
        <v>31</v>
      </c>
      <c r="D28" s="5">
        <v>58</v>
      </c>
    </row>
    <row r="29" spans="1:4" ht="18" customHeight="1" x14ac:dyDescent="0.15">
      <c r="A29" s="8" t="s">
        <v>21</v>
      </c>
      <c r="B29" s="21">
        <v>129</v>
      </c>
      <c r="C29" s="6">
        <v>140</v>
      </c>
      <c r="D29" s="5">
        <v>269</v>
      </c>
    </row>
    <row r="30" spans="1:4" ht="18" customHeight="1" x14ac:dyDescent="0.15">
      <c r="A30" s="8">
        <v>20</v>
      </c>
      <c r="B30" s="21">
        <v>32</v>
      </c>
      <c r="C30" s="6">
        <v>35</v>
      </c>
      <c r="D30" s="5">
        <v>67</v>
      </c>
    </row>
    <row r="31" spans="1:4" ht="18" customHeight="1" x14ac:dyDescent="0.15">
      <c r="A31" s="8">
        <v>21</v>
      </c>
      <c r="B31" s="21">
        <v>22</v>
      </c>
      <c r="C31" s="6">
        <v>39</v>
      </c>
      <c r="D31" s="5">
        <v>61</v>
      </c>
    </row>
    <row r="32" spans="1:4" ht="18" customHeight="1" x14ac:dyDescent="0.15">
      <c r="A32" s="8">
        <v>22</v>
      </c>
      <c r="B32" s="21">
        <v>32</v>
      </c>
      <c r="C32" s="6">
        <v>43</v>
      </c>
      <c r="D32" s="5">
        <v>75</v>
      </c>
    </row>
    <row r="33" spans="1:4" ht="18" customHeight="1" x14ac:dyDescent="0.15">
      <c r="A33" s="8">
        <v>23</v>
      </c>
      <c r="B33" s="21">
        <v>43</v>
      </c>
      <c r="C33" s="6">
        <v>34</v>
      </c>
      <c r="D33" s="5">
        <v>77</v>
      </c>
    </row>
    <row r="34" spans="1:4" ht="18" customHeight="1" x14ac:dyDescent="0.15">
      <c r="A34" s="8">
        <v>24</v>
      </c>
      <c r="B34" s="21">
        <v>51</v>
      </c>
      <c r="C34" s="6">
        <v>46</v>
      </c>
      <c r="D34" s="5">
        <v>97</v>
      </c>
    </row>
    <row r="35" spans="1:4" ht="18" customHeight="1" x14ac:dyDescent="0.15">
      <c r="A35" s="8" t="s">
        <v>20</v>
      </c>
      <c r="B35" s="21">
        <v>180</v>
      </c>
      <c r="C35" s="6">
        <v>197</v>
      </c>
      <c r="D35" s="5">
        <v>377</v>
      </c>
    </row>
    <row r="36" spans="1:4" ht="18" customHeight="1" x14ac:dyDescent="0.15">
      <c r="A36" s="8">
        <v>25</v>
      </c>
      <c r="B36" s="21">
        <v>54</v>
      </c>
      <c r="C36" s="6">
        <v>45</v>
      </c>
      <c r="D36" s="5">
        <v>99</v>
      </c>
    </row>
    <row r="37" spans="1:4" ht="18" customHeight="1" x14ac:dyDescent="0.15">
      <c r="A37" s="8">
        <v>26</v>
      </c>
      <c r="B37" s="21">
        <v>55</v>
      </c>
      <c r="C37" s="6">
        <v>31</v>
      </c>
      <c r="D37" s="5">
        <v>86</v>
      </c>
    </row>
    <row r="38" spans="1:4" ht="18" customHeight="1" x14ac:dyDescent="0.15">
      <c r="A38" s="8">
        <v>27</v>
      </c>
      <c r="B38" s="21">
        <v>63</v>
      </c>
      <c r="C38" s="6">
        <v>33</v>
      </c>
      <c r="D38" s="5">
        <v>96</v>
      </c>
    </row>
    <row r="39" spans="1:4" ht="18" customHeight="1" x14ac:dyDescent="0.15">
      <c r="A39" s="8">
        <v>28</v>
      </c>
      <c r="B39" s="21">
        <v>55</v>
      </c>
      <c r="C39" s="6">
        <v>41</v>
      </c>
      <c r="D39" s="5">
        <v>96</v>
      </c>
    </row>
    <row r="40" spans="1:4" ht="18" customHeight="1" x14ac:dyDescent="0.15">
      <c r="A40" s="8">
        <v>29</v>
      </c>
      <c r="B40" s="21">
        <v>49</v>
      </c>
      <c r="C40" s="6">
        <v>33</v>
      </c>
      <c r="D40" s="5">
        <v>82</v>
      </c>
    </row>
    <row r="41" spans="1:4" ht="18" customHeight="1" x14ac:dyDescent="0.15">
      <c r="A41" s="8" t="s">
        <v>19</v>
      </c>
      <c r="B41" s="21">
        <v>276</v>
      </c>
      <c r="C41" s="6">
        <v>183</v>
      </c>
      <c r="D41" s="5">
        <v>459</v>
      </c>
    </row>
    <row r="42" spans="1:4" ht="18" customHeight="1" x14ac:dyDescent="0.15">
      <c r="A42" s="8">
        <v>30</v>
      </c>
      <c r="B42" s="21">
        <v>53</v>
      </c>
      <c r="C42" s="6">
        <v>40</v>
      </c>
      <c r="D42" s="5">
        <v>93</v>
      </c>
    </row>
    <row r="43" spans="1:4" ht="18" customHeight="1" x14ac:dyDescent="0.15">
      <c r="A43" s="8">
        <v>31</v>
      </c>
      <c r="B43" s="21">
        <v>37</v>
      </c>
      <c r="C43" s="6">
        <v>30</v>
      </c>
      <c r="D43" s="5">
        <v>67</v>
      </c>
    </row>
    <row r="44" spans="1:4" ht="18" customHeight="1" x14ac:dyDescent="0.15">
      <c r="A44" s="8">
        <v>32</v>
      </c>
      <c r="B44" s="21">
        <v>48</v>
      </c>
      <c r="C44" s="6">
        <v>33</v>
      </c>
      <c r="D44" s="5">
        <v>81</v>
      </c>
    </row>
    <row r="45" spans="1:4" ht="18" customHeight="1" x14ac:dyDescent="0.15">
      <c r="A45" s="8">
        <v>33</v>
      </c>
      <c r="B45" s="21">
        <v>39</v>
      </c>
      <c r="C45" s="6">
        <v>28</v>
      </c>
      <c r="D45" s="5">
        <v>67</v>
      </c>
    </row>
    <row r="46" spans="1:4" ht="18" customHeight="1" x14ac:dyDescent="0.15">
      <c r="A46" s="8">
        <v>34</v>
      </c>
      <c r="B46" s="21">
        <v>28</v>
      </c>
      <c r="C46" s="6">
        <v>26</v>
      </c>
      <c r="D46" s="5">
        <v>54</v>
      </c>
    </row>
    <row r="47" spans="1:4" ht="18" customHeight="1" x14ac:dyDescent="0.15">
      <c r="A47" s="8" t="s">
        <v>18</v>
      </c>
      <c r="B47" s="21">
        <v>205</v>
      </c>
      <c r="C47" s="6">
        <v>157</v>
      </c>
      <c r="D47" s="5">
        <v>362</v>
      </c>
    </row>
    <row r="48" spans="1:4" ht="18" customHeight="1" x14ac:dyDescent="0.15">
      <c r="A48" s="8">
        <v>35</v>
      </c>
      <c r="B48" s="21">
        <v>35</v>
      </c>
      <c r="C48" s="6">
        <v>22</v>
      </c>
      <c r="D48" s="5">
        <v>57</v>
      </c>
    </row>
    <row r="49" spans="1:4" ht="18" customHeight="1" x14ac:dyDescent="0.15">
      <c r="A49" s="8">
        <v>36</v>
      </c>
      <c r="B49" s="21">
        <v>35</v>
      </c>
      <c r="C49" s="6">
        <v>38</v>
      </c>
      <c r="D49" s="5">
        <v>73</v>
      </c>
    </row>
    <row r="50" spans="1:4" ht="18" customHeight="1" x14ac:dyDescent="0.15">
      <c r="A50" s="8">
        <v>37</v>
      </c>
      <c r="B50" s="21">
        <v>46</v>
      </c>
      <c r="C50" s="6">
        <v>40</v>
      </c>
      <c r="D50" s="5">
        <v>86</v>
      </c>
    </row>
    <row r="51" spans="1:4" ht="18" customHeight="1" x14ac:dyDescent="0.15">
      <c r="A51" s="8">
        <v>38</v>
      </c>
      <c r="B51" s="21">
        <v>47</v>
      </c>
      <c r="C51" s="6">
        <v>38</v>
      </c>
      <c r="D51" s="5">
        <v>85</v>
      </c>
    </row>
    <row r="52" spans="1:4" ht="18" customHeight="1" x14ac:dyDescent="0.15">
      <c r="A52" s="8">
        <v>39</v>
      </c>
      <c r="B52" s="21">
        <v>45</v>
      </c>
      <c r="C52" s="6">
        <v>40</v>
      </c>
      <c r="D52" s="5">
        <v>85</v>
      </c>
    </row>
    <row r="53" spans="1:4" ht="18" customHeight="1" x14ac:dyDescent="0.15">
      <c r="A53" s="8" t="s">
        <v>17</v>
      </c>
      <c r="B53" s="21">
        <v>208</v>
      </c>
      <c r="C53" s="6">
        <v>178</v>
      </c>
      <c r="D53" s="5">
        <v>386</v>
      </c>
    </row>
    <row r="54" spans="1:4" ht="18" customHeight="1" x14ac:dyDescent="0.15">
      <c r="A54" s="8">
        <v>40</v>
      </c>
      <c r="B54" s="21">
        <v>37</v>
      </c>
      <c r="C54" s="6">
        <v>45</v>
      </c>
      <c r="D54" s="5">
        <v>82</v>
      </c>
    </row>
    <row r="55" spans="1:4" ht="18" customHeight="1" x14ac:dyDescent="0.15">
      <c r="A55" s="8">
        <v>41</v>
      </c>
      <c r="B55" s="21">
        <v>60</v>
      </c>
      <c r="C55" s="6">
        <v>49</v>
      </c>
      <c r="D55" s="5">
        <v>109</v>
      </c>
    </row>
    <row r="56" spans="1:4" ht="18" customHeight="1" x14ac:dyDescent="0.15">
      <c r="A56" s="8">
        <v>42</v>
      </c>
      <c r="B56" s="21">
        <v>59</v>
      </c>
      <c r="C56" s="6">
        <v>34</v>
      </c>
      <c r="D56" s="5">
        <v>93</v>
      </c>
    </row>
    <row r="57" spans="1:4" ht="18" customHeight="1" x14ac:dyDescent="0.15">
      <c r="A57" s="8">
        <v>43</v>
      </c>
      <c r="B57" s="21">
        <v>36</v>
      </c>
      <c r="C57" s="6">
        <v>48</v>
      </c>
      <c r="D57" s="5">
        <v>84</v>
      </c>
    </row>
    <row r="58" spans="1:4" ht="18" customHeight="1" x14ac:dyDescent="0.15">
      <c r="A58" s="8">
        <v>44</v>
      </c>
      <c r="B58" s="21">
        <v>40</v>
      </c>
      <c r="C58" s="6">
        <v>42</v>
      </c>
      <c r="D58" s="5">
        <v>82</v>
      </c>
    </row>
    <row r="59" spans="1:4" ht="18" customHeight="1" x14ac:dyDescent="0.15">
      <c r="A59" s="8" t="s">
        <v>16</v>
      </c>
      <c r="B59" s="21">
        <v>232</v>
      </c>
      <c r="C59" s="6">
        <v>218</v>
      </c>
      <c r="D59" s="5">
        <v>450</v>
      </c>
    </row>
    <row r="60" spans="1:4" ht="18" customHeight="1" x14ac:dyDescent="0.15">
      <c r="A60" s="8">
        <v>45</v>
      </c>
      <c r="B60" s="21">
        <v>49</v>
      </c>
      <c r="C60" s="6">
        <v>51</v>
      </c>
      <c r="D60" s="5">
        <v>100</v>
      </c>
    </row>
    <row r="61" spans="1:4" ht="18" customHeight="1" x14ac:dyDescent="0.15">
      <c r="A61" s="8">
        <v>46</v>
      </c>
      <c r="B61" s="21">
        <v>36</v>
      </c>
      <c r="C61" s="6">
        <v>51</v>
      </c>
      <c r="D61" s="5">
        <v>87</v>
      </c>
    </row>
    <row r="62" spans="1:4" ht="18" customHeight="1" x14ac:dyDescent="0.15">
      <c r="A62" s="8">
        <v>47</v>
      </c>
      <c r="B62" s="21">
        <v>38</v>
      </c>
      <c r="C62" s="6">
        <v>49</v>
      </c>
      <c r="D62" s="5">
        <v>87</v>
      </c>
    </row>
    <row r="63" spans="1:4" ht="18" customHeight="1" x14ac:dyDescent="0.15">
      <c r="A63" s="8">
        <v>48</v>
      </c>
      <c r="B63" s="21">
        <v>59</v>
      </c>
      <c r="C63" s="6">
        <v>35</v>
      </c>
      <c r="D63" s="5">
        <v>94</v>
      </c>
    </row>
    <row r="64" spans="1:4" ht="18" customHeight="1" x14ac:dyDescent="0.15">
      <c r="A64" s="8">
        <v>49</v>
      </c>
      <c r="B64" s="21">
        <v>47</v>
      </c>
      <c r="C64" s="6">
        <v>46</v>
      </c>
      <c r="D64" s="5">
        <v>93</v>
      </c>
    </row>
    <row r="65" spans="1:4" ht="18" customHeight="1" x14ac:dyDescent="0.15">
      <c r="A65" s="8" t="s">
        <v>15</v>
      </c>
      <c r="B65" s="21">
        <v>229</v>
      </c>
      <c r="C65" s="6">
        <v>232</v>
      </c>
      <c r="D65" s="5">
        <v>461</v>
      </c>
    </row>
    <row r="66" spans="1:4" ht="18" customHeight="1" x14ac:dyDescent="0.15">
      <c r="A66" s="8">
        <v>50</v>
      </c>
      <c r="B66" s="21">
        <v>53</v>
      </c>
      <c r="C66" s="6">
        <v>52</v>
      </c>
      <c r="D66" s="5">
        <v>105</v>
      </c>
    </row>
    <row r="67" spans="1:4" ht="18" customHeight="1" x14ac:dyDescent="0.15">
      <c r="A67" s="8">
        <v>51</v>
      </c>
      <c r="B67" s="21">
        <v>61</v>
      </c>
      <c r="C67" s="6">
        <v>70</v>
      </c>
      <c r="D67" s="5">
        <v>131</v>
      </c>
    </row>
    <row r="68" spans="1:4" ht="18" customHeight="1" x14ac:dyDescent="0.15">
      <c r="A68" s="8">
        <v>52</v>
      </c>
      <c r="B68" s="21">
        <v>73</v>
      </c>
      <c r="C68" s="6">
        <v>65</v>
      </c>
      <c r="D68" s="5">
        <v>138</v>
      </c>
    </row>
    <row r="69" spans="1:4" ht="18" customHeight="1" x14ac:dyDescent="0.15">
      <c r="A69" s="8">
        <v>53</v>
      </c>
      <c r="B69" s="21">
        <v>70</v>
      </c>
      <c r="C69" s="6">
        <v>60</v>
      </c>
      <c r="D69" s="5">
        <v>130</v>
      </c>
    </row>
    <row r="70" spans="1:4" ht="18" customHeight="1" x14ac:dyDescent="0.15">
      <c r="A70" s="8">
        <v>54</v>
      </c>
      <c r="B70" s="21">
        <v>56</v>
      </c>
      <c r="C70" s="6">
        <v>69</v>
      </c>
      <c r="D70" s="5">
        <v>125</v>
      </c>
    </row>
    <row r="71" spans="1:4" ht="18" customHeight="1" x14ac:dyDescent="0.15">
      <c r="A71" s="8" t="s">
        <v>14</v>
      </c>
      <c r="B71" s="21">
        <v>313</v>
      </c>
      <c r="C71" s="6">
        <v>316</v>
      </c>
      <c r="D71" s="5">
        <v>629</v>
      </c>
    </row>
    <row r="72" spans="1:4" ht="18" customHeight="1" x14ac:dyDescent="0.15">
      <c r="A72" s="8">
        <v>55</v>
      </c>
      <c r="B72" s="21">
        <v>67</v>
      </c>
      <c r="C72" s="6">
        <v>53</v>
      </c>
      <c r="D72" s="5">
        <v>120</v>
      </c>
    </row>
    <row r="73" spans="1:4" ht="18" customHeight="1" x14ac:dyDescent="0.15">
      <c r="A73" s="8">
        <v>56</v>
      </c>
      <c r="B73" s="21">
        <v>60</v>
      </c>
      <c r="C73" s="6">
        <v>47</v>
      </c>
      <c r="D73" s="5">
        <v>107</v>
      </c>
    </row>
    <row r="74" spans="1:4" ht="18" customHeight="1" x14ac:dyDescent="0.15">
      <c r="A74" s="8">
        <v>57</v>
      </c>
      <c r="B74" s="21">
        <v>77</v>
      </c>
      <c r="C74" s="6">
        <v>50</v>
      </c>
      <c r="D74" s="5">
        <v>127</v>
      </c>
    </row>
    <row r="75" spans="1:4" ht="18" customHeight="1" x14ac:dyDescent="0.15">
      <c r="A75" s="8">
        <v>58</v>
      </c>
      <c r="B75" s="21">
        <v>66</v>
      </c>
      <c r="C75" s="6">
        <v>51</v>
      </c>
      <c r="D75" s="5">
        <v>117</v>
      </c>
    </row>
    <row r="76" spans="1:4" ht="18" customHeight="1" x14ac:dyDescent="0.15">
      <c r="A76" s="8">
        <v>59</v>
      </c>
      <c r="B76" s="21">
        <v>35</v>
      </c>
      <c r="C76" s="6">
        <v>38</v>
      </c>
      <c r="D76" s="5">
        <v>73</v>
      </c>
    </row>
    <row r="77" spans="1:4" ht="18" customHeight="1" x14ac:dyDescent="0.15">
      <c r="A77" s="8" t="s">
        <v>13</v>
      </c>
      <c r="B77" s="21">
        <v>305</v>
      </c>
      <c r="C77" s="6">
        <v>239</v>
      </c>
      <c r="D77" s="5">
        <v>544</v>
      </c>
    </row>
    <row r="78" spans="1:4" ht="18" customHeight="1" x14ac:dyDescent="0.15">
      <c r="A78" s="8">
        <v>60</v>
      </c>
      <c r="B78" s="21">
        <v>52</v>
      </c>
      <c r="C78" s="6">
        <v>62</v>
      </c>
      <c r="D78" s="5">
        <v>114</v>
      </c>
    </row>
    <row r="79" spans="1:4" ht="18" customHeight="1" x14ac:dyDescent="0.15">
      <c r="A79" s="8">
        <v>61</v>
      </c>
      <c r="B79" s="21">
        <v>50</v>
      </c>
      <c r="C79" s="6">
        <v>47</v>
      </c>
      <c r="D79" s="5">
        <v>97</v>
      </c>
    </row>
    <row r="80" spans="1:4" ht="18" customHeight="1" x14ac:dyDescent="0.15">
      <c r="A80" s="8">
        <v>62</v>
      </c>
      <c r="B80" s="21">
        <v>55</v>
      </c>
      <c r="C80" s="6">
        <v>60</v>
      </c>
      <c r="D80" s="5">
        <v>115</v>
      </c>
    </row>
    <row r="81" spans="1:4" ht="18" customHeight="1" x14ac:dyDescent="0.15">
      <c r="A81" s="8">
        <v>63</v>
      </c>
      <c r="B81" s="21">
        <v>35</v>
      </c>
      <c r="C81" s="6">
        <v>57</v>
      </c>
      <c r="D81" s="5">
        <v>92</v>
      </c>
    </row>
    <row r="82" spans="1:4" ht="18" customHeight="1" x14ac:dyDescent="0.15">
      <c r="A82" s="8">
        <v>64</v>
      </c>
      <c r="B82" s="21">
        <v>52</v>
      </c>
      <c r="C82" s="6">
        <v>45</v>
      </c>
      <c r="D82" s="5">
        <v>97</v>
      </c>
    </row>
    <row r="83" spans="1:4" ht="18" customHeight="1" x14ac:dyDescent="0.15">
      <c r="A83" s="8" t="s">
        <v>12</v>
      </c>
      <c r="B83" s="21">
        <v>244</v>
      </c>
      <c r="C83" s="6">
        <v>271</v>
      </c>
      <c r="D83" s="5">
        <v>515</v>
      </c>
    </row>
    <row r="84" spans="1:4" ht="18" customHeight="1" x14ac:dyDescent="0.15">
      <c r="A84" s="8" t="s">
        <v>11</v>
      </c>
      <c r="B84" s="21">
        <v>2321</v>
      </c>
      <c r="C84" s="6">
        <v>2131</v>
      </c>
      <c r="D84" s="5">
        <v>4452</v>
      </c>
    </row>
    <row r="85" spans="1:4" ht="18" customHeight="1" x14ac:dyDescent="0.15">
      <c r="A85" s="8">
        <v>65</v>
      </c>
      <c r="B85" s="21">
        <v>43</v>
      </c>
      <c r="C85" s="6">
        <v>48</v>
      </c>
      <c r="D85" s="5">
        <v>91</v>
      </c>
    </row>
    <row r="86" spans="1:4" ht="18" customHeight="1" x14ac:dyDescent="0.15">
      <c r="A86" s="8">
        <v>66</v>
      </c>
      <c r="B86" s="21">
        <v>66</v>
      </c>
      <c r="C86" s="6">
        <v>48</v>
      </c>
      <c r="D86" s="5">
        <v>114</v>
      </c>
    </row>
    <row r="87" spans="1:4" ht="18" customHeight="1" x14ac:dyDescent="0.15">
      <c r="A87" s="8">
        <v>67</v>
      </c>
      <c r="B87" s="21">
        <v>45</v>
      </c>
      <c r="C87" s="6">
        <v>46</v>
      </c>
      <c r="D87" s="5">
        <v>91</v>
      </c>
    </row>
    <row r="88" spans="1:4" ht="18" customHeight="1" x14ac:dyDescent="0.15">
      <c r="A88" s="8">
        <v>68</v>
      </c>
      <c r="B88" s="21">
        <v>48</v>
      </c>
      <c r="C88" s="6">
        <v>36</v>
      </c>
      <c r="D88" s="5">
        <v>84</v>
      </c>
    </row>
    <row r="89" spans="1:4" ht="18" customHeight="1" x14ac:dyDescent="0.15">
      <c r="A89" s="8">
        <v>69</v>
      </c>
      <c r="B89" s="21">
        <v>45</v>
      </c>
      <c r="C89" s="6">
        <v>50</v>
      </c>
      <c r="D89" s="5">
        <v>95</v>
      </c>
    </row>
    <row r="90" spans="1:4" ht="18" customHeight="1" x14ac:dyDescent="0.15">
      <c r="A90" s="8" t="s">
        <v>10</v>
      </c>
      <c r="B90" s="21">
        <v>247</v>
      </c>
      <c r="C90" s="6">
        <v>228</v>
      </c>
      <c r="D90" s="5">
        <v>475</v>
      </c>
    </row>
    <row r="91" spans="1:4" ht="18" customHeight="1" x14ac:dyDescent="0.15">
      <c r="A91" s="8">
        <v>70</v>
      </c>
      <c r="B91" s="21">
        <v>42</v>
      </c>
      <c r="C91" s="6">
        <v>56</v>
      </c>
      <c r="D91" s="5">
        <v>98</v>
      </c>
    </row>
    <row r="92" spans="1:4" ht="18" customHeight="1" x14ac:dyDescent="0.15">
      <c r="A92" s="8">
        <v>71</v>
      </c>
      <c r="B92" s="21">
        <v>47</v>
      </c>
      <c r="C92" s="6">
        <v>49</v>
      </c>
      <c r="D92" s="5">
        <v>96</v>
      </c>
    </row>
    <row r="93" spans="1:4" ht="18" customHeight="1" x14ac:dyDescent="0.15">
      <c r="A93" s="8">
        <v>72</v>
      </c>
      <c r="B93" s="21">
        <v>47</v>
      </c>
      <c r="C93" s="6">
        <v>49</v>
      </c>
      <c r="D93" s="5">
        <v>96</v>
      </c>
    </row>
    <row r="94" spans="1:4" ht="18" customHeight="1" x14ac:dyDescent="0.15">
      <c r="A94" s="8">
        <v>73</v>
      </c>
      <c r="B94" s="21">
        <v>39</v>
      </c>
      <c r="C94" s="6">
        <v>56</v>
      </c>
      <c r="D94" s="5">
        <v>95</v>
      </c>
    </row>
    <row r="95" spans="1:4" ht="18" customHeight="1" x14ac:dyDescent="0.15">
      <c r="A95" s="8">
        <v>74</v>
      </c>
      <c r="B95" s="21">
        <v>34</v>
      </c>
      <c r="C95" s="6">
        <v>58</v>
      </c>
      <c r="D95" s="5">
        <v>92</v>
      </c>
    </row>
    <row r="96" spans="1:4" ht="18" customHeight="1" x14ac:dyDescent="0.15">
      <c r="A96" s="8" t="s">
        <v>9</v>
      </c>
      <c r="B96" s="21">
        <v>209</v>
      </c>
      <c r="C96" s="6">
        <v>268</v>
      </c>
      <c r="D96" s="5">
        <v>477</v>
      </c>
    </row>
    <row r="97" spans="1:4" ht="18" customHeight="1" x14ac:dyDescent="0.15">
      <c r="A97" s="8">
        <v>75</v>
      </c>
      <c r="B97" s="21">
        <v>56</v>
      </c>
      <c r="C97" s="6">
        <v>68</v>
      </c>
      <c r="D97" s="5">
        <v>124</v>
      </c>
    </row>
    <row r="98" spans="1:4" ht="18" customHeight="1" x14ac:dyDescent="0.15">
      <c r="A98" s="8">
        <v>76</v>
      </c>
      <c r="B98" s="21">
        <v>57</v>
      </c>
      <c r="C98" s="6">
        <v>86</v>
      </c>
      <c r="D98" s="5">
        <v>143</v>
      </c>
    </row>
    <row r="99" spans="1:4" ht="18" customHeight="1" x14ac:dyDescent="0.15">
      <c r="A99" s="8">
        <v>77</v>
      </c>
      <c r="B99" s="21">
        <v>49</v>
      </c>
      <c r="C99" s="6">
        <v>72</v>
      </c>
      <c r="D99" s="5">
        <v>121</v>
      </c>
    </row>
    <row r="100" spans="1:4" ht="18" customHeight="1" x14ac:dyDescent="0.15">
      <c r="A100" s="8">
        <v>78</v>
      </c>
      <c r="B100" s="21">
        <v>77</v>
      </c>
      <c r="C100" s="6">
        <v>88</v>
      </c>
      <c r="D100" s="5">
        <v>165</v>
      </c>
    </row>
    <row r="101" spans="1:4" ht="18" customHeight="1" x14ac:dyDescent="0.15">
      <c r="A101" s="8">
        <v>79</v>
      </c>
      <c r="B101" s="21">
        <v>44</v>
      </c>
      <c r="C101" s="6">
        <v>60</v>
      </c>
      <c r="D101" s="5">
        <v>104</v>
      </c>
    </row>
    <row r="102" spans="1:4" ht="18" customHeight="1" x14ac:dyDescent="0.15">
      <c r="A102" s="8" t="s">
        <v>8</v>
      </c>
      <c r="B102" s="21">
        <v>283</v>
      </c>
      <c r="C102" s="6">
        <v>374</v>
      </c>
      <c r="D102" s="5">
        <v>657</v>
      </c>
    </row>
    <row r="103" spans="1:4" ht="18" customHeight="1" x14ac:dyDescent="0.15">
      <c r="A103" s="8">
        <v>80</v>
      </c>
      <c r="B103" s="21">
        <v>42</v>
      </c>
      <c r="C103" s="6">
        <v>39</v>
      </c>
      <c r="D103" s="5">
        <v>81</v>
      </c>
    </row>
    <row r="104" spans="1:4" ht="18" customHeight="1" x14ac:dyDescent="0.15">
      <c r="A104" s="8">
        <v>81</v>
      </c>
      <c r="B104" s="21">
        <v>40</v>
      </c>
      <c r="C104" s="6">
        <v>50</v>
      </c>
      <c r="D104" s="5">
        <v>90</v>
      </c>
    </row>
    <row r="105" spans="1:4" ht="18" customHeight="1" x14ac:dyDescent="0.15">
      <c r="A105" s="8">
        <v>82</v>
      </c>
      <c r="B105" s="21">
        <v>30</v>
      </c>
      <c r="C105" s="6">
        <v>65</v>
      </c>
      <c r="D105" s="5">
        <v>95</v>
      </c>
    </row>
    <row r="106" spans="1:4" ht="18" customHeight="1" x14ac:dyDescent="0.15">
      <c r="A106" s="8">
        <v>83</v>
      </c>
      <c r="B106" s="21">
        <v>33</v>
      </c>
      <c r="C106" s="6">
        <v>60</v>
      </c>
      <c r="D106" s="5">
        <v>93</v>
      </c>
    </row>
    <row r="107" spans="1:4" ht="18" customHeight="1" x14ac:dyDescent="0.15">
      <c r="A107" s="8">
        <v>84</v>
      </c>
      <c r="B107" s="21">
        <v>47</v>
      </c>
      <c r="C107" s="6">
        <v>52</v>
      </c>
      <c r="D107" s="5">
        <v>99</v>
      </c>
    </row>
    <row r="108" spans="1:4" ht="18" customHeight="1" x14ac:dyDescent="0.15">
      <c r="A108" s="8" t="s">
        <v>7</v>
      </c>
      <c r="B108" s="21">
        <v>192</v>
      </c>
      <c r="C108" s="6">
        <v>266</v>
      </c>
      <c r="D108" s="5">
        <v>458</v>
      </c>
    </row>
    <row r="109" spans="1:4" ht="18" customHeight="1" x14ac:dyDescent="0.15">
      <c r="A109" s="8">
        <v>85</v>
      </c>
      <c r="B109" s="21">
        <v>19</v>
      </c>
      <c r="C109" s="6">
        <v>40</v>
      </c>
      <c r="D109" s="5">
        <v>59</v>
      </c>
    </row>
    <row r="110" spans="1:4" ht="18" customHeight="1" x14ac:dyDescent="0.15">
      <c r="A110" s="8">
        <v>86</v>
      </c>
      <c r="B110" s="21">
        <v>28</v>
      </c>
      <c r="C110" s="6">
        <v>29</v>
      </c>
      <c r="D110" s="5">
        <v>57</v>
      </c>
    </row>
    <row r="111" spans="1:4" ht="18" customHeight="1" x14ac:dyDescent="0.15">
      <c r="A111" s="8">
        <v>87</v>
      </c>
      <c r="B111" s="21">
        <v>19</v>
      </c>
      <c r="C111" s="6">
        <v>34</v>
      </c>
      <c r="D111" s="5">
        <v>53</v>
      </c>
    </row>
    <row r="112" spans="1:4" ht="18" customHeight="1" x14ac:dyDescent="0.15">
      <c r="A112" s="8">
        <v>88</v>
      </c>
      <c r="B112" s="21">
        <v>21</v>
      </c>
      <c r="C112" s="6">
        <v>37</v>
      </c>
      <c r="D112" s="5">
        <v>58</v>
      </c>
    </row>
    <row r="113" spans="1:4" ht="18" customHeight="1" x14ac:dyDescent="0.15">
      <c r="A113" s="8">
        <v>89</v>
      </c>
      <c r="B113" s="21">
        <v>11</v>
      </c>
      <c r="C113" s="6">
        <v>28</v>
      </c>
      <c r="D113" s="5">
        <v>39</v>
      </c>
    </row>
    <row r="114" spans="1:4" ht="18" customHeight="1" x14ac:dyDescent="0.15">
      <c r="A114" s="8" t="s">
        <v>6</v>
      </c>
      <c r="B114" s="21">
        <v>98</v>
      </c>
      <c r="C114" s="6">
        <v>168</v>
      </c>
      <c r="D114" s="5">
        <v>266</v>
      </c>
    </row>
    <row r="115" spans="1:4" ht="18" customHeight="1" x14ac:dyDescent="0.15">
      <c r="A115" s="8">
        <v>90</v>
      </c>
      <c r="B115" s="21">
        <v>17</v>
      </c>
      <c r="C115" s="6">
        <v>26</v>
      </c>
      <c r="D115" s="5">
        <v>43</v>
      </c>
    </row>
    <row r="116" spans="1:4" ht="18" customHeight="1" x14ac:dyDescent="0.15">
      <c r="A116" s="8">
        <v>91</v>
      </c>
      <c r="B116" s="21">
        <v>10</v>
      </c>
      <c r="C116" s="6">
        <v>41</v>
      </c>
      <c r="D116" s="5">
        <v>51</v>
      </c>
    </row>
    <row r="117" spans="1:4" ht="18" customHeight="1" x14ac:dyDescent="0.15">
      <c r="A117" s="8">
        <v>92</v>
      </c>
      <c r="B117" s="21">
        <v>5</v>
      </c>
      <c r="C117" s="6">
        <v>30</v>
      </c>
      <c r="D117" s="5">
        <v>35</v>
      </c>
    </row>
    <row r="118" spans="1:4" ht="18" customHeight="1" x14ac:dyDescent="0.15">
      <c r="A118" s="8">
        <v>93</v>
      </c>
      <c r="B118" s="21">
        <v>8</v>
      </c>
      <c r="C118" s="6">
        <v>23</v>
      </c>
      <c r="D118" s="5">
        <v>31</v>
      </c>
    </row>
    <row r="119" spans="1:4" ht="18" customHeight="1" x14ac:dyDescent="0.15">
      <c r="A119" s="8">
        <v>94</v>
      </c>
      <c r="B119" s="21">
        <v>5</v>
      </c>
      <c r="C119" s="6">
        <v>21</v>
      </c>
      <c r="D119" s="5">
        <v>26</v>
      </c>
    </row>
    <row r="120" spans="1:4" ht="18" customHeight="1" x14ac:dyDescent="0.15">
      <c r="A120" s="8" t="s">
        <v>5</v>
      </c>
      <c r="B120" s="21">
        <v>45</v>
      </c>
      <c r="C120" s="6">
        <v>141</v>
      </c>
      <c r="D120" s="5">
        <v>186</v>
      </c>
    </row>
    <row r="121" spans="1:4" ht="18" customHeight="1" x14ac:dyDescent="0.15">
      <c r="A121" s="8">
        <v>95</v>
      </c>
      <c r="B121" s="21">
        <v>4</v>
      </c>
      <c r="C121" s="6">
        <v>10</v>
      </c>
      <c r="D121" s="5">
        <v>14</v>
      </c>
    </row>
    <row r="122" spans="1:4" ht="18" customHeight="1" x14ac:dyDescent="0.15">
      <c r="A122" s="8">
        <v>96</v>
      </c>
      <c r="B122" s="21">
        <v>3</v>
      </c>
      <c r="C122" s="6">
        <v>6</v>
      </c>
      <c r="D122" s="5">
        <v>9</v>
      </c>
    </row>
    <row r="123" spans="1:4" ht="18" customHeight="1" x14ac:dyDescent="0.15">
      <c r="A123" s="8">
        <v>97</v>
      </c>
      <c r="B123" s="21">
        <v>1</v>
      </c>
      <c r="C123" s="6">
        <v>11</v>
      </c>
      <c r="D123" s="5">
        <v>12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9</v>
      </c>
      <c r="C126" s="6">
        <v>33</v>
      </c>
      <c r="D126" s="5">
        <v>4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083</v>
      </c>
      <c r="C130" s="6">
        <v>1487</v>
      </c>
      <c r="D130" s="5">
        <v>2570</v>
      </c>
    </row>
    <row r="131" spans="1:4" ht="18" customHeight="1" x14ac:dyDescent="0.15">
      <c r="A131" s="4" t="s">
        <v>0</v>
      </c>
      <c r="B131" s="20">
        <v>3778</v>
      </c>
      <c r="C131" s="2">
        <v>4007</v>
      </c>
      <c r="D131" s="1">
        <v>77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F9A3A6-7C83-4877-8C0A-307FB76B0F75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8</v>
      </c>
      <c r="C5" s="11">
        <v>29</v>
      </c>
      <c r="D5" s="10">
        <v>57</v>
      </c>
    </row>
    <row r="6" spans="1:4" ht="18" customHeight="1" x14ac:dyDescent="0.15">
      <c r="A6" s="8">
        <v>1</v>
      </c>
      <c r="B6" s="21">
        <v>25</v>
      </c>
      <c r="C6" s="6">
        <v>27</v>
      </c>
      <c r="D6" s="5">
        <v>52</v>
      </c>
    </row>
    <row r="7" spans="1:4" ht="18" customHeight="1" x14ac:dyDescent="0.15">
      <c r="A7" s="8">
        <v>2</v>
      </c>
      <c r="B7" s="21">
        <v>37</v>
      </c>
      <c r="C7" s="6">
        <v>36</v>
      </c>
      <c r="D7" s="5">
        <v>73</v>
      </c>
    </row>
    <row r="8" spans="1:4" ht="18" customHeight="1" x14ac:dyDescent="0.15">
      <c r="A8" s="8">
        <v>3</v>
      </c>
      <c r="B8" s="21">
        <v>31</v>
      </c>
      <c r="C8" s="6">
        <v>32</v>
      </c>
      <c r="D8" s="5">
        <v>63</v>
      </c>
    </row>
    <row r="9" spans="1:4" ht="18" customHeight="1" x14ac:dyDescent="0.15">
      <c r="A9" s="8">
        <v>4</v>
      </c>
      <c r="B9" s="21">
        <v>31</v>
      </c>
      <c r="C9" s="6">
        <v>38</v>
      </c>
      <c r="D9" s="5">
        <v>69</v>
      </c>
    </row>
    <row r="10" spans="1:4" ht="18" customHeight="1" x14ac:dyDescent="0.15">
      <c r="A10" s="8" t="s">
        <v>25</v>
      </c>
      <c r="B10" s="21">
        <v>152</v>
      </c>
      <c r="C10" s="6">
        <v>162</v>
      </c>
      <c r="D10" s="5">
        <v>314</v>
      </c>
    </row>
    <row r="11" spans="1:4" ht="18" customHeight="1" x14ac:dyDescent="0.15">
      <c r="A11" s="8">
        <v>5</v>
      </c>
      <c r="B11" s="21">
        <v>36</v>
      </c>
      <c r="C11" s="6">
        <v>37</v>
      </c>
      <c r="D11" s="5">
        <v>73</v>
      </c>
    </row>
    <row r="12" spans="1:4" ht="18" customHeight="1" x14ac:dyDescent="0.15">
      <c r="A12" s="8">
        <v>6</v>
      </c>
      <c r="B12" s="21">
        <v>43</v>
      </c>
      <c r="C12" s="6">
        <v>42</v>
      </c>
      <c r="D12" s="5">
        <v>85</v>
      </c>
    </row>
    <row r="13" spans="1:4" ht="18" customHeight="1" x14ac:dyDescent="0.15">
      <c r="A13" s="8">
        <v>7</v>
      </c>
      <c r="B13" s="21">
        <v>48</v>
      </c>
      <c r="C13" s="6">
        <v>27</v>
      </c>
      <c r="D13" s="5">
        <v>75</v>
      </c>
    </row>
    <row r="14" spans="1:4" ht="18" customHeight="1" x14ac:dyDescent="0.15">
      <c r="A14" s="8">
        <v>8</v>
      </c>
      <c r="B14" s="21">
        <v>33</v>
      </c>
      <c r="C14" s="6">
        <v>35</v>
      </c>
      <c r="D14" s="5">
        <v>68</v>
      </c>
    </row>
    <row r="15" spans="1:4" ht="18" customHeight="1" x14ac:dyDescent="0.15">
      <c r="A15" s="8">
        <v>9</v>
      </c>
      <c r="B15" s="21">
        <v>35</v>
      </c>
      <c r="C15" s="6">
        <v>39</v>
      </c>
      <c r="D15" s="5">
        <v>74</v>
      </c>
    </row>
    <row r="16" spans="1:4" ht="18" customHeight="1" x14ac:dyDescent="0.15">
      <c r="A16" s="8" t="s">
        <v>24</v>
      </c>
      <c r="B16" s="21">
        <v>195</v>
      </c>
      <c r="C16" s="6">
        <v>180</v>
      </c>
      <c r="D16" s="5">
        <v>375</v>
      </c>
    </row>
    <row r="17" spans="1:4" ht="18" customHeight="1" x14ac:dyDescent="0.15">
      <c r="A17" s="8">
        <v>10</v>
      </c>
      <c r="B17" s="21">
        <v>39</v>
      </c>
      <c r="C17" s="6">
        <v>37</v>
      </c>
      <c r="D17" s="5">
        <v>76</v>
      </c>
    </row>
    <row r="18" spans="1:4" ht="18" customHeight="1" x14ac:dyDescent="0.15">
      <c r="A18" s="8">
        <v>11</v>
      </c>
      <c r="B18" s="21">
        <v>39</v>
      </c>
      <c r="C18" s="6">
        <v>39</v>
      </c>
      <c r="D18" s="5">
        <v>78</v>
      </c>
    </row>
    <row r="19" spans="1:4" ht="18" customHeight="1" x14ac:dyDescent="0.15">
      <c r="A19" s="8">
        <v>12</v>
      </c>
      <c r="B19" s="21">
        <v>45</v>
      </c>
      <c r="C19" s="6">
        <v>35</v>
      </c>
      <c r="D19" s="5">
        <v>80</v>
      </c>
    </row>
    <row r="20" spans="1:4" ht="18" customHeight="1" x14ac:dyDescent="0.15">
      <c r="A20" s="8">
        <v>13</v>
      </c>
      <c r="B20" s="21">
        <v>32</v>
      </c>
      <c r="C20" s="6">
        <v>32</v>
      </c>
      <c r="D20" s="5">
        <v>64</v>
      </c>
    </row>
    <row r="21" spans="1:4" ht="18" customHeight="1" x14ac:dyDescent="0.15">
      <c r="A21" s="8">
        <v>14</v>
      </c>
      <c r="B21" s="21">
        <v>43</v>
      </c>
      <c r="C21" s="6">
        <v>40</v>
      </c>
      <c r="D21" s="5">
        <v>83</v>
      </c>
    </row>
    <row r="22" spans="1:4" ht="18" customHeight="1" x14ac:dyDescent="0.15">
      <c r="A22" s="8" t="s">
        <v>23</v>
      </c>
      <c r="B22" s="21">
        <v>198</v>
      </c>
      <c r="C22" s="6">
        <v>183</v>
      </c>
      <c r="D22" s="5">
        <v>381</v>
      </c>
    </row>
    <row r="23" spans="1:4" ht="18" customHeight="1" x14ac:dyDescent="0.15">
      <c r="A23" s="8" t="s">
        <v>22</v>
      </c>
      <c r="B23" s="21">
        <v>545</v>
      </c>
      <c r="C23" s="6">
        <v>525</v>
      </c>
      <c r="D23" s="5">
        <v>1070</v>
      </c>
    </row>
    <row r="24" spans="1:4" ht="18" customHeight="1" x14ac:dyDescent="0.15">
      <c r="A24" s="8">
        <v>15</v>
      </c>
      <c r="B24" s="21">
        <v>46</v>
      </c>
      <c r="C24" s="6">
        <v>31</v>
      </c>
      <c r="D24" s="5">
        <v>77</v>
      </c>
    </row>
    <row r="25" spans="1:4" ht="18" customHeight="1" x14ac:dyDescent="0.15">
      <c r="A25" s="8">
        <v>16</v>
      </c>
      <c r="B25" s="21">
        <v>38</v>
      </c>
      <c r="C25" s="6">
        <v>51</v>
      </c>
      <c r="D25" s="5">
        <v>89</v>
      </c>
    </row>
    <row r="26" spans="1:4" ht="18" customHeight="1" x14ac:dyDescent="0.15">
      <c r="A26" s="8">
        <v>17</v>
      </c>
      <c r="B26" s="21">
        <v>57</v>
      </c>
      <c r="C26" s="6">
        <v>42</v>
      </c>
      <c r="D26" s="5">
        <v>99</v>
      </c>
    </row>
    <row r="27" spans="1:4" ht="18" customHeight="1" x14ac:dyDescent="0.15">
      <c r="A27" s="8">
        <v>18</v>
      </c>
      <c r="B27" s="21">
        <v>48</v>
      </c>
      <c r="C27" s="6">
        <v>39</v>
      </c>
      <c r="D27" s="5">
        <v>87</v>
      </c>
    </row>
    <row r="28" spans="1:4" ht="18" customHeight="1" x14ac:dyDescent="0.15">
      <c r="A28" s="8">
        <v>19</v>
      </c>
      <c r="B28" s="21">
        <v>38</v>
      </c>
      <c r="C28" s="6">
        <v>42</v>
      </c>
      <c r="D28" s="5">
        <v>80</v>
      </c>
    </row>
    <row r="29" spans="1:4" ht="18" customHeight="1" x14ac:dyDescent="0.15">
      <c r="A29" s="8" t="s">
        <v>21</v>
      </c>
      <c r="B29" s="21">
        <v>227</v>
      </c>
      <c r="C29" s="6">
        <v>205</v>
      </c>
      <c r="D29" s="5">
        <v>432</v>
      </c>
    </row>
    <row r="30" spans="1:4" ht="18" customHeight="1" x14ac:dyDescent="0.15">
      <c r="A30" s="8">
        <v>20</v>
      </c>
      <c r="B30" s="21">
        <v>62</v>
      </c>
      <c r="C30" s="6">
        <v>31</v>
      </c>
      <c r="D30" s="5">
        <v>93</v>
      </c>
    </row>
    <row r="31" spans="1:4" ht="18" customHeight="1" x14ac:dyDescent="0.15">
      <c r="A31" s="8">
        <v>21</v>
      </c>
      <c r="B31" s="21">
        <v>58</v>
      </c>
      <c r="C31" s="6">
        <v>51</v>
      </c>
      <c r="D31" s="5">
        <v>109</v>
      </c>
    </row>
    <row r="32" spans="1:4" ht="18" customHeight="1" x14ac:dyDescent="0.15">
      <c r="A32" s="8">
        <v>22</v>
      </c>
      <c r="B32" s="21">
        <v>44</v>
      </c>
      <c r="C32" s="6">
        <v>48</v>
      </c>
      <c r="D32" s="5">
        <v>92</v>
      </c>
    </row>
    <row r="33" spans="1:4" ht="18" customHeight="1" x14ac:dyDescent="0.15">
      <c r="A33" s="8">
        <v>23</v>
      </c>
      <c r="B33" s="21">
        <v>77</v>
      </c>
      <c r="C33" s="6">
        <v>57</v>
      </c>
      <c r="D33" s="5">
        <v>134</v>
      </c>
    </row>
    <row r="34" spans="1:4" ht="18" customHeight="1" x14ac:dyDescent="0.15">
      <c r="A34" s="8">
        <v>24</v>
      </c>
      <c r="B34" s="21">
        <v>70</v>
      </c>
      <c r="C34" s="6">
        <v>53</v>
      </c>
      <c r="D34" s="5">
        <v>123</v>
      </c>
    </row>
    <row r="35" spans="1:4" ht="18" customHeight="1" x14ac:dyDescent="0.15">
      <c r="A35" s="8" t="s">
        <v>20</v>
      </c>
      <c r="B35" s="21">
        <v>311</v>
      </c>
      <c r="C35" s="6">
        <v>240</v>
      </c>
      <c r="D35" s="5">
        <v>551</v>
      </c>
    </row>
    <row r="36" spans="1:4" ht="18" customHeight="1" x14ac:dyDescent="0.15">
      <c r="A36" s="8">
        <v>25</v>
      </c>
      <c r="B36" s="21">
        <v>65</v>
      </c>
      <c r="C36" s="6">
        <v>55</v>
      </c>
      <c r="D36" s="5">
        <v>120</v>
      </c>
    </row>
    <row r="37" spans="1:4" ht="18" customHeight="1" x14ac:dyDescent="0.15">
      <c r="A37" s="8">
        <v>26</v>
      </c>
      <c r="B37" s="21">
        <v>64</v>
      </c>
      <c r="C37" s="6">
        <v>56</v>
      </c>
      <c r="D37" s="5">
        <v>120</v>
      </c>
    </row>
    <row r="38" spans="1:4" ht="18" customHeight="1" x14ac:dyDescent="0.15">
      <c r="A38" s="8">
        <v>27</v>
      </c>
      <c r="B38" s="21">
        <v>62</v>
      </c>
      <c r="C38" s="6">
        <v>49</v>
      </c>
      <c r="D38" s="5">
        <v>111</v>
      </c>
    </row>
    <row r="39" spans="1:4" ht="18" customHeight="1" x14ac:dyDescent="0.15">
      <c r="A39" s="8">
        <v>28</v>
      </c>
      <c r="B39" s="21">
        <v>67</v>
      </c>
      <c r="C39" s="6">
        <v>32</v>
      </c>
      <c r="D39" s="5">
        <v>99</v>
      </c>
    </row>
    <row r="40" spans="1:4" ht="18" customHeight="1" x14ac:dyDescent="0.15">
      <c r="A40" s="8">
        <v>29</v>
      </c>
      <c r="B40" s="21">
        <v>52</v>
      </c>
      <c r="C40" s="6">
        <v>54</v>
      </c>
      <c r="D40" s="5">
        <v>106</v>
      </c>
    </row>
    <row r="41" spans="1:4" ht="18" customHeight="1" x14ac:dyDescent="0.15">
      <c r="A41" s="8" t="s">
        <v>19</v>
      </c>
      <c r="B41" s="21">
        <v>310</v>
      </c>
      <c r="C41" s="6">
        <v>246</v>
      </c>
      <c r="D41" s="5">
        <v>556</v>
      </c>
    </row>
    <row r="42" spans="1:4" ht="18" customHeight="1" x14ac:dyDescent="0.15">
      <c r="A42" s="8">
        <v>30</v>
      </c>
      <c r="B42" s="21">
        <v>67</v>
      </c>
      <c r="C42" s="6">
        <v>49</v>
      </c>
      <c r="D42" s="5">
        <v>116</v>
      </c>
    </row>
    <row r="43" spans="1:4" ht="18" customHeight="1" x14ac:dyDescent="0.15">
      <c r="A43" s="8">
        <v>31</v>
      </c>
      <c r="B43" s="21">
        <v>68</v>
      </c>
      <c r="C43" s="6">
        <v>51</v>
      </c>
      <c r="D43" s="5">
        <v>119</v>
      </c>
    </row>
    <row r="44" spans="1:4" ht="18" customHeight="1" x14ac:dyDescent="0.15">
      <c r="A44" s="8">
        <v>32</v>
      </c>
      <c r="B44" s="21">
        <v>58</v>
      </c>
      <c r="C44" s="6">
        <v>51</v>
      </c>
      <c r="D44" s="5">
        <v>109</v>
      </c>
    </row>
    <row r="45" spans="1:4" ht="18" customHeight="1" x14ac:dyDescent="0.15">
      <c r="A45" s="8">
        <v>33</v>
      </c>
      <c r="B45" s="21">
        <v>45</v>
      </c>
      <c r="C45" s="6">
        <v>46</v>
      </c>
      <c r="D45" s="5">
        <v>91</v>
      </c>
    </row>
    <row r="46" spans="1:4" ht="18" customHeight="1" x14ac:dyDescent="0.15">
      <c r="A46" s="8">
        <v>34</v>
      </c>
      <c r="B46" s="21">
        <v>38</v>
      </c>
      <c r="C46" s="6">
        <v>46</v>
      </c>
      <c r="D46" s="5">
        <v>84</v>
      </c>
    </row>
    <row r="47" spans="1:4" ht="18" customHeight="1" x14ac:dyDescent="0.15">
      <c r="A47" s="8" t="s">
        <v>18</v>
      </c>
      <c r="B47" s="21">
        <v>276</v>
      </c>
      <c r="C47" s="6">
        <v>243</v>
      </c>
      <c r="D47" s="5">
        <v>519</v>
      </c>
    </row>
    <row r="48" spans="1:4" ht="18" customHeight="1" x14ac:dyDescent="0.15">
      <c r="A48" s="8">
        <v>35</v>
      </c>
      <c r="B48" s="21">
        <v>55</v>
      </c>
      <c r="C48" s="6">
        <v>46</v>
      </c>
      <c r="D48" s="5">
        <v>101</v>
      </c>
    </row>
    <row r="49" spans="1:4" ht="18" customHeight="1" x14ac:dyDescent="0.15">
      <c r="A49" s="8">
        <v>36</v>
      </c>
      <c r="B49" s="21">
        <v>80</v>
      </c>
      <c r="C49" s="6">
        <v>40</v>
      </c>
      <c r="D49" s="5">
        <v>120</v>
      </c>
    </row>
    <row r="50" spans="1:4" ht="18" customHeight="1" x14ac:dyDescent="0.15">
      <c r="A50" s="8">
        <v>37</v>
      </c>
      <c r="B50" s="21">
        <v>55</v>
      </c>
      <c r="C50" s="6">
        <v>64</v>
      </c>
      <c r="D50" s="5">
        <v>119</v>
      </c>
    </row>
    <row r="51" spans="1:4" ht="18" customHeight="1" x14ac:dyDescent="0.15">
      <c r="A51" s="8">
        <v>38</v>
      </c>
      <c r="B51" s="21">
        <v>48</v>
      </c>
      <c r="C51" s="6">
        <v>54</v>
      </c>
      <c r="D51" s="5">
        <v>102</v>
      </c>
    </row>
    <row r="52" spans="1:4" ht="18" customHeight="1" x14ac:dyDescent="0.15">
      <c r="A52" s="8">
        <v>39</v>
      </c>
      <c r="B52" s="21">
        <v>53</v>
      </c>
      <c r="C52" s="6">
        <v>48</v>
      </c>
      <c r="D52" s="5">
        <v>101</v>
      </c>
    </row>
    <row r="53" spans="1:4" ht="18" customHeight="1" x14ac:dyDescent="0.15">
      <c r="A53" s="8" t="s">
        <v>17</v>
      </c>
      <c r="B53" s="21">
        <v>291</v>
      </c>
      <c r="C53" s="6">
        <v>252</v>
      </c>
      <c r="D53" s="5">
        <v>543</v>
      </c>
    </row>
    <row r="54" spans="1:4" ht="18" customHeight="1" x14ac:dyDescent="0.15">
      <c r="A54" s="8">
        <v>40</v>
      </c>
      <c r="B54" s="21">
        <v>65</v>
      </c>
      <c r="C54" s="6">
        <v>54</v>
      </c>
      <c r="D54" s="5">
        <v>119</v>
      </c>
    </row>
    <row r="55" spans="1:4" ht="18" customHeight="1" x14ac:dyDescent="0.15">
      <c r="A55" s="8">
        <v>41</v>
      </c>
      <c r="B55" s="21">
        <v>55</v>
      </c>
      <c r="C55" s="6">
        <v>52</v>
      </c>
      <c r="D55" s="5">
        <v>107</v>
      </c>
    </row>
    <row r="56" spans="1:4" ht="18" customHeight="1" x14ac:dyDescent="0.15">
      <c r="A56" s="8">
        <v>42</v>
      </c>
      <c r="B56" s="21">
        <v>61</v>
      </c>
      <c r="C56" s="6">
        <v>60</v>
      </c>
      <c r="D56" s="5">
        <v>121</v>
      </c>
    </row>
    <row r="57" spans="1:4" ht="18" customHeight="1" x14ac:dyDescent="0.15">
      <c r="A57" s="8">
        <v>43</v>
      </c>
      <c r="B57" s="21">
        <v>68</v>
      </c>
      <c r="C57" s="6">
        <v>51</v>
      </c>
      <c r="D57" s="5">
        <v>119</v>
      </c>
    </row>
    <row r="58" spans="1:4" ht="18" customHeight="1" x14ac:dyDescent="0.15">
      <c r="A58" s="8">
        <v>44</v>
      </c>
      <c r="B58" s="21">
        <v>67</v>
      </c>
      <c r="C58" s="6">
        <v>49</v>
      </c>
      <c r="D58" s="5">
        <v>116</v>
      </c>
    </row>
    <row r="59" spans="1:4" ht="18" customHeight="1" x14ac:dyDescent="0.15">
      <c r="A59" s="8" t="s">
        <v>16</v>
      </c>
      <c r="B59" s="21">
        <v>316</v>
      </c>
      <c r="C59" s="6">
        <v>266</v>
      </c>
      <c r="D59" s="5">
        <v>582</v>
      </c>
    </row>
    <row r="60" spans="1:4" ht="18" customHeight="1" x14ac:dyDescent="0.15">
      <c r="A60" s="8">
        <v>45</v>
      </c>
      <c r="B60" s="21">
        <v>61</v>
      </c>
      <c r="C60" s="6">
        <v>58</v>
      </c>
      <c r="D60" s="5">
        <v>119</v>
      </c>
    </row>
    <row r="61" spans="1:4" ht="18" customHeight="1" x14ac:dyDescent="0.15">
      <c r="A61" s="8">
        <v>46</v>
      </c>
      <c r="B61" s="21">
        <v>62</v>
      </c>
      <c r="C61" s="6">
        <v>66</v>
      </c>
      <c r="D61" s="5">
        <v>128</v>
      </c>
    </row>
    <row r="62" spans="1:4" ht="18" customHeight="1" x14ac:dyDescent="0.15">
      <c r="A62" s="8">
        <v>47</v>
      </c>
      <c r="B62" s="21">
        <v>80</v>
      </c>
      <c r="C62" s="6">
        <v>64</v>
      </c>
      <c r="D62" s="5">
        <v>144</v>
      </c>
    </row>
    <row r="63" spans="1:4" ht="18" customHeight="1" x14ac:dyDescent="0.15">
      <c r="A63" s="8">
        <v>48</v>
      </c>
      <c r="B63" s="21">
        <v>65</v>
      </c>
      <c r="C63" s="6">
        <v>67</v>
      </c>
      <c r="D63" s="5">
        <v>132</v>
      </c>
    </row>
    <row r="64" spans="1:4" ht="18" customHeight="1" x14ac:dyDescent="0.15">
      <c r="A64" s="8">
        <v>49</v>
      </c>
      <c r="B64" s="21">
        <v>72</v>
      </c>
      <c r="C64" s="6">
        <v>65</v>
      </c>
      <c r="D64" s="5">
        <v>137</v>
      </c>
    </row>
    <row r="65" spans="1:4" ht="18" customHeight="1" x14ac:dyDescent="0.15">
      <c r="A65" s="8" t="s">
        <v>15</v>
      </c>
      <c r="B65" s="21">
        <v>340</v>
      </c>
      <c r="C65" s="6">
        <v>320</v>
      </c>
      <c r="D65" s="5">
        <v>660</v>
      </c>
    </row>
    <row r="66" spans="1:4" ht="18" customHeight="1" x14ac:dyDescent="0.15">
      <c r="A66" s="8">
        <v>50</v>
      </c>
      <c r="B66" s="21">
        <v>82</v>
      </c>
      <c r="C66" s="6">
        <v>91</v>
      </c>
      <c r="D66" s="5">
        <v>173</v>
      </c>
    </row>
    <row r="67" spans="1:4" ht="18" customHeight="1" x14ac:dyDescent="0.15">
      <c r="A67" s="8">
        <v>51</v>
      </c>
      <c r="B67" s="21">
        <v>101</v>
      </c>
      <c r="C67" s="6">
        <v>78</v>
      </c>
      <c r="D67" s="5">
        <v>179</v>
      </c>
    </row>
    <row r="68" spans="1:4" ht="18" customHeight="1" x14ac:dyDescent="0.15">
      <c r="A68" s="8">
        <v>52</v>
      </c>
      <c r="B68" s="21">
        <v>92</v>
      </c>
      <c r="C68" s="6">
        <v>95</v>
      </c>
      <c r="D68" s="5">
        <v>187</v>
      </c>
    </row>
    <row r="69" spans="1:4" ht="18" customHeight="1" x14ac:dyDescent="0.15">
      <c r="A69" s="8">
        <v>53</v>
      </c>
      <c r="B69" s="21">
        <v>100</v>
      </c>
      <c r="C69" s="6">
        <v>93</v>
      </c>
      <c r="D69" s="5">
        <v>193</v>
      </c>
    </row>
    <row r="70" spans="1:4" ht="18" customHeight="1" x14ac:dyDescent="0.15">
      <c r="A70" s="8">
        <v>54</v>
      </c>
      <c r="B70" s="21">
        <v>88</v>
      </c>
      <c r="C70" s="6">
        <v>92</v>
      </c>
      <c r="D70" s="5">
        <v>180</v>
      </c>
    </row>
    <row r="71" spans="1:4" ht="18" customHeight="1" x14ac:dyDescent="0.15">
      <c r="A71" s="8" t="s">
        <v>14</v>
      </c>
      <c r="B71" s="21">
        <v>463</v>
      </c>
      <c r="C71" s="6">
        <v>449</v>
      </c>
      <c r="D71" s="5">
        <v>912</v>
      </c>
    </row>
    <row r="72" spans="1:4" ht="18" customHeight="1" x14ac:dyDescent="0.15">
      <c r="A72" s="8">
        <v>55</v>
      </c>
      <c r="B72" s="21">
        <v>75</v>
      </c>
      <c r="C72" s="6">
        <v>90</v>
      </c>
      <c r="D72" s="5">
        <v>165</v>
      </c>
    </row>
    <row r="73" spans="1:4" ht="18" customHeight="1" x14ac:dyDescent="0.15">
      <c r="A73" s="8">
        <v>56</v>
      </c>
      <c r="B73" s="21">
        <v>84</v>
      </c>
      <c r="C73" s="6">
        <v>84</v>
      </c>
      <c r="D73" s="5">
        <v>168</v>
      </c>
    </row>
    <row r="74" spans="1:4" ht="18" customHeight="1" x14ac:dyDescent="0.15">
      <c r="A74" s="8">
        <v>57</v>
      </c>
      <c r="B74" s="21">
        <v>74</v>
      </c>
      <c r="C74" s="6">
        <v>81</v>
      </c>
      <c r="D74" s="5">
        <v>155</v>
      </c>
    </row>
    <row r="75" spans="1:4" ht="18" customHeight="1" x14ac:dyDescent="0.15">
      <c r="A75" s="8">
        <v>58</v>
      </c>
      <c r="B75" s="21">
        <v>91</v>
      </c>
      <c r="C75" s="6">
        <v>72</v>
      </c>
      <c r="D75" s="5">
        <v>163</v>
      </c>
    </row>
    <row r="76" spans="1:4" ht="18" customHeight="1" x14ac:dyDescent="0.15">
      <c r="A76" s="8">
        <v>59</v>
      </c>
      <c r="B76" s="21">
        <v>69</v>
      </c>
      <c r="C76" s="6">
        <v>47</v>
      </c>
      <c r="D76" s="5">
        <v>116</v>
      </c>
    </row>
    <row r="77" spans="1:4" ht="18" customHeight="1" x14ac:dyDescent="0.15">
      <c r="A77" s="8" t="s">
        <v>13</v>
      </c>
      <c r="B77" s="21">
        <v>393</v>
      </c>
      <c r="C77" s="6">
        <v>374</v>
      </c>
      <c r="D77" s="5">
        <v>767</v>
      </c>
    </row>
    <row r="78" spans="1:4" ht="18" customHeight="1" x14ac:dyDescent="0.15">
      <c r="A78" s="8">
        <v>60</v>
      </c>
      <c r="B78" s="21">
        <v>55</v>
      </c>
      <c r="C78" s="6">
        <v>73</v>
      </c>
      <c r="D78" s="5">
        <v>128</v>
      </c>
    </row>
    <row r="79" spans="1:4" ht="18" customHeight="1" x14ac:dyDescent="0.15">
      <c r="A79" s="8">
        <v>61</v>
      </c>
      <c r="B79" s="21">
        <v>63</v>
      </c>
      <c r="C79" s="6">
        <v>74</v>
      </c>
      <c r="D79" s="5">
        <v>137</v>
      </c>
    </row>
    <row r="80" spans="1:4" ht="18" customHeight="1" x14ac:dyDescent="0.15">
      <c r="A80" s="8">
        <v>62</v>
      </c>
      <c r="B80" s="21">
        <v>70</v>
      </c>
      <c r="C80" s="6">
        <v>76</v>
      </c>
      <c r="D80" s="5">
        <v>146</v>
      </c>
    </row>
    <row r="81" spans="1:4" ht="18" customHeight="1" x14ac:dyDescent="0.15">
      <c r="A81" s="8">
        <v>63</v>
      </c>
      <c r="B81" s="21">
        <v>63</v>
      </c>
      <c r="C81" s="6">
        <v>58</v>
      </c>
      <c r="D81" s="5">
        <v>121</v>
      </c>
    </row>
    <row r="82" spans="1:4" ht="18" customHeight="1" x14ac:dyDescent="0.15">
      <c r="A82" s="8">
        <v>64</v>
      </c>
      <c r="B82" s="21">
        <v>54</v>
      </c>
      <c r="C82" s="6">
        <v>68</v>
      </c>
      <c r="D82" s="5">
        <v>122</v>
      </c>
    </row>
    <row r="83" spans="1:4" ht="18" customHeight="1" x14ac:dyDescent="0.15">
      <c r="A83" s="8" t="s">
        <v>12</v>
      </c>
      <c r="B83" s="21">
        <v>305</v>
      </c>
      <c r="C83" s="6">
        <v>349</v>
      </c>
      <c r="D83" s="5">
        <v>654</v>
      </c>
    </row>
    <row r="84" spans="1:4" ht="18" customHeight="1" x14ac:dyDescent="0.15">
      <c r="A84" s="8" t="s">
        <v>11</v>
      </c>
      <c r="B84" s="21">
        <v>3232</v>
      </c>
      <c r="C84" s="6">
        <v>2944</v>
      </c>
      <c r="D84" s="5">
        <v>6176</v>
      </c>
    </row>
    <row r="85" spans="1:4" ht="18" customHeight="1" x14ac:dyDescent="0.15">
      <c r="A85" s="8">
        <v>65</v>
      </c>
      <c r="B85" s="21">
        <v>56</v>
      </c>
      <c r="C85" s="6">
        <v>72</v>
      </c>
      <c r="D85" s="5">
        <v>128</v>
      </c>
    </row>
    <row r="86" spans="1:4" ht="18" customHeight="1" x14ac:dyDescent="0.15">
      <c r="A86" s="8">
        <v>66</v>
      </c>
      <c r="B86" s="21">
        <v>59</v>
      </c>
      <c r="C86" s="6">
        <v>67</v>
      </c>
      <c r="D86" s="5">
        <v>126</v>
      </c>
    </row>
    <row r="87" spans="1:4" ht="18" customHeight="1" x14ac:dyDescent="0.15">
      <c r="A87" s="8">
        <v>67</v>
      </c>
      <c r="B87" s="21">
        <v>55</v>
      </c>
      <c r="C87" s="6">
        <v>48</v>
      </c>
      <c r="D87" s="5">
        <v>103</v>
      </c>
    </row>
    <row r="88" spans="1:4" ht="18" customHeight="1" x14ac:dyDescent="0.15">
      <c r="A88" s="8">
        <v>68</v>
      </c>
      <c r="B88" s="21">
        <v>60</v>
      </c>
      <c r="C88" s="6">
        <v>69</v>
      </c>
      <c r="D88" s="5">
        <v>129</v>
      </c>
    </row>
    <row r="89" spans="1:4" ht="18" customHeight="1" x14ac:dyDescent="0.15">
      <c r="A89" s="8">
        <v>69</v>
      </c>
      <c r="B89" s="21">
        <v>49</v>
      </c>
      <c r="C89" s="6">
        <v>58</v>
      </c>
      <c r="D89" s="5">
        <v>107</v>
      </c>
    </row>
    <row r="90" spans="1:4" ht="18" customHeight="1" x14ac:dyDescent="0.15">
      <c r="A90" s="8" t="s">
        <v>10</v>
      </c>
      <c r="B90" s="21">
        <v>279</v>
      </c>
      <c r="C90" s="6">
        <v>314</v>
      </c>
      <c r="D90" s="5">
        <v>593</v>
      </c>
    </row>
    <row r="91" spans="1:4" ht="18" customHeight="1" x14ac:dyDescent="0.15">
      <c r="A91" s="8">
        <v>70</v>
      </c>
      <c r="B91" s="21">
        <v>61</v>
      </c>
      <c r="C91" s="6">
        <v>71</v>
      </c>
      <c r="D91" s="5">
        <v>132</v>
      </c>
    </row>
    <row r="92" spans="1:4" ht="18" customHeight="1" x14ac:dyDescent="0.15">
      <c r="A92" s="8">
        <v>71</v>
      </c>
      <c r="B92" s="21">
        <v>51</v>
      </c>
      <c r="C92" s="6">
        <v>62</v>
      </c>
      <c r="D92" s="5">
        <v>113</v>
      </c>
    </row>
    <row r="93" spans="1:4" ht="18" customHeight="1" x14ac:dyDescent="0.15">
      <c r="A93" s="8">
        <v>72</v>
      </c>
      <c r="B93" s="21">
        <v>57</v>
      </c>
      <c r="C93" s="6">
        <v>64</v>
      </c>
      <c r="D93" s="5">
        <v>121</v>
      </c>
    </row>
    <row r="94" spans="1:4" ht="18" customHeight="1" x14ac:dyDescent="0.15">
      <c r="A94" s="8">
        <v>73</v>
      </c>
      <c r="B94" s="21">
        <v>72</v>
      </c>
      <c r="C94" s="6">
        <v>63</v>
      </c>
      <c r="D94" s="5">
        <v>135</v>
      </c>
    </row>
    <row r="95" spans="1:4" ht="18" customHeight="1" x14ac:dyDescent="0.15">
      <c r="A95" s="8">
        <v>74</v>
      </c>
      <c r="B95" s="21">
        <v>51</v>
      </c>
      <c r="C95" s="6">
        <v>75</v>
      </c>
      <c r="D95" s="5">
        <v>126</v>
      </c>
    </row>
    <row r="96" spans="1:4" ht="18" customHeight="1" x14ac:dyDescent="0.15">
      <c r="A96" s="8" t="s">
        <v>9</v>
      </c>
      <c r="B96" s="21">
        <v>292</v>
      </c>
      <c r="C96" s="6">
        <v>335</v>
      </c>
      <c r="D96" s="5">
        <v>627</v>
      </c>
    </row>
    <row r="97" spans="1:4" ht="18" customHeight="1" x14ac:dyDescent="0.15">
      <c r="A97" s="8">
        <v>75</v>
      </c>
      <c r="B97" s="21">
        <v>63</v>
      </c>
      <c r="C97" s="6">
        <v>77</v>
      </c>
      <c r="D97" s="5">
        <v>140</v>
      </c>
    </row>
    <row r="98" spans="1:4" ht="18" customHeight="1" x14ac:dyDescent="0.15">
      <c r="A98" s="8">
        <v>76</v>
      </c>
      <c r="B98" s="21">
        <v>71</v>
      </c>
      <c r="C98" s="6">
        <v>81</v>
      </c>
      <c r="D98" s="5">
        <v>152</v>
      </c>
    </row>
    <row r="99" spans="1:4" ht="18" customHeight="1" x14ac:dyDescent="0.15">
      <c r="A99" s="8">
        <v>77</v>
      </c>
      <c r="B99" s="21">
        <v>60</v>
      </c>
      <c r="C99" s="6">
        <v>90</v>
      </c>
      <c r="D99" s="5">
        <v>150</v>
      </c>
    </row>
    <row r="100" spans="1:4" ht="18" customHeight="1" x14ac:dyDescent="0.15">
      <c r="A100" s="8">
        <v>78</v>
      </c>
      <c r="B100" s="21">
        <v>79</v>
      </c>
      <c r="C100" s="6">
        <v>96</v>
      </c>
      <c r="D100" s="5">
        <v>175</v>
      </c>
    </row>
    <row r="101" spans="1:4" ht="18" customHeight="1" x14ac:dyDescent="0.15">
      <c r="A101" s="8">
        <v>79</v>
      </c>
      <c r="B101" s="21">
        <v>31</v>
      </c>
      <c r="C101" s="6">
        <v>63</v>
      </c>
      <c r="D101" s="5">
        <v>94</v>
      </c>
    </row>
    <row r="102" spans="1:4" ht="18" customHeight="1" x14ac:dyDescent="0.15">
      <c r="A102" s="8" t="s">
        <v>8</v>
      </c>
      <c r="B102" s="21">
        <v>304</v>
      </c>
      <c r="C102" s="6">
        <v>407</v>
      </c>
      <c r="D102" s="5">
        <v>711</v>
      </c>
    </row>
    <row r="103" spans="1:4" ht="18" customHeight="1" x14ac:dyDescent="0.15">
      <c r="A103" s="8">
        <v>80</v>
      </c>
      <c r="B103" s="21">
        <v>31</v>
      </c>
      <c r="C103" s="6">
        <v>44</v>
      </c>
      <c r="D103" s="5">
        <v>75</v>
      </c>
    </row>
    <row r="104" spans="1:4" ht="18" customHeight="1" x14ac:dyDescent="0.15">
      <c r="A104" s="8">
        <v>81</v>
      </c>
      <c r="B104" s="21">
        <v>52</v>
      </c>
      <c r="C104" s="6">
        <v>68</v>
      </c>
      <c r="D104" s="5">
        <v>120</v>
      </c>
    </row>
    <row r="105" spans="1:4" ht="18" customHeight="1" x14ac:dyDescent="0.15">
      <c r="A105" s="8">
        <v>82</v>
      </c>
      <c r="B105" s="21">
        <v>52</v>
      </c>
      <c r="C105" s="6">
        <v>60</v>
      </c>
      <c r="D105" s="5">
        <v>112</v>
      </c>
    </row>
    <row r="106" spans="1:4" ht="18" customHeight="1" x14ac:dyDescent="0.15">
      <c r="A106" s="8">
        <v>83</v>
      </c>
      <c r="B106" s="21">
        <v>42</v>
      </c>
      <c r="C106" s="6">
        <v>57</v>
      </c>
      <c r="D106" s="5">
        <v>99</v>
      </c>
    </row>
    <row r="107" spans="1:4" ht="18" customHeight="1" x14ac:dyDescent="0.15">
      <c r="A107" s="8">
        <v>84</v>
      </c>
      <c r="B107" s="21">
        <v>24</v>
      </c>
      <c r="C107" s="6">
        <v>52</v>
      </c>
      <c r="D107" s="5">
        <v>76</v>
      </c>
    </row>
    <row r="108" spans="1:4" ht="18" customHeight="1" x14ac:dyDescent="0.15">
      <c r="A108" s="8" t="s">
        <v>7</v>
      </c>
      <c r="B108" s="21">
        <v>201</v>
      </c>
      <c r="C108" s="6">
        <v>281</v>
      </c>
      <c r="D108" s="5">
        <v>482</v>
      </c>
    </row>
    <row r="109" spans="1:4" ht="18" customHeight="1" x14ac:dyDescent="0.15">
      <c r="A109" s="8">
        <v>85</v>
      </c>
      <c r="B109" s="21">
        <v>26</v>
      </c>
      <c r="C109" s="6">
        <v>57</v>
      </c>
      <c r="D109" s="5">
        <v>83</v>
      </c>
    </row>
    <row r="110" spans="1:4" ht="18" customHeight="1" x14ac:dyDescent="0.15">
      <c r="A110" s="8">
        <v>86</v>
      </c>
      <c r="B110" s="21">
        <v>20</v>
      </c>
      <c r="C110" s="6">
        <v>36</v>
      </c>
      <c r="D110" s="5">
        <v>56</v>
      </c>
    </row>
    <row r="111" spans="1:4" ht="18" customHeight="1" x14ac:dyDescent="0.15">
      <c r="A111" s="8">
        <v>87</v>
      </c>
      <c r="B111" s="21">
        <v>29</v>
      </c>
      <c r="C111" s="6">
        <v>46</v>
      </c>
      <c r="D111" s="5">
        <v>75</v>
      </c>
    </row>
    <row r="112" spans="1:4" ht="18" customHeight="1" x14ac:dyDescent="0.15">
      <c r="A112" s="8">
        <v>88</v>
      </c>
      <c r="B112" s="21">
        <v>26</v>
      </c>
      <c r="C112" s="6">
        <v>48</v>
      </c>
      <c r="D112" s="5">
        <v>74</v>
      </c>
    </row>
    <row r="113" spans="1:4" ht="18" customHeight="1" x14ac:dyDescent="0.15">
      <c r="A113" s="8">
        <v>89</v>
      </c>
      <c r="B113" s="21">
        <v>16</v>
      </c>
      <c r="C113" s="6">
        <v>46</v>
      </c>
      <c r="D113" s="5">
        <v>62</v>
      </c>
    </row>
    <row r="114" spans="1:4" ht="18" customHeight="1" x14ac:dyDescent="0.15">
      <c r="A114" s="8" t="s">
        <v>6</v>
      </c>
      <c r="B114" s="21">
        <v>117</v>
      </c>
      <c r="C114" s="6">
        <v>233</v>
      </c>
      <c r="D114" s="5">
        <v>350</v>
      </c>
    </row>
    <row r="115" spans="1:4" ht="18" customHeight="1" x14ac:dyDescent="0.15">
      <c r="A115" s="8">
        <v>90</v>
      </c>
      <c r="B115" s="21">
        <v>17</v>
      </c>
      <c r="C115" s="6">
        <v>35</v>
      </c>
      <c r="D115" s="5">
        <v>52</v>
      </c>
    </row>
    <row r="116" spans="1:4" ht="18" customHeight="1" x14ac:dyDescent="0.15">
      <c r="A116" s="8">
        <v>91</v>
      </c>
      <c r="B116" s="21">
        <v>15</v>
      </c>
      <c r="C116" s="6">
        <v>37</v>
      </c>
      <c r="D116" s="5">
        <v>52</v>
      </c>
    </row>
    <row r="117" spans="1:4" ht="18" customHeight="1" x14ac:dyDescent="0.15">
      <c r="A117" s="8">
        <v>92</v>
      </c>
      <c r="B117" s="21">
        <v>11</v>
      </c>
      <c r="C117" s="6">
        <v>37</v>
      </c>
      <c r="D117" s="5">
        <v>48</v>
      </c>
    </row>
    <row r="118" spans="1:4" ht="18" customHeight="1" x14ac:dyDescent="0.15">
      <c r="A118" s="8">
        <v>93</v>
      </c>
      <c r="B118" s="21">
        <v>7</v>
      </c>
      <c r="C118" s="6">
        <v>35</v>
      </c>
      <c r="D118" s="5">
        <v>42</v>
      </c>
    </row>
    <row r="119" spans="1:4" ht="18" customHeight="1" x14ac:dyDescent="0.15">
      <c r="A119" s="8">
        <v>94</v>
      </c>
      <c r="B119" s="21">
        <v>11</v>
      </c>
      <c r="C119" s="6">
        <v>23</v>
      </c>
      <c r="D119" s="5">
        <v>34</v>
      </c>
    </row>
    <row r="120" spans="1:4" ht="18" customHeight="1" x14ac:dyDescent="0.15">
      <c r="A120" s="8" t="s">
        <v>5</v>
      </c>
      <c r="B120" s="21">
        <v>61</v>
      </c>
      <c r="C120" s="6">
        <v>167</v>
      </c>
      <c r="D120" s="5">
        <v>228</v>
      </c>
    </row>
    <row r="121" spans="1:4" ht="18" customHeight="1" x14ac:dyDescent="0.15">
      <c r="A121" s="8">
        <v>95</v>
      </c>
      <c r="B121" s="21">
        <v>2</v>
      </c>
      <c r="C121" s="6">
        <v>20</v>
      </c>
      <c r="D121" s="5">
        <v>22</v>
      </c>
    </row>
    <row r="122" spans="1:4" ht="18" customHeight="1" x14ac:dyDescent="0.15">
      <c r="A122" s="8">
        <v>96</v>
      </c>
      <c r="B122" s="21">
        <v>5</v>
      </c>
      <c r="C122" s="6">
        <v>9</v>
      </c>
      <c r="D122" s="5">
        <v>14</v>
      </c>
    </row>
    <row r="123" spans="1:4" ht="18" customHeight="1" x14ac:dyDescent="0.15">
      <c r="A123" s="8">
        <v>97</v>
      </c>
      <c r="B123" s="21">
        <v>2</v>
      </c>
      <c r="C123" s="6">
        <v>9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10</v>
      </c>
      <c r="D124" s="5">
        <v>11</v>
      </c>
    </row>
    <row r="125" spans="1:4" ht="18" customHeight="1" x14ac:dyDescent="0.15">
      <c r="A125" s="8">
        <v>99</v>
      </c>
      <c r="B125" s="21">
        <v>1</v>
      </c>
      <c r="C125" s="6">
        <v>7</v>
      </c>
      <c r="D125" s="5">
        <v>8</v>
      </c>
    </row>
    <row r="126" spans="1:4" ht="18" customHeight="1" x14ac:dyDescent="0.15">
      <c r="A126" s="8" t="s">
        <v>4</v>
      </c>
      <c r="B126" s="21">
        <v>11</v>
      </c>
      <c r="C126" s="6">
        <v>55</v>
      </c>
      <c r="D126" s="5">
        <v>66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7</v>
      </c>
      <c r="D128" s="5">
        <v>7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265</v>
      </c>
      <c r="C130" s="6">
        <v>1801</v>
      </c>
      <c r="D130" s="5">
        <v>3066</v>
      </c>
    </row>
    <row r="131" spans="1:4" ht="18" customHeight="1" x14ac:dyDescent="0.15">
      <c r="A131" s="4" t="s">
        <v>0</v>
      </c>
      <c r="B131" s="20">
        <v>5042</v>
      </c>
      <c r="C131" s="2">
        <v>5270</v>
      </c>
      <c r="D131" s="1">
        <v>103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F78D96-5B75-4AC0-858C-F0849FE64A82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1</v>
      </c>
      <c r="C5" s="11">
        <v>32</v>
      </c>
      <c r="D5" s="10">
        <v>53</v>
      </c>
    </row>
    <row r="6" spans="1:4" ht="18" customHeight="1" x14ac:dyDescent="0.15">
      <c r="A6" s="8">
        <v>1</v>
      </c>
      <c r="B6" s="21">
        <v>28</v>
      </c>
      <c r="C6" s="6">
        <v>25</v>
      </c>
      <c r="D6" s="5">
        <v>53</v>
      </c>
    </row>
    <row r="7" spans="1:4" ht="18" customHeight="1" x14ac:dyDescent="0.15">
      <c r="A7" s="8">
        <v>2</v>
      </c>
      <c r="B7" s="21">
        <v>23</v>
      </c>
      <c r="C7" s="6">
        <v>31</v>
      </c>
      <c r="D7" s="5">
        <v>54</v>
      </c>
    </row>
    <row r="8" spans="1:4" ht="18" customHeight="1" x14ac:dyDescent="0.15">
      <c r="A8" s="8">
        <v>3</v>
      </c>
      <c r="B8" s="21">
        <v>36</v>
      </c>
      <c r="C8" s="6">
        <v>26</v>
      </c>
      <c r="D8" s="5">
        <v>62</v>
      </c>
    </row>
    <row r="9" spans="1:4" ht="18" customHeight="1" x14ac:dyDescent="0.15">
      <c r="A9" s="8">
        <v>4</v>
      </c>
      <c r="B9" s="21">
        <v>30</v>
      </c>
      <c r="C9" s="6">
        <v>29</v>
      </c>
      <c r="D9" s="5">
        <v>59</v>
      </c>
    </row>
    <row r="10" spans="1:4" ht="18" customHeight="1" x14ac:dyDescent="0.15">
      <c r="A10" s="8" t="s">
        <v>25</v>
      </c>
      <c r="B10" s="21">
        <v>138</v>
      </c>
      <c r="C10" s="6">
        <v>143</v>
      </c>
      <c r="D10" s="5">
        <v>281</v>
      </c>
    </row>
    <row r="11" spans="1:4" ht="18" customHeight="1" x14ac:dyDescent="0.15">
      <c r="A11" s="8">
        <v>5</v>
      </c>
      <c r="B11" s="21">
        <v>38</v>
      </c>
      <c r="C11" s="6">
        <v>19</v>
      </c>
      <c r="D11" s="5">
        <v>57</v>
      </c>
    </row>
    <row r="12" spans="1:4" ht="18" customHeight="1" x14ac:dyDescent="0.15">
      <c r="A12" s="8">
        <v>6</v>
      </c>
      <c r="B12" s="21">
        <v>32</v>
      </c>
      <c r="C12" s="6">
        <v>25</v>
      </c>
      <c r="D12" s="5">
        <v>57</v>
      </c>
    </row>
    <row r="13" spans="1:4" ht="18" customHeight="1" x14ac:dyDescent="0.15">
      <c r="A13" s="8">
        <v>7</v>
      </c>
      <c r="B13" s="21">
        <v>37</v>
      </c>
      <c r="C13" s="6">
        <v>39</v>
      </c>
      <c r="D13" s="5">
        <v>76</v>
      </c>
    </row>
    <row r="14" spans="1:4" ht="18" customHeight="1" x14ac:dyDescent="0.15">
      <c r="A14" s="8">
        <v>8</v>
      </c>
      <c r="B14" s="21">
        <v>23</v>
      </c>
      <c r="C14" s="6">
        <v>33</v>
      </c>
      <c r="D14" s="5">
        <v>56</v>
      </c>
    </row>
    <row r="15" spans="1:4" ht="18" customHeight="1" x14ac:dyDescent="0.15">
      <c r="A15" s="8">
        <v>9</v>
      </c>
      <c r="B15" s="21">
        <v>35</v>
      </c>
      <c r="C15" s="6">
        <v>45</v>
      </c>
      <c r="D15" s="5">
        <v>80</v>
      </c>
    </row>
    <row r="16" spans="1:4" ht="18" customHeight="1" x14ac:dyDescent="0.15">
      <c r="A16" s="8" t="s">
        <v>24</v>
      </c>
      <c r="B16" s="21">
        <v>165</v>
      </c>
      <c r="C16" s="6">
        <v>161</v>
      </c>
      <c r="D16" s="5">
        <v>326</v>
      </c>
    </row>
    <row r="17" spans="1:4" ht="18" customHeight="1" x14ac:dyDescent="0.15">
      <c r="A17" s="8">
        <v>10</v>
      </c>
      <c r="B17" s="21">
        <v>35</v>
      </c>
      <c r="C17" s="6">
        <v>30</v>
      </c>
      <c r="D17" s="5">
        <v>65</v>
      </c>
    </row>
    <row r="18" spans="1:4" ht="18" customHeight="1" x14ac:dyDescent="0.15">
      <c r="A18" s="8">
        <v>11</v>
      </c>
      <c r="B18" s="21">
        <v>36</v>
      </c>
      <c r="C18" s="6">
        <v>33</v>
      </c>
      <c r="D18" s="5">
        <v>69</v>
      </c>
    </row>
    <row r="19" spans="1:4" ht="18" customHeight="1" x14ac:dyDescent="0.15">
      <c r="A19" s="8">
        <v>12</v>
      </c>
      <c r="B19" s="21">
        <v>32</v>
      </c>
      <c r="C19" s="6">
        <v>27</v>
      </c>
      <c r="D19" s="5">
        <v>59</v>
      </c>
    </row>
    <row r="20" spans="1:4" ht="18" customHeight="1" x14ac:dyDescent="0.15">
      <c r="A20" s="8">
        <v>13</v>
      </c>
      <c r="B20" s="21">
        <v>29</v>
      </c>
      <c r="C20" s="6">
        <v>33</v>
      </c>
      <c r="D20" s="5">
        <v>62</v>
      </c>
    </row>
    <row r="21" spans="1:4" ht="18" customHeight="1" x14ac:dyDescent="0.15">
      <c r="A21" s="8">
        <v>14</v>
      </c>
      <c r="B21" s="21">
        <v>27</v>
      </c>
      <c r="C21" s="6">
        <v>26</v>
      </c>
      <c r="D21" s="5">
        <v>53</v>
      </c>
    </row>
    <row r="22" spans="1:4" ht="18" customHeight="1" x14ac:dyDescent="0.15">
      <c r="A22" s="8" t="s">
        <v>23</v>
      </c>
      <c r="B22" s="21">
        <v>159</v>
      </c>
      <c r="C22" s="6">
        <v>149</v>
      </c>
      <c r="D22" s="5">
        <v>308</v>
      </c>
    </row>
    <row r="23" spans="1:4" ht="18" customHeight="1" x14ac:dyDescent="0.15">
      <c r="A23" s="8" t="s">
        <v>22</v>
      </c>
      <c r="B23" s="21">
        <v>462</v>
      </c>
      <c r="C23" s="6">
        <v>453</v>
      </c>
      <c r="D23" s="5">
        <v>915</v>
      </c>
    </row>
    <row r="24" spans="1:4" ht="18" customHeight="1" x14ac:dyDescent="0.15">
      <c r="A24" s="8">
        <v>15</v>
      </c>
      <c r="B24" s="21">
        <v>39</v>
      </c>
      <c r="C24" s="6">
        <v>34</v>
      </c>
      <c r="D24" s="5">
        <v>73</v>
      </c>
    </row>
    <row r="25" spans="1:4" ht="18" customHeight="1" x14ac:dyDescent="0.15">
      <c r="A25" s="8">
        <v>16</v>
      </c>
      <c r="B25" s="21">
        <v>36</v>
      </c>
      <c r="C25" s="6">
        <v>22</v>
      </c>
      <c r="D25" s="5">
        <v>58</v>
      </c>
    </row>
    <row r="26" spans="1:4" ht="18" customHeight="1" x14ac:dyDescent="0.15">
      <c r="A26" s="8">
        <v>17</v>
      </c>
      <c r="B26" s="21">
        <v>36</v>
      </c>
      <c r="C26" s="6">
        <v>23</v>
      </c>
      <c r="D26" s="5">
        <v>59</v>
      </c>
    </row>
    <row r="27" spans="1:4" ht="18" customHeight="1" x14ac:dyDescent="0.15">
      <c r="A27" s="8">
        <v>18</v>
      </c>
      <c r="B27" s="21">
        <v>25</v>
      </c>
      <c r="C27" s="6">
        <v>23</v>
      </c>
      <c r="D27" s="5">
        <v>48</v>
      </c>
    </row>
    <row r="28" spans="1:4" ht="18" customHeight="1" x14ac:dyDescent="0.15">
      <c r="A28" s="8">
        <v>19</v>
      </c>
      <c r="B28" s="21">
        <v>30</v>
      </c>
      <c r="C28" s="6">
        <v>27</v>
      </c>
      <c r="D28" s="5">
        <v>57</v>
      </c>
    </row>
    <row r="29" spans="1:4" ht="18" customHeight="1" x14ac:dyDescent="0.15">
      <c r="A29" s="8" t="s">
        <v>21</v>
      </c>
      <c r="B29" s="21">
        <v>166</v>
      </c>
      <c r="C29" s="6">
        <v>129</v>
      </c>
      <c r="D29" s="5">
        <v>295</v>
      </c>
    </row>
    <row r="30" spans="1:4" ht="18" customHeight="1" x14ac:dyDescent="0.15">
      <c r="A30" s="8">
        <v>20</v>
      </c>
      <c r="B30" s="21">
        <v>27</v>
      </c>
      <c r="C30" s="6">
        <v>26</v>
      </c>
      <c r="D30" s="5">
        <v>53</v>
      </c>
    </row>
    <row r="31" spans="1:4" ht="18" customHeight="1" x14ac:dyDescent="0.15">
      <c r="A31" s="8">
        <v>21</v>
      </c>
      <c r="B31" s="21">
        <v>19</v>
      </c>
      <c r="C31" s="6">
        <v>41</v>
      </c>
      <c r="D31" s="5">
        <v>60</v>
      </c>
    </row>
    <row r="32" spans="1:4" ht="18" customHeight="1" x14ac:dyDescent="0.15">
      <c r="A32" s="8">
        <v>22</v>
      </c>
      <c r="B32" s="21">
        <v>29</v>
      </c>
      <c r="C32" s="6">
        <v>29</v>
      </c>
      <c r="D32" s="5">
        <v>58</v>
      </c>
    </row>
    <row r="33" spans="1:4" ht="18" customHeight="1" x14ac:dyDescent="0.15">
      <c r="A33" s="8">
        <v>23</v>
      </c>
      <c r="B33" s="21">
        <v>43</v>
      </c>
      <c r="C33" s="6">
        <v>41</v>
      </c>
      <c r="D33" s="5">
        <v>84</v>
      </c>
    </row>
    <row r="34" spans="1:4" ht="18" customHeight="1" x14ac:dyDescent="0.15">
      <c r="A34" s="8">
        <v>24</v>
      </c>
      <c r="B34" s="21">
        <v>39</v>
      </c>
      <c r="C34" s="6">
        <v>24</v>
      </c>
      <c r="D34" s="5">
        <v>63</v>
      </c>
    </row>
    <row r="35" spans="1:4" ht="18" customHeight="1" x14ac:dyDescent="0.15">
      <c r="A35" s="8" t="s">
        <v>20</v>
      </c>
      <c r="B35" s="21">
        <v>157</v>
      </c>
      <c r="C35" s="6">
        <v>161</v>
      </c>
      <c r="D35" s="5">
        <v>318</v>
      </c>
    </row>
    <row r="36" spans="1:4" ht="18" customHeight="1" x14ac:dyDescent="0.15">
      <c r="A36" s="8">
        <v>25</v>
      </c>
      <c r="B36" s="21">
        <v>48</v>
      </c>
      <c r="C36" s="6">
        <v>37</v>
      </c>
      <c r="D36" s="5">
        <v>85</v>
      </c>
    </row>
    <row r="37" spans="1:4" ht="18" customHeight="1" x14ac:dyDescent="0.15">
      <c r="A37" s="8">
        <v>26</v>
      </c>
      <c r="B37" s="21">
        <v>48</v>
      </c>
      <c r="C37" s="6">
        <v>32</v>
      </c>
      <c r="D37" s="5">
        <v>80</v>
      </c>
    </row>
    <row r="38" spans="1:4" ht="18" customHeight="1" x14ac:dyDescent="0.15">
      <c r="A38" s="8">
        <v>27</v>
      </c>
      <c r="B38" s="21">
        <v>49</v>
      </c>
      <c r="C38" s="6">
        <v>64</v>
      </c>
      <c r="D38" s="5">
        <v>113</v>
      </c>
    </row>
    <row r="39" spans="1:4" ht="18" customHeight="1" x14ac:dyDescent="0.15">
      <c r="A39" s="8">
        <v>28</v>
      </c>
      <c r="B39" s="21">
        <v>42</v>
      </c>
      <c r="C39" s="6">
        <v>36</v>
      </c>
      <c r="D39" s="5">
        <v>78</v>
      </c>
    </row>
    <row r="40" spans="1:4" ht="18" customHeight="1" x14ac:dyDescent="0.15">
      <c r="A40" s="8">
        <v>29</v>
      </c>
      <c r="B40" s="21">
        <v>37</v>
      </c>
      <c r="C40" s="6">
        <v>47</v>
      </c>
      <c r="D40" s="5">
        <v>84</v>
      </c>
    </row>
    <row r="41" spans="1:4" ht="18" customHeight="1" x14ac:dyDescent="0.15">
      <c r="A41" s="8" t="s">
        <v>19</v>
      </c>
      <c r="B41" s="21">
        <v>224</v>
      </c>
      <c r="C41" s="6">
        <v>216</v>
      </c>
      <c r="D41" s="5">
        <v>440</v>
      </c>
    </row>
    <row r="42" spans="1:4" ht="18" customHeight="1" x14ac:dyDescent="0.15">
      <c r="A42" s="8">
        <v>30</v>
      </c>
      <c r="B42" s="21">
        <v>53</v>
      </c>
      <c r="C42" s="6">
        <v>43</v>
      </c>
      <c r="D42" s="5">
        <v>96</v>
      </c>
    </row>
    <row r="43" spans="1:4" ht="18" customHeight="1" x14ac:dyDescent="0.15">
      <c r="A43" s="8">
        <v>31</v>
      </c>
      <c r="B43" s="21">
        <v>42</v>
      </c>
      <c r="C43" s="6">
        <v>35</v>
      </c>
      <c r="D43" s="5">
        <v>77</v>
      </c>
    </row>
    <row r="44" spans="1:4" ht="18" customHeight="1" x14ac:dyDescent="0.15">
      <c r="A44" s="8">
        <v>32</v>
      </c>
      <c r="B44" s="21">
        <v>58</v>
      </c>
      <c r="C44" s="6">
        <v>41</v>
      </c>
      <c r="D44" s="5">
        <v>99</v>
      </c>
    </row>
    <row r="45" spans="1:4" ht="18" customHeight="1" x14ac:dyDescent="0.15">
      <c r="A45" s="8">
        <v>33</v>
      </c>
      <c r="B45" s="21">
        <v>40</v>
      </c>
      <c r="C45" s="6">
        <v>49</v>
      </c>
      <c r="D45" s="5">
        <v>89</v>
      </c>
    </row>
    <row r="46" spans="1:4" ht="18" customHeight="1" x14ac:dyDescent="0.15">
      <c r="A46" s="8">
        <v>34</v>
      </c>
      <c r="B46" s="21">
        <v>43</v>
      </c>
      <c r="C46" s="6">
        <v>32</v>
      </c>
      <c r="D46" s="5">
        <v>75</v>
      </c>
    </row>
    <row r="47" spans="1:4" ht="18" customHeight="1" x14ac:dyDescent="0.15">
      <c r="A47" s="8" t="s">
        <v>18</v>
      </c>
      <c r="B47" s="21">
        <v>236</v>
      </c>
      <c r="C47" s="6">
        <v>200</v>
      </c>
      <c r="D47" s="5">
        <v>436</v>
      </c>
    </row>
    <row r="48" spans="1:4" ht="18" customHeight="1" x14ac:dyDescent="0.15">
      <c r="A48" s="8">
        <v>35</v>
      </c>
      <c r="B48" s="21">
        <v>41</v>
      </c>
      <c r="C48" s="6">
        <v>47</v>
      </c>
      <c r="D48" s="5">
        <v>88</v>
      </c>
    </row>
    <row r="49" spans="1:4" ht="18" customHeight="1" x14ac:dyDescent="0.15">
      <c r="A49" s="8">
        <v>36</v>
      </c>
      <c r="B49" s="21">
        <v>47</v>
      </c>
      <c r="C49" s="6">
        <v>46</v>
      </c>
      <c r="D49" s="5">
        <v>93</v>
      </c>
    </row>
    <row r="50" spans="1:4" ht="18" customHeight="1" x14ac:dyDescent="0.15">
      <c r="A50" s="8">
        <v>37</v>
      </c>
      <c r="B50" s="21">
        <v>42</v>
      </c>
      <c r="C50" s="6">
        <v>40</v>
      </c>
      <c r="D50" s="5">
        <v>82</v>
      </c>
    </row>
    <row r="51" spans="1:4" ht="18" customHeight="1" x14ac:dyDescent="0.15">
      <c r="A51" s="8">
        <v>38</v>
      </c>
      <c r="B51" s="21">
        <v>55</v>
      </c>
      <c r="C51" s="6">
        <v>42</v>
      </c>
      <c r="D51" s="5">
        <v>97</v>
      </c>
    </row>
    <row r="52" spans="1:4" ht="18" customHeight="1" x14ac:dyDescent="0.15">
      <c r="A52" s="8">
        <v>39</v>
      </c>
      <c r="B52" s="21">
        <v>55</v>
      </c>
      <c r="C52" s="6">
        <v>43</v>
      </c>
      <c r="D52" s="5">
        <v>98</v>
      </c>
    </row>
    <row r="53" spans="1:4" ht="18" customHeight="1" x14ac:dyDescent="0.15">
      <c r="A53" s="8" t="s">
        <v>17</v>
      </c>
      <c r="B53" s="21">
        <v>240</v>
      </c>
      <c r="C53" s="6">
        <v>218</v>
      </c>
      <c r="D53" s="5">
        <v>458</v>
      </c>
    </row>
    <row r="54" spans="1:4" ht="18" customHeight="1" x14ac:dyDescent="0.15">
      <c r="A54" s="8">
        <v>40</v>
      </c>
      <c r="B54" s="21">
        <v>52</v>
      </c>
      <c r="C54" s="6">
        <v>47</v>
      </c>
      <c r="D54" s="5">
        <v>99</v>
      </c>
    </row>
    <row r="55" spans="1:4" ht="18" customHeight="1" x14ac:dyDescent="0.15">
      <c r="A55" s="8">
        <v>41</v>
      </c>
      <c r="B55" s="21">
        <v>54</v>
      </c>
      <c r="C55" s="6">
        <v>49</v>
      </c>
      <c r="D55" s="5">
        <v>103</v>
      </c>
    </row>
    <row r="56" spans="1:4" ht="18" customHeight="1" x14ac:dyDescent="0.15">
      <c r="A56" s="8">
        <v>42</v>
      </c>
      <c r="B56" s="21">
        <v>53</v>
      </c>
      <c r="C56" s="6">
        <v>49</v>
      </c>
      <c r="D56" s="5">
        <v>102</v>
      </c>
    </row>
    <row r="57" spans="1:4" ht="18" customHeight="1" x14ac:dyDescent="0.15">
      <c r="A57" s="8">
        <v>43</v>
      </c>
      <c r="B57" s="21">
        <v>61</v>
      </c>
      <c r="C57" s="6">
        <v>48</v>
      </c>
      <c r="D57" s="5">
        <v>109</v>
      </c>
    </row>
    <row r="58" spans="1:4" ht="18" customHeight="1" x14ac:dyDescent="0.15">
      <c r="A58" s="8">
        <v>44</v>
      </c>
      <c r="B58" s="21">
        <v>37</v>
      </c>
      <c r="C58" s="6">
        <v>45</v>
      </c>
      <c r="D58" s="5">
        <v>82</v>
      </c>
    </row>
    <row r="59" spans="1:4" ht="18" customHeight="1" x14ac:dyDescent="0.15">
      <c r="A59" s="8" t="s">
        <v>16</v>
      </c>
      <c r="B59" s="21">
        <v>257</v>
      </c>
      <c r="C59" s="6">
        <v>238</v>
      </c>
      <c r="D59" s="5">
        <v>495</v>
      </c>
    </row>
    <row r="60" spans="1:4" ht="18" customHeight="1" x14ac:dyDescent="0.15">
      <c r="A60" s="8">
        <v>45</v>
      </c>
      <c r="B60" s="21">
        <v>40</v>
      </c>
      <c r="C60" s="6">
        <v>39</v>
      </c>
      <c r="D60" s="5">
        <v>79</v>
      </c>
    </row>
    <row r="61" spans="1:4" ht="18" customHeight="1" x14ac:dyDescent="0.15">
      <c r="A61" s="8">
        <v>46</v>
      </c>
      <c r="B61" s="21">
        <v>47</v>
      </c>
      <c r="C61" s="6">
        <v>43</v>
      </c>
      <c r="D61" s="5">
        <v>90</v>
      </c>
    </row>
    <row r="62" spans="1:4" ht="18" customHeight="1" x14ac:dyDescent="0.15">
      <c r="A62" s="8">
        <v>47</v>
      </c>
      <c r="B62" s="21">
        <v>49</v>
      </c>
      <c r="C62" s="6">
        <v>41</v>
      </c>
      <c r="D62" s="5">
        <v>90</v>
      </c>
    </row>
    <row r="63" spans="1:4" ht="18" customHeight="1" x14ac:dyDescent="0.15">
      <c r="A63" s="8">
        <v>48</v>
      </c>
      <c r="B63" s="21">
        <v>62</v>
      </c>
      <c r="C63" s="6">
        <v>51</v>
      </c>
      <c r="D63" s="5">
        <v>113</v>
      </c>
    </row>
    <row r="64" spans="1:4" ht="18" customHeight="1" x14ac:dyDescent="0.15">
      <c r="A64" s="8">
        <v>49</v>
      </c>
      <c r="B64" s="21">
        <v>49</v>
      </c>
      <c r="C64" s="6">
        <v>59</v>
      </c>
      <c r="D64" s="5">
        <v>108</v>
      </c>
    </row>
    <row r="65" spans="1:4" ht="18" customHeight="1" x14ac:dyDescent="0.15">
      <c r="A65" s="8" t="s">
        <v>15</v>
      </c>
      <c r="B65" s="21">
        <v>247</v>
      </c>
      <c r="C65" s="6">
        <v>233</v>
      </c>
      <c r="D65" s="5">
        <v>480</v>
      </c>
    </row>
    <row r="66" spans="1:4" ht="18" customHeight="1" x14ac:dyDescent="0.15">
      <c r="A66" s="8">
        <v>50</v>
      </c>
      <c r="B66" s="21">
        <v>60</v>
      </c>
      <c r="C66" s="6">
        <v>59</v>
      </c>
      <c r="D66" s="5">
        <v>119</v>
      </c>
    </row>
    <row r="67" spans="1:4" ht="18" customHeight="1" x14ac:dyDescent="0.15">
      <c r="A67" s="8">
        <v>51</v>
      </c>
      <c r="B67" s="21">
        <v>57</v>
      </c>
      <c r="C67" s="6">
        <v>47</v>
      </c>
      <c r="D67" s="5">
        <v>104</v>
      </c>
    </row>
    <row r="68" spans="1:4" ht="18" customHeight="1" x14ac:dyDescent="0.15">
      <c r="A68" s="8">
        <v>52</v>
      </c>
      <c r="B68" s="21">
        <v>68</v>
      </c>
      <c r="C68" s="6">
        <v>50</v>
      </c>
      <c r="D68" s="5">
        <v>118</v>
      </c>
    </row>
    <row r="69" spans="1:4" ht="18" customHeight="1" x14ac:dyDescent="0.15">
      <c r="A69" s="8">
        <v>53</v>
      </c>
      <c r="B69" s="21">
        <v>69</v>
      </c>
      <c r="C69" s="6">
        <v>69</v>
      </c>
      <c r="D69" s="5">
        <v>138</v>
      </c>
    </row>
    <row r="70" spans="1:4" ht="18" customHeight="1" x14ac:dyDescent="0.15">
      <c r="A70" s="8">
        <v>54</v>
      </c>
      <c r="B70" s="21">
        <v>47</v>
      </c>
      <c r="C70" s="6">
        <v>51</v>
      </c>
      <c r="D70" s="5">
        <v>98</v>
      </c>
    </row>
    <row r="71" spans="1:4" ht="18" customHeight="1" x14ac:dyDescent="0.15">
      <c r="A71" s="8" t="s">
        <v>14</v>
      </c>
      <c r="B71" s="21">
        <v>301</v>
      </c>
      <c r="C71" s="6">
        <v>276</v>
      </c>
      <c r="D71" s="5">
        <v>577</v>
      </c>
    </row>
    <row r="72" spans="1:4" ht="18" customHeight="1" x14ac:dyDescent="0.15">
      <c r="A72" s="8">
        <v>55</v>
      </c>
      <c r="B72" s="21">
        <v>57</v>
      </c>
      <c r="C72" s="6">
        <v>53</v>
      </c>
      <c r="D72" s="5">
        <v>110</v>
      </c>
    </row>
    <row r="73" spans="1:4" ht="18" customHeight="1" x14ac:dyDescent="0.15">
      <c r="A73" s="8">
        <v>56</v>
      </c>
      <c r="B73" s="21">
        <v>64</v>
      </c>
      <c r="C73" s="6">
        <v>55</v>
      </c>
      <c r="D73" s="5">
        <v>119</v>
      </c>
    </row>
    <row r="74" spans="1:4" ht="18" customHeight="1" x14ac:dyDescent="0.15">
      <c r="A74" s="8">
        <v>57</v>
      </c>
      <c r="B74" s="21">
        <v>52</v>
      </c>
      <c r="C74" s="6">
        <v>66</v>
      </c>
      <c r="D74" s="5">
        <v>118</v>
      </c>
    </row>
    <row r="75" spans="1:4" ht="18" customHeight="1" x14ac:dyDescent="0.15">
      <c r="A75" s="8">
        <v>58</v>
      </c>
      <c r="B75" s="21">
        <v>72</v>
      </c>
      <c r="C75" s="6">
        <v>58</v>
      </c>
      <c r="D75" s="5">
        <v>130</v>
      </c>
    </row>
    <row r="76" spans="1:4" ht="18" customHeight="1" x14ac:dyDescent="0.15">
      <c r="A76" s="8">
        <v>59</v>
      </c>
      <c r="B76" s="21">
        <v>41</v>
      </c>
      <c r="C76" s="6">
        <v>50</v>
      </c>
      <c r="D76" s="5">
        <v>91</v>
      </c>
    </row>
    <row r="77" spans="1:4" ht="18" customHeight="1" x14ac:dyDescent="0.15">
      <c r="A77" s="8" t="s">
        <v>13</v>
      </c>
      <c r="B77" s="21">
        <v>286</v>
      </c>
      <c r="C77" s="6">
        <v>282</v>
      </c>
      <c r="D77" s="5">
        <v>568</v>
      </c>
    </row>
    <row r="78" spans="1:4" ht="18" customHeight="1" x14ac:dyDescent="0.15">
      <c r="A78" s="8">
        <v>60</v>
      </c>
      <c r="B78" s="21">
        <v>68</v>
      </c>
      <c r="C78" s="6">
        <v>55</v>
      </c>
      <c r="D78" s="5">
        <v>123</v>
      </c>
    </row>
    <row r="79" spans="1:4" ht="18" customHeight="1" x14ac:dyDescent="0.15">
      <c r="A79" s="8">
        <v>61</v>
      </c>
      <c r="B79" s="21">
        <v>52</v>
      </c>
      <c r="C79" s="6">
        <v>58</v>
      </c>
      <c r="D79" s="5">
        <v>110</v>
      </c>
    </row>
    <row r="80" spans="1:4" ht="18" customHeight="1" x14ac:dyDescent="0.15">
      <c r="A80" s="8">
        <v>62</v>
      </c>
      <c r="B80" s="21">
        <v>51</v>
      </c>
      <c r="C80" s="6">
        <v>58</v>
      </c>
      <c r="D80" s="5">
        <v>109</v>
      </c>
    </row>
    <row r="81" spans="1:4" ht="18" customHeight="1" x14ac:dyDescent="0.15">
      <c r="A81" s="8">
        <v>63</v>
      </c>
      <c r="B81" s="21">
        <v>35</v>
      </c>
      <c r="C81" s="6">
        <v>50</v>
      </c>
      <c r="D81" s="5">
        <v>85</v>
      </c>
    </row>
    <row r="82" spans="1:4" ht="18" customHeight="1" x14ac:dyDescent="0.15">
      <c r="A82" s="8">
        <v>64</v>
      </c>
      <c r="B82" s="21">
        <v>49</v>
      </c>
      <c r="C82" s="6">
        <v>50</v>
      </c>
      <c r="D82" s="5">
        <v>99</v>
      </c>
    </row>
    <row r="83" spans="1:4" ht="18" customHeight="1" x14ac:dyDescent="0.15">
      <c r="A83" s="8" t="s">
        <v>12</v>
      </c>
      <c r="B83" s="21">
        <v>255</v>
      </c>
      <c r="C83" s="6">
        <v>271</v>
      </c>
      <c r="D83" s="5">
        <v>526</v>
      </c>
    </row>
    <row r="84" spans="1:4" ht="18" customHeight="1" x14ac:dyDescent="0.15">
      <c r="A84" s="8" t="s">
        <v>11</v>
      </c>
      <c r="B84" s="21">
        <v>2369</v>
      </c>
      <c r="C84" s="6">
        <v>2224</v>
      </c>
      <c r="D84" s="5">
        <v>4593</v>
      </c>
    </row>
    <row r="85" spans="1:4" ht="18" customHeight="1" x14ac:dyDescent="0.15">
      <c r="A85" s="8">
        <v>65</v>
      </c>
      <c r="B85" s="21">
        <v>44</v>
      </c>
      <c r="C85" s="6">
        <v>35</v>
      </c>
      <c r="D85" s="5">
        <v>79</v>
      </c>
    </row>
    <row r="86" spans="1:4" ht="18" customHeight="1" x14ac:dyDescent="0.15">
      <c r="A86" s="8">
        <v>66</v>
      </c>
      <c r="B86" s="21">
        <v>57</v>
      </c>
      <c r="C86" s="6">
        <v>38</v>
      </c>
      <c r="D86" s="5">
        <v>95</v>
      </c>
    </row>
    <row r="87" spans="1:4" ht="18" customHeight="1" x14ac:dyDescent="0.15">
      <c r="A87" s="8">
        <v>67</v>
      </c>
      <c r="B87" s="21">
        <v>55</v>
      </c>
      <c r="C87" s="6">
        <v>46</v>
      </c>
      <c r="D87" s="5">
        <v>101</v>
      </c>
    </row>
    <row r="88" spans="1:4" ht="18" customHeight="1" x14ac:dyDescent="0.15">
      <c r="A88" s="8">
        <v>68</v>
      </c>
      <c r="B88" s="21">
        <v>33</v>
      </c>
      <c r="C88" s="6">
        <v>30</v>
      </c>
      <c r="D88" s="5">
        <v>63</v>
      </c>
    </row>
    <row r="89" spans="1:4" ht="18" customHeight="1" x14ac:dyDescent="0.15">
      <c r="A89" s="8">
        <v>69</v>
      </c>
      <c r="B89" s="21">
        <v>46</v>
      </c>
      <c r="C89" s="6">
        <v>45</v>
      </c>
      <c r="D89" s="5">
        <v>91</v>
      </c>
    </row>
    <row r="90" spans="1:4" ht="18" customHeight="1" x14ac:dyDescent="0.15">
      <c r="A90" s="8" t="s">
        <v>10</v>
      </c>
      <c r="B90" s="21">
        <v>235</v>
      </c>
      <c r="C90" s="6">
        <v>194</v>
      </c>
      <c r="D90" s="5">
        <v>429</v>
      </c>
    </row>
    <row r="91" spans="1:4" ht="18" customHeight="1" x14ac:dyDescent="0.15">
      <c r="A91" s="8">
        <v>70</v>
      </c>
      <c r="B91" s="21">
        <v>36</v>
      </c>
      <c r="C91" s="6">
        <v>46</v>
      </c>
      <c r="D91" s="5">
        <v>82</v>
      </c>
    </row>
    <row r="92" spans="1:4" ht="18" customHeight="1" x14ac:dyDescent="0.15">
      <c r="A92" s="8">
        <v>71</v>
      </c>
      <c r="B92" s="21">
        <v>35</v>
      </c>
      <c r="C92" s="6">
        <v>52</v>
      </c>
      <c r="D92" s="5">
        <v>87</v>
      </c>
    </row>
    <row r="93" spans="1:4" ht="18" customHeight="1" x14ac:dyDescent="0.15">
      <c r="A93" s="8">
        <v>72</v>
      </c>
      <c r="B93" s="21">
        <v>45</v>
      </c>
      <c r="C93" s="6">
        <v>46</v>
      </c>
      <c r="D93" s="5">
        <v>91</v>
      </c>
    </row>
    <row r="94" spans="1:4" ht="18" customHeight="1" x14ac:dyDescent="0.15">
      <c r="A94" s="8">
        <v>73</v>
      </c>
      <c r="B94" s="21">
        <v>32</v>
      </c>
      <c r="C94" s="6">
        <v>59</v>
      </c>
      <c r="D94" s="5">
        <v>91</v>
      </c>
    </row>
    <row r="95" spans="1:4" ht="18" customHeight="1" x14ac:dyDescent="0.15">
      <c r="A95" s="8">
        <v>74</v>
      </c>
      <c r="B95" s="21">
        <v>36</v>
      </c>
      <c r="C95" s="6">
        <v>50</v>
      </c>
      <c r="D95" s="5">
        <v>86</v>
      </c>
    </row>
    <row r="96" spans="1:4" ht="18" customHeight="1" x14ac:dyDescent="0.15">
      <c r="A96" s="8" t="s">
        <v>9</v>
      </c>
      <c r="B96" s="21">
        <v>184</v>
      </c>
      <c r="C96" s="6">
        <v>253</v>
      </c>
      <c r="D96" s="5">
        <v>437</v>
      </c>
    </row>
    <row r="97" spans="1:4" ht="18" customHeight="1" x14ac:dyDescent="0.15">
      <c r="A97" s="8">
        <v>75</v>
      </c>
      <c r="B97" s="21">
        <v>44</v>
      </c>
      <c r="C97" s="6">
        <v>49</v>
      </c>
      <c r="D97" s="5">
        <v>93</v>
      </c>
    </row>
    <row r="98" spans="1:4" ht="18" customHeight="1" x14ac:dyDescent="0.15">
      <c r="A98" s="8">
        <v>76</v>
      </c>
      <c r="B98" s="21">
        <v>69</v>
      </c>
      <c r="C98" s="6">
        <v>70</v>
      </c>
      <c r="D98" s="5">
        <v>139</v>
      </c>
    </row>
    <row r="99" spans="1:4" ht="18" customHeight="1" x14ac:dyDescent="0.15">
      <c r="A99" s="8">
        <v>77</v>
      </c>
      <c r="B99" s="21">
        <v>62</v>
      </c>
      <c r="C99" s="6">
        <v>73</v>
      </c>
      <c r="D99" s="5">
        <v>135</v>
      </c>
    </row>
    <row r="100" spans="1:4" ht="18" customHeight="1" x14ac:dyDescent="0.15">
      <c r="A100" s="8">
        <v>78</v>
      </c>
      <c r="B100" s="21">
        <v>58</v>
      </c>
      <c r="C100" s="6">
        <v>83</v>
      </c>
      <c r="D100" s="5">
        <v>141</v>
      </c>
    </row>
    <row r="101" spans="1:4" ht="18" customHeight="1" x14ac:dyDescent="0.15">
      <c r="A101" s="8">
        <v>79</v>
      </c>
      <c r="B101" s="21">
        <v>28</v>
      </c>
      <c r="C101" s="6">
        <v>43</v>
      </c>
      <c r="D101" s="5">
        <v>71</v>
      </c>
    </row>
    <row r="102" spans="1:4" ht="18" customHeight="1" x14ac:dyDescent="0.15">
      <c r="A102" s="8" t="s">
        <v>8</v>
      </c>
      <c r="B102" s="21">
        <v>261</v>
      </c>
      <c r="C102" s="6">
        <v>318</v>
      </c>
      <c r="D102" s="5">
        <v>579</v>
      </c>
    </row>
    <row r="103" spans="1:4" ht="18" customHeight="1" x14ac:dyDescent="0.15">
      <c r="A103" s="8">
        <v>80</v>
      </c>
      <c r="B103" s="21">
        <v>26</v>
      </c>
      <c r="C103" s="6">
        <v>39</v>
      </c>
      <c r="D103" s="5">
        <v>65</v>
      </c>
    </row>
    <row r="104" spans="1:4" ht="18" customHeight="1" x14ac:dyDescent="0.15">
      <c r="A104" s="8">
        <v>81</v>
      </c>
      <c r="B104" s="21">
        <v>48</v>
      </c>
      <c r="C104" s="6">
        <v>76</v>
      </c>
      <c r="D104" s="5">
        <v>124</v>
      </c>
    </row>
    <row r="105" spans="1:4" ht="18" customHeight="1" x14ac:dyDescent="0.15">
      <c r="A105" s="8">
        <v>82</v>
      </c>
      <c r="B105" s="21">
        <v>36</v>
      </c>
      <c r="C105" s="6">
        <v>55</v>
      </c>
      <c r="D105" s="5">
        <v>91</v>
      </c>
    </row>
    <row r="106" spans="1:4" ht="18" customHeight="1" x14ac:dyDescent="0.15">
      <c r="A106" s="8">
        <v>83</v>
      </c>
      <c r="B106" s="21">
        <v>37</v>
      </c>
      <c r="C106" s="6">
        <v>54</v>
      </c>
      <c r="D106" s="5">
        <v>91</v>
      </c>
    </row>
    <row r="107" spans="1:4" ht="18" customHeight="1" x14ac:dyDescent="0.15">
      <c r="A107" s="8">
        <v>84</v>
      </c>
      <c r="B107" s="21">
        <v>37</v>
      </c>
      <c r="C107" s="6">
        <v>67</v>
      </c>
      <c r="D107" s="5">
        <v>104</v>
      </c>
    </row>
    <row r="108" spans="1:4" ht="18" customHeight="1" x14ac:dyDescent="0.15">
      <c r="A108" s="8" t="s">
        <v>7</v>
      </c>
      <c r="B108" s="21">
        <v>184</v>
      </c>
      <c r="C108" s="6">
        <v>291</v>
      </c>
      <c r="D108" s="5">
        <v>475</v>
      </c>
    </row>
    <row r="109" spans="1:4" ht="18" customHeight="1" x14ac:dyDescent="0.15">
      <c r="A109" s="8">
        <v>85</v>
      </c>
      <c r="B109" s="21">
        <v>28</v>
      </c>
      <c r="C109" s="6">
        <v>48</v>
      </c>
      <c r="D109" s="5">
        <v>76</v>
      </c>
    </row>
    <row r="110" spans="1:4" ht="18" customHeight="1" x14ac:dyDescent="0.15">
      <c r="A110" s="8">
        <v>86</v>
      </c>
      <c r="B110" s="21">
        <v>21</v>
      </c>
      <c r="C110" s="6">
        <v>41</v>
      </c>
      <c r="D110" s="5">
        <v>62</v>
      </c>
    </row>
    <row r="111" spans="1:4" ht="18" customHeight="1" x14ac:dyDescent="0.15">
      <c r="A111" s="8">
        <v>87</v>
      </c>
      <c r="B111" s="21">
        <v>27</v>
      </c>
      <c r="C111" s="6">
        <v>42</v>
      </c>
      <c r="D111" s="5">
        <v>69</v>
      </c>
    </row>
    <row r="112" spans="1:4" ht="18" customHeight="1" x14ac:dyDescent="0.15">
      <c r="A112" s="8">
        <v>88</v>
      </c>
      <c r="B112" s="21">
        <v>20</v>
      </c>
      <c r="C112" s="6">
        <v>31</v>
      </c>
      <c r="D112" s="5">
        <v>51</v>
      </c>
    </row>
    <row r="113" spans="1:4" ht="18" customHeight="1" x14ac:dyDescent="0.15">
      <c r="A113" s="8">
        <v>89</v>
      </c>
      <c r="B113" s="21">
        <v>23</v>
      </c>
      <c r="C113" s="6">
        <v>34</v>
      </c>
      <c r="D113" s="5">
        <v>57</v>
      </c>
    </row>
    <row r="114" spans="1:4" ht="18" customHeight="1" x14ac:dyDescent="0.15">
      <c r="A114" s="8" t="s">
        <v>6</v>
      </c>
      <c r="B114" s="21">
        <v>119</v>
      </c>
      <c r="C114" s="6">
        <v>196</v>
      </c>
      <c r="D114" s="5">
        <v>315</v>
      </c>
    </row>
    <row r="115" spans="1:4" ht="18" customHeight="1" x14ac:dyDescent="0.15">
      <c r="A115" s="8">
        <v>90</v>
      </c>
      <c r="B115" s="21">
        <v>12</v>
      </c>
      <c r="C115" s="6">
        <v>29</v>
      </c>
      <c r="D115" s="5">
        <v>41</v>
      </c>
    </row>
    <row r="116" spans="1:4" ht="18" customHeight="1" x14ac:dyDescent="0.15">
      <c r="A116" s="8">
        <v>91</v>
      </c>
      <c r="B116" s="21">
        <v>19</v>
      </c>
      <c r="C116" s="6">
        <v>19</v>
      </c>
      <c r="D116" s="5">
        <v>38</v>
      </c>
    </row>
    <row r="117" spans="1:4" ht="18" customHeight="1" x14ac:dyDescent="0.15">
      <c r="A117" s="8">
        <v>92</v>
      </c>
      <c r="B117" s="21">
        <v>5</v>
      </c>
      <c r="C117" s="6">
        <v>27</v>
      </c>
      <c r="D117" s="5">
        <v>32</v>
      </c>
    </row>
    <row r="118" spans="1:4" ht="18" customHeight="1" x14ac:dyDescent="0.15">
      <c r="A118" s="8">
        <v>93</v>
      </c>
      <c r="B118" s="21">
        <v>5</v>
      </c>
      <c r="C118" s="6">
        <v>26</v>
      </c>
      <c r="D118" s="5">
        <v>31</v>
      </c>
    </row>
    <row r="119" spans="1:4" ht="18" customHeight="1" x14ac:dyDescent="0.15">
      <c r="A119" s="8">
        <v>94</v>
      </c>
      <c r="B119" s="21">
        <v>7</v>
      </c>
      <c r="C119" s="6">
        <v>15</v>
      </c>
      <c r="D119" s="5">
        <v>22</v>
      </c>
    </row>
    <row r="120" spans="1:4" ht="18" customHeight="1" x14ac:dyDescent="0.15">
      <c r="A120" s="8" t="s">
        <v>5</v>
      </c>
      <c r="B120" s="21">
        <v>48</v>
      </c>
      <c r="C120" s="6">
        <v>116</v>
      </c>
      <c r="D120" s="5">
        <v>164</v>
      </c>
    </row>
    <row r="121" spans="1:4" ht="18" customHeight="1" x14ac:dyDescent="0.15">
      <c r="A121" s="8">
        <v>95</v>
      </c>
      <c r="B121" s="21">
        <v>3</v>
      </c>
      <c r="C121" s="6">
        <v>16</v>
      </c>
      <c r="D121" s="5">
        <v>19</v>
      </c>
    </row>
    <row r="122" spans="1:4" ht="18" customHeight="1" x14ac:dyDescent="0.15">
      <c r="A122" s="8">
        <v>96</v>
      </c>
      <c r="B122" s="21">
        <v>3</v>
      </c>
      <c r="C122" s="6">
        <v>15</v>
      </c>
      <c r="D122" s="5">
        <v>18</v>
      </c>
    </row>
    <row r="123" spans="1:4" ht="18" customHeight="1" x14ac:dyDescent="0.15">
      <c r="A123" s="8">
        <v>97</v>
      </c>
      <c r="B123" s="21">
        <v>2</v>
      </c>
      <c r="C123" s="6">
        <v>10</v>
      </c>
      <c r="D123" s="5">
        <v>12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8</v>
      </c>
      <c r="C126" s="6">
        <v>49</v>
      </c>
      <c r="D126" s="5">
        <v>5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1039</v>
      </c>
      <c r="C130" s="6">
        <v>1423</v>
      </c>
      <c r="D130" s="5">
        <v>2462</v>
      </c>
    </row>
    <row r="131" spans="1:4" ht="18" customHeight="1" x14ac:dyDescent="0.15">
      <c r="A131" s="4" t="s">
        <v>0</v>
      </c>
      <c r="B131" s="20">
        <v>3870</v>
      </c>
      <c r="C131" s="2">
        <v>4100</v>
      </c>
      <c r="D131" s="1">
        <v>797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25C78C-3F33-45F7-BACB-1DDBB0A3C5E4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8</v>
      </c>
      <c r="C5" s="11">
        <v>14</v>
      </c>
      <c r="D5" s="10">
        <v>32</v>
      </c>
    </row>
    <row r="6" spans="1:4" ht="18" customHeight="1" x14ac:dyDescent="0.15">
      <c r="A6" s="8">
        <v>1</v>
      </c>
      <c r="B6" s="21">
        <v>24</v>
      </c>
      <c r="C6" s="6">
        <v>20</v>
      </c>
      <c r="D6" s="5">
        <v>44</v>
      </c>
    </row>
    <row r="7" spans="1:4" ht="18" customHeight="1" x14ac:dyDescent="0.15">
      <c r="A7" s="8">
        <v>2</v>
      </c>
      <c r="B7" s="21">
        <v>18</v>
      </c>
      <c r="C7" s="6">
        <v>21</v>
      </c>
      <c r="D7" s="5">
        <v>39</v>
      </c>
    </row>
    <row r="8" spans="1:4" ht="18" customHeight="1" x14ac:dyDescent="0.15">
      <c r="A8" s="8">
        <v>3</v>
      </c>
      <c r="B8" s="21">
        <v>16</v>
      </c>
      <c r="C8" s="6">
        <v>13</v>
      </c>
      <c r="D8" s="5">
        <v>29</v>
      </c>
    </row>
    <row r="9" spans="1:4" ht="18" customHeight="1" x14ac:dyDescent="0.15">
      <c r="A9" s="8">
        <v>4</v>
      </c>
      <c r="B9" s="21">
        <v>19</v>
      </c>
      <c r="C9" s="6">
        <v>23</v>
      </c>
      <c r="D9" s="5">
        <v>42</v>
      </c>
    </row>
    <row r="10" spans="1:4" ht="18" customHeight="1" x14ac:dyDescent="0.15">
      <c r="A10" s="8" t="s">
        <v>25</v>
      </c>
      <c r="B10" s="21">
        <v>95</v>
      </c>
      <c r="C10" s="6">
        <v>91</v>
      </c>
      <c r="D10" s="5">
        <v>186</v>
      </c>
    </row>
    <row r="11" spans="1:4" ht="18" customHeight="1" x14ac:dyDescent="0.15">
      <c r="A11" s="8">
        <v>5</v>
      </c>
      <c r="B11" s="21">
        <v>18</v>
      </c>
      <c r="C11" s="6">
        <v>31</v>
      </c>
      <c r="D11" s="5">
        <v>49</v>
      </c>
    </row>
    <row r="12" spans="1:4" ht="18" customHeight="1" x14ac:dyDescent="0.15">
      <c r="A12" s="8">
        <v>6</v>
      </c>
      <c r="B12" s="21">
        <v>23</v>
      </c>
      <c r="C12" s="6">
        <v>28</v>
      </c>
      <c r="D12" s="5">
        <v>51</v>
      </c>
    </row>
    <row r="13" spans="1:4" ht="18" customHeight="1" x14ac:dyDescent="0.15">
      <c r="A13" s="8">
        <v>7</v>
      </c>
      <c r="B13" s="21">
        <v>22</v>
      </c>
      <c r="C13" s="6">
        <v>37</v>
      </c>
      <c r="D13" s="5">
        <v>59</v>
      </c>
    </row>
    <row r="14" spans="1:4" ht="18" customHeight="1" x14ac:dyDescent="0.15">
      <c r="A14" s="8">
        <v>8</v>
      </c>
      <c r="B14" s="21">
        <v>24</v>
      </c>
      <c r="C14" s="6">
        <v>27</v>
      </c>
      <c r="D14" s="5">
        <v>51</v>
      </c>
    </row>
    <row r="15" spans="1:4" ht="18" customHeight="1" x14ac:dyDescent="0.15">
      <c r="A15" s="8">
        <v>9</v>
      </c>
      <c r="B15" s="21">
        <v>30</v>
      </c>
      <c r="C15" s="6">
        <v>34</v>
      </c>
      <c r="D15" s="5">
        <v>64</v>
      </c>
    </row>
    <row r="16" spans="1:4" ht="18" customHeight="1" x14ac:dyDescent="0.15">
      <c r="A16" s="8" t="s">
        <v>24</v>
      </c>
      <c r="B16" s="21">
        <v>117</v>
      </c>
      <c r="C16" s="6">
        <v>157</v>
      </c>
      <c r="D16" s="5">
        <v>274</v>
      </c>
    </row>
    <row r="17" spans="1:4" ht="18" customHeight="1" x14ac:dyDescent="0.15">
      <c r="A17" s="8">
        <v>10</v>
      </c>
      <c r="B17" s="21">
        <v>32</v>
      </c>
      <c r="C17" s="6">
        <v>26</v>
      </c>
      <c r="D17" s="5">
        <v>58</v>
      </c>
    </row>
    <row r="18" spans="1:4" ht="18" customHeight="1" x14ac:dyDescent="0.15">
      <c r="A18" s="8">
        <v>11</v>
      </c>
      <c r="B18" s="21">
        <v>31</v>
      </c>
      <c r="C18" s="6">
        <v>24</v>
      </c>
      <c r="D18" s="5">
        <v>55</v>
      </c>
    </row>
    <row r="19" spans="1:4" ht="18" customHeight="1" x14ac:dyDescent="0.15">
      <c r="A19" s="8">
        <v>12</v>
      </c>
      <c r="B19" s="21">
        <v>21</v>
      </c>
      <c r="C19" s="6">
        <v>18</v>
      </c>
      <c r="D19" s="5">
        <v>39</v>
      </c>
    </row>
    <row r="20" spans="1:4" ht="18" customHeight="1" x14ac:dyDescent="0.15">
      <c r="A20" s="8">
        <v>13</v>
      </c>
      <c r="B20" s="21">
        <v>22</v>
      </c>
      <c r="C20" s="6">
        <v>30</v>
      </c>
      <c r="D20" s="5">
        <v>52</v>
      </c>
    </row>
    <row r="21" spans="1:4" ht="18" customHeight="1" x14ac:dyDescent="0.15">
      <c r="A21" s="8">
        <v>14</v>
      </c>
      <c r="B21" s="21">
        <v>29</v>
      </c>
      <c r="C21" s="6">
        <v>23</v>
      </c>
      <c r="D21" s="5">
        <v>52</v>
      </c>
    </row>
    <row r="22" spans="1:4" ht="18" customHeight="1" x14ac:dyDescent="0.15">
      <c r="A22" s="8" t="s">
        <v>23</v>
      </c>
      <c r="B22" s="21">
        <v>135</v>
      </c>
      <c r="C22" s="6">
        <v>121</v>
      </c>
      <c r="D22" s="5">
        <v>256</v>
      </c>
    </row>
    <row r="23" spans="1:4" ht="18" customHeight="1" x14ac:dyDescent="0.15">
      <c r="A23" s="8" t="s">
        <v>22</v>
      </c>
      <c r="B23" s="21">
        <v>347</v>
      </c>
      <c r="C23" s="6">
        <v>369</v>
      </c>
      <c r="D23" s="5">
        <v>716</v>
      </c>
    </row>
    <row r="24" spans="1:4" ht="18" customHeight="1" x14ac:dyDescent="0.15">
      <c r="A24" s="8">
        <v>15</v>
      </c>
      <c r="B24" s="21">
        <v>31</v>
      </c>
      <c r="C24" s="6">
        <v>21</v>
      </c>
      <c r="D24" s="5">
        <v>52</v>
      </c>
    </row>
    <row r="25" spans="1:4" ht="18" customHeight="1" x14ac:dyDescent="0.15">
      <c r="A25" s="8">
        <v>16</v>
      </c>
      <c r="B25" s="21">
        <v>26</v>
      </c>
      <c r="C25" s="6">
        <v>20</v>
      </c>
      <c r="D25" s="5">
        <v>46</v>
      </c>
    </row>
    <row r="26" spans="1:4" ht="18" customHeight="1" x14ac:dyDescent="0.15">
      <c r="A26" s="8">
        <v>17</v>
      </c>
      <c r="B26" s="21">
        <v>30</v>
      </c>
      <c r="C26" s="6">
        <v>30</v>
      </c>
      <c r="D26" s="5">
        <v>60</v>
      </c>
    </row>
    <row r="27" spans="1:4" ht="18" customHeight="1" x14ac:dyDescent="0.15">
      <c r="A27" s="8">
        <v>18</v>
      </c>
      <c r="B27" s="21">
        <v>26</v>
      </c>
      <c r="C27" s="6">
        <v>29</v>
      </c>
      <c r="D27" s="5">
        <v>55</v>
      </c>
    </row>
    <row r="28" spans="1:4" ht="18" customHeight="1" x14ac:dyDescent="0.15">
      <c r="A28" s="8">
        <v>19</v>
      </c>
      <c r="B28" s="21">
        <v>34</v>
      </c>
      <c r="C28" s="6">
        <v>27</v>
      </c>
      <c r="D28" s="5">
        <v>61</v>
      </c>
    </row>
    <row r="29" spans="1:4" ht="18" customHeight="1" x14ac:dyDescent="0.15">
      <c r="A29" s="8" t="s">
        <v>21</v>
      </c>
      <c r="B29" s="21">
        <v>147</v>
      </c>
      <c r="C29" s="6">
        <v>127</v>
      </c>
      <c r="D29" s="5">
        <v>274</v>
      </c>
    </row>
    <row r="30" spans="1:4" ht="18" customHeight="1" x14ac:dyDescent="0.15">
      <c r="A30" s="8">
        <v>20</v>
      </c>
      <c r="B30" s="21">
        <v>22</v>
      </c>
      <c r="C30" s="6">
        <v>22</v>
      </c>
      <c r="D30" s="5">
        <v>44</v>
      </c>
    </row>
    <row r="31" spans="1:4" ht="18" customHeight="1" x14ac:dyDescent="0.15">
      <c r="A31" s="8">
        <v>21</v>
      </c>
      <c r="B31" s="21">
        <v>33</v>
      </c>
      <c r="C31" s="6">
        <v>34</v>
      </c>
      <c r="D31" s="5">
        <v>67</v>
      </c>
    </row>
    <row r="32" spans="1:4" ht="18" customHeight="1" x14ac:dyDescent="0.15">
      <c r="A32" s="8">
        <v>22</v>
      </c>
      <c r="B32" s="21">
        <v>33</v>
      </c>
      <c r="C32" s="6">
        <v>28</v>
      </c>
      <c r="D32" s="5">
        <v>61</v>
      </c>
    </row>
    <row r="33" spans="1:4" ht="18" customHeight="1" x14ac:dyDescent="0.15">
      <c r="A33" s="8">
        <v>23</v>
      </c>
      <c r="B33" s="21">
        <v>36</v>
      </c>
      <c r="C33" s="6">
        <v>27</v>
      </c>
      <c r="D33" s="5">
        <v>63</v>
      </c>
    </row>
    <row r="34" spans="1:4" ht="18" customHeight="1" x14ac:dyDescent="0.15">
      <c r="A34" s="8">
        <v>24</v>
      </c>
      <c r="B34" s="21">
        <v>29</v>
      </c>
      <c r="C34" s="6">
        <v>28</v>
      </c>
      <c r="D34" s="5">
        <v>57</v>
      </c>
    </row>
    <row r="35" spans="1:4" ht="18" customHeight="1" x14ac:dyDescent="0.15">
      <c r="A35" s="8" t="s">
        <v>20</v>
      </c>
      <c r="B35" s="21">
        <v>153</v>
      </c>
      <c r="C35" s="6">
        <v>139</v>
      </c>
      <c r="D35" s="5">
        <v>292</v>
      </c>
    </row>
    <row r="36" spans="1:4" ht="18" customHeight="1" x14ac:dyDescent="0.15">
      <c r="A36" s="8">
        <v>25</v>
      </c>
      <c r="B36" s="21">
        <v>34</v>
      </c>
      <c r="C36" s="6">
        <v>27</v>
      </c>
      <c r="D36" s="5">
        <v>61</v>
      </c>
    </row>
    <row r="37" spans="1:4" ht="18" customHeight="1" x14ac:dyDescent="0.15">
      <c r="A37" s="8">
        <v>26</v>
      </c>
      <c r="B37" s="21">
        <v>32</v>
      </c>
      <c r="C37" s="6">
        <v>23</v>
      </c>
      <c r="D37" s="5">
        <v>55</v>
      </c>
    </row>
    <row r="38" spans="1:4" ht="18" customHeight="1" x14ac:dyDescent="0.15">
      <c r="A38" s="8">
        <v>27</v>
      </c>
      <c r="B38" s="21">
        <v>25</v>
      </c>
      <c r="C38" s="6">
        <v>22</v>
      </c>
      <c r="D38" s="5">
        <v>47</v>
      </c>
    </row>
    <row r="39" spans="1:4" ht="18" customHeight="1" x14ac:dyDescent="0.15">
      <c r="A39" s="8">
        <v>28</v>
      </c>
      <c r="B39" s="21">
        <v>28</v>
      </c>
      <c r="C39" s="6">
        <v>29</v>
      </c>
      <c r="D39" s="5">
        <v>57</v>
      </c>
    </row>
    <row r="40" spans="1:4" ht="18" customHeight="1" x14ac:dyDescent="0.15">
      <c r="A40" s="8">
        <v>29</v>
      </c>
      <c r="B40" s="21">
        <v>18</v>
      </c>
      <c r="C40" s="6">
        <v>27</v>
      </c>
      <c r="D40" s="5">
        <v>45</v>
      </c>
    </row>
    <row r="41" spans="1:4" ht="18" customHeight="1" x14ac:dyDescent="0.15">
      <c r="A41" s="8" t="s">
        <v>19</v>
      </c>
      <c r="B41" s="21">
        <v>137</v>
      </c>
      <c r="C41" s="6">
        <v>128</v>
      </c>
      <c r="D41" s="5">
        <v>265</v>
      </c>
    </row>
    <row r="42" spans="1:4" ht="18" customHeight="1" x14ac:dyDescent="0.15">
      <c r="A42" s="8">
        <v>30</v>
      </c>
      <c r="B42" s="21">
        <v>21</v>
      </c>
      <c r="C42" s="6">
        <v>21</v>
      </c>
      <c r="D42" s="5">
        <v>42</v>
      </c>
    </row>
    <row r="43" spans="1:4" ht="18" customHeight="1" x14ac:dyDescent="0.15">
      <c r="A43" s="8">
        <v>31</v>
      </c>
      <c r="B43" s="21">
        <v>34</v>
      </c>
      <c r="C43" s="6">
        <v>26</v>
      </c>
      <c r="D43" s="5">
        <v>60</v>
      </c>
    </row>
    <row r="44" spans="1:4" ht="18" customHeight="1" x14ac:dyDescent="0.15">
      <c r="A44" s="8">
        <v>32</v>
      </c>
      <c r="B44" s="21">
        <v>27</v>
      </c>
      <c r="C44" s="6">
        <v>24</v>
      </c>
      <c r="D44" s="5">
        <v>51</v>
      </c>
    </row>
    <row r="45" spans="1:4" ht="18" customHeight="1" x14ac:dyDescent="0.15">
      <c r="A45" s="8">
        <v>33</v>
      </c>
      <c r="B45" s="21">
        <v>21</v>
      </c>
      <c r="C45" s="6">
        <v>24</v>
      </c>
      <c r="D45" s="5">
        <v>45</v>
      </c>
    </row>
    <row r="46" spans="1:4" ht="18" customHeight="1" x14ac:dyDescent="0.15">
      <c r="A46" s="8">
        <v>34</v>
      </c>
      <c r="B46" s="21">
        <v>28</v>
      </c>
      <c r="C46" s="6">
        <v>24</v>
      </c>
      <c r="D46" s="5">
        <v>52</v>
      </c>
    </row>
    <row r="47" spans="1:4" ht="18" customHeight="1" x14ac:dyDescent="0.15">
      <c r="A47" s="8" t="s">
        <v>18</v>
      </c>
      <c r="B47" s="21">
        <v>131</v>
      </c>
      <c r="C47" s="6">
        <v>119</v>
      </c>
      <c r="D47" s="5">
        <v>250</v>
      </c>
    </row>
    <row r="48" spans="1:4" ht="18" customHeight="1" x14ac:dyDescent="0.15">
      <c r="A48" s="8">
        <v>35</v>
      </c>
      <c r="B48" s="21">
        <v>34</v>
      </c>
      <c r="C48" s="6">
        <v>29</v>
      </c>
      <c r="D48" s="5">
        <v>63</v>
      </c>
    </row>
    <row r="49" spans="1:4" ht="18" customHeight="1" x14ac:dyDescent="0.15">
      <c r="A49" s="8">
        <v>36</v>
      </c>
      <c r="B49" s="21">
        <v>24</v>
      </c>
      <c r="C49" s="6">
        <v>29</v>
      </c>
      <c r="D49" s="5">
        <v>53</v>
      </c>
    </row>
    <row r="50" spans="1:4" ht="18" customHeight="1" x14ac:dyDescent="0.15">
      <c r="A50" s="8">
        <v>37</v>
      </c>
      <c r="B50" s="21">
        <v>36</v>
      </c>
      <c r="C50" s="6">
        <v>28</v>
      </c>
      <c r="D50" s="5">
        <v>64</v>
      </c>
    </row>
    <row r="51" spans="1:4" ht="18" customHeight="1" x14ac:dyDescent="0.15">
      <c r="A51" s="8">
        <v>38</v>
      </c>
      <c r="B51" s="21">
        <v>29</v>
      </c>
      <c r="C51" s="6">
        <v>38</v>
      </c>
      <c r="D51" s="5">
        <v>67</v>
      </c>
    </row>
    <row r="52" spans="1:4" ht="18" customHeight="1" x14ac:dyDescent="0.15">
      <c r="A52" s="8">
        <v>39</v>
      </c>
      <c r="B52" s="21">
        <v>29</v>
      </c>
      <c r="C52" s="6">
        <v>29</v>
      </c>
      <c r="D52" s="5">
        <v>58</v>
      </c>
    </row>
    <row r="53" spans="1:4" ht="18" customHeight="1" x14ac:dyDescent="0.15">
      <c r="A53" s="8" t="s">
        <v>17</v>
      </c>
      <c r="B53" s="21">
        <v>152</v>
      </c>
      <c r="C53" s="6">
        <v>153</v>
      </c>
      <c r="D53" s="5">
        <v>305</v>
      </c>
    </row>
    <row r="54" spans="1:4" ht="18" customHeight="1" x14ac:dyDescent="0.15">
      <c r="A54" s="8">
        <v>40</v>
      </c>
      <c r="B54" s="21">
        <v>27</v>
      </c>
      <c r="C54" s="6">
        <v>28</v>
      </c>
      <c r="D54" s="5">
        <v>55</v>
      </c>
    </row>
    <row r="55" spans="1:4" ht="18" customHeight="1" x14ac:dyDescent="0.15">
      <c r="A55" s="8">
        <v>41</v>
      </c>
      <c r="B55" s="21">
        <v>36</v>
      </c>
      <c r="C55" s="6">
        <v>31</v>
      </c>
      <c r="D55" s="5">
        <v>67</v>
      </c>
    </row>
    <row r="56" spans="1:4" ht="18" customHeight="1" x14ac:dyDescent="0.15">
      <c r="A56" s="8">
        <v>42</v>
      </c>
      <c r="B56" s="21">
        <v>35</v>
      </c>
      <c r="C56" s="6">
        <v>28</v>
      </c>
      <c r="D56" s="5">
        <v>63</v>
      </c>
    </row>
    <row r="57" spans="1:4" ht="18" customHeight="1" x14ac:dyDescent="0.15">
      <c r="A57" s="8">
        <v>43</v>
      </c>
      <c r="B57" s="21">
        <v>31</v>
      </c>
      <c r="C57" s="6">
        <v>44</v>
      </c>
      <c r="D57" s="5">
        <v>75</v>
      </c>
    </row>
    <row r="58" spans="1:4" ht="18" customHeight="1" x14ac:dyDescent="0.15">
      <c r="A58" s="8">
        <v>44</v>
      </c>
      <c r="B58" s="21">
        <v>28</v>
      </c>
      <c r="C58" s="6">
        <v>35</v>
      </c>
      <c r="D58" s="5">
        <v>63</v>
      </c>
    </row>
    <row r="59" spans="1:4" ht="18" customHeight="1" x14ac:dyDescent="0.15">
      <c r="A59" s="8" t="s">
        <v>16</v>
      </c>
      <c r="B59" s="21">
        <v>157</v>
      </c>
      <c r="C59" s="6">
        <v>166</v>
      </c>
      <c r="D59" s="5">
        <v>323</v>
      </c>
    </row>
    <row r="60" spans="1:4" ht="18" customHeight="1" x14ac:dyDescent="0.15">
      <c r="A60" s="8">
        <v>45</v>
      </c>
      <c r="B60" s="21">
        <v>32</v>
      </c>
      <c r="C60" s="6">
        <v>28</v>
      </c>
      <c r="D60" s="5">
        <v>60</v>
      </c>
    </row>
    <row r="61" spans="1:4" ht="18" customHeight="1" x14ac:dyDescent="0.15">
      <c r="A61" s="8">
        <v>46</v>
      </c>
      <c r="B61" s="21">
        <v>33</v>
      </c>
      <c r="C61" s="6">
        <v>35</v>
      </c>
      <c r="D61" s="5">
        <v>68</v>
      </c>
    </row>
    <row r="62" spans="1:4" ht="18" customHeight="1" x14ac:dyDescent="0.15">
      <c r="A62" s="8">
        <v>47</v>
      </c>
      <c r="B62" s="21">
        <v>28</v>
      </c>
      <c r="C62" s="6">
        <v>32</v>
      </c>
      <c r="D62" s="5">
        <v>60</v>
      </c>
    </row>
    <row r="63" spans="1:4" ht="18" customHeight="1" x14ac:dyDescent="0.15">
      <c r="A63" s="8">
        <v>48</v>
      </c>
      <c r="B63" s="21">
        <v>41</v>
      </c>
      <c r="C63" s="6">
        <v>39</v>
      </c>
      <c r="D63" s="5">
        <v>80</v>
      </c>
    </row>
    <row r="64" spans="1:4" ht="18" customHeight="1" x14ac:dyDescent="0.15">
      <c r="A64" s="8">
        <v>49</v>
      </c>
      <c r="B64" s="21">
        <v>41</v>
      </c>
      <c r="C64" s="6">
        <v>37</v>
      </c>
      <c r="D64" s="5">
        <v>78</v>
      </c>
    </row>
    <row r="65" spans="1:4" ht="18" customHeight="1" x14ac:dyDescent="0.15">
      <c r="A65" s="8" t="s">
        <v>15</v>
      </c>
      <c r="B65" s="21">
        <v>175</v>
      </c>
      <c r="C65" s="6">
        <v>171</v>
      </c>
      <c r="D65" s="5">
        <v>346</v>
      </c>
    </row>
    <row r="66" spans="1:4" ht="18" customHeight="1" x14ac:dyDescent="0.15">
      <c r="A66" s="8">
        <v>50</v>
      </c>
      <c r="B66" s="21">
        <v>46</v>
      </c>
      <c r="C66" s="6">
        <v>42</v>
      </c>
      <c r="D66" s="5">
        <v>88</v>
      </c>
    </row>
    <row r="67" spans="1:4" ht="18" customHeight="1" x14ac:dyDescent="0.15">
      <c r="A67" s="8">
        <v>51</v>
      </c>
      <c r="B67" s="21">
        <v>47</v>
      </c>
      <c r="C67" s="6">
        <v>47</v>
      </c>
      <c r="D67" s="5">
        <v>94</v>
      </c>
    </row>
    <row r="68" spans="1:4" ht="18" customHeight="1" x14ac:dyDescent="0.15">
      <c r="A68" s="8">
        <v>52</v>
      </c>
      <c r="B68" s="21">
        <v>52</v>
      </c>
      <c r="C68" s="6">
        <v>50</v>
      </c>
      <c r="D68" s="5">
        <v>102</v>
      </c>
    </row>
    <row r="69" spans="1:4" ht="18" customHeight="1" x14ac:dyDescent="0.15">
      <c r="A69" s="8">
        <v>53</v>
      </c>
      <c r="B69" s="21">
        <v>53</v>
      </c>
      <c r="C69" s="6">
        <v>50</v>
      </c>
      <c r="D69" s="5">
        <v>103</v>
      </c>
    </row>
    <row r="70" spans="1:4" ht="18" customHeight="1" x14ac:dyDescent="0.15">
      <c r="A70" s="8">
        <v>54</v>
      </c>
      <c r="B70" s="21">
        <v>41</v>
      </c>
      <c r="C70" s="6">
        <v>37</v>
      </c>
      <c r="D70" s="5">
        <v>78</v>
      </c>
    </row>
    <row r="71" spans="1:4" ht="18" customHeight="1" x14ac:dyDescent="0.15">
      <c r="A71" s="8" t="s">
        <v>14</v>
      </c>
      <c r="B71" s="21">
        <v>239</v>
      </c>
      <c r="C71" s="6">
        <v>226</v>
      </c>
      <c r="D71" s="5">
        <v>465</v>
      </c>
    </row>
    <row r="72" spans="1:4" ht="18" customHeight="1" x14ac:dyDescent="0.15">
      <c r="A72" s="8">
        <v>55</v>
      </c>
      <c r="B72" s="21">
        <v>59</v>
      </c>
      <c r="C72" s="6">
        <v>34</v>
      </c>
      <c r="D72" s="5">
        <v>93</v>
      </c>
    </row>
    <row r="73" spans="1:4" ht="18" customHeight="1" x14ac:dyDescent="0.15">
      <c r="A73" s="8">
        <v>56</v>
      </c>
      <c r="B73" s="21">
        <v>34</v>
      </c>
      <c r="C73" s="6">
        <v>45</v>
      </c>
      <c r="D73" s="5">
        <v>79</v>
      </c>
    </row>
    <row r="74" spans="1:4" ht="18" customHeight="1" x14ac:dyDescent="0.15">
      <c r="A74" s="8">
        <v>57</v>
      </c>
      <c r="B74" s="21">
        <v>36</v>
      </c>
      <c r="C74" s="6">
        <v>39</v>
      </c>
      <c r="D74" s="5">
        <v>75</v>
      </c>
    </row>
    <row r="75" spans="1:4" ht="18" customHeight="1" x14ac:dyDescent="0.15">
      <c r="A75" s="8">
        <v>58</v>
      </c>
      <c r="B75" s="21">
        <v>40</v>
      </c>
      <c r="C75" s="6">
        <v>45</v>
      </c>
      <c r="D75" s="5">
        <v>85</v>
      </c>
    </row>
    <row r="76" spans="1:4" ht="18" customHeight="1" x14ac:dyDescent="0.15">
      <c r="A76" s="8">
        <v>59</v>
      </c>
      <c r="B76" s="21">
        <v>25</v>
      </c>
      <c r="C76" s="6">
        <v>20</v>
      </c>
      <c r="D76" s="5">
        <v>45</v>
      </c>
    </row>
    <row r="77" spans="1:4" ht="18" customHeight="1" x14ac:dyDescent="0.15">
      <c r="A77" s="8" t="s">
        <v>13</v>
      </c>
      <c r="B77" s="21">
        <v>194</v>
      </c>
      <c r="C77" s="6">
        <v>183</v>
      </c>
      <c r="D77" s="5">
        <v>377</v>
      </c>
    </row>
    <row r="78" spans="1:4" ht="18" customHeight="1" x14ac:dyDescent="0.15">
      <c r="A78" s="8">
        <v>60</v>
      </c>
      <c r="B78" s="21">
        <v>47</v>
      </c>
      <c r="C78" s="6">
        <v>42</v>
      </c>
      <c r="D78" s="5">
        <v>89</v>
      </c>
    </row>
    <row r="79" spans="1:4" ht="18" customHeight="1" x14ac:dyDescent="0.15">
      <c r="A79" s="8">
        <v>61</v>
      </c>
      <c r="B79" s="21">
        <v>27</v>
      </c>
      <c r="C79" s="6">
        <v>42</v>
      </c>
      <c r="D79" s="5">
        <v>69</v>
      </c>
    </row>
    <row r="80" spans="1:4" ht="18" customHeight="1" x14ac:dyDescent="0.15">
      <c r="A80" s="8">
        <v>62</v>
      </c>
      <c r="B80" s="21">
        <v>41</v>
      </c>
      <c r="C80" s="6">
        <v>31</v>
      </c>
      <c r="D80" s="5">
        <v>72</v>
      </c>
    </row>
    <row r="81" spans="1:4" ht="18" customHeight="1" x14ac:dyDescent="0.15">
      <c r="A81" s="8">
        <v>63</v>
      </c>
      <c r="B81" s="21">
        <v>30</v>
      </c>
      <c r="C81" s="6">
        <v>25</v>
      </c>
      <c r="D81" s="5">
        <v>55</v>
      </c>
    </row>
    <row r="82" spans="1:4" ht="18" customHeight="1" x14ac:dyDescent="0.15">
      <c r="A82" s="8">
        <v>64</v>
      </c>
      <c r="B82" s="21">
        <v>38</v>
      </c>
      <c r="C82" s="6">
        <v>30</v>
      </c>
      <c r="D82" s="5">
        <v>68</v>
      </c>
    </row>
    <row r="83" spans="1:4" ht="18" customHeight="1" x14ac:dyDescent="0.15">
      <c r="A83" s="8" t="s">
        <v>12</v>
      </c>
      <c r="B83" s="21">
        <v>183</v>
      </c>
      <c r="C83" s="6">
        <v>170</v>
      </c>
      <c r="D83" s="5">
        <v>353</v>
      </c>
    </row>
    <row r="84" spans="1:4" ht="18" customHeight="1" x14ac:dyDescent="0.15">
      <c r="A84" s="8" t="s">
        <v>11</v>
      </c>
      <c r="B84" s="21">
        <v>1668</v>
      </c>
      <c r="C84" s="6">
        <v>1582</v>
      </c>
      <c r="D84" s="5">
        <v>3250</v>
      </c>
    </row>
    <row r="85" spans="1:4" ht="18" customHeight="1" x14ac:dyDescent="0.15">
      <c r="A85" s="8">
        <v>65</v>
      </c>
      <c r="B85" s="21">
        <v>39</v>
      </c>
      <c r="C85" s="6">
        <v>30</v>
      </c>
      <c r="D85" s="5">
        <v>69</v>
      </c>
    </row>
    <row r="86" spans="1:4" ht="18" customHeight="1" x14ac:dyDescent="0.15">
      <c r="A86" s="8">
        <v>66</v>
      </c>
      <c r="B86" s="21">
        <v>28</v>
      </c>
      <c r="C86" s="6">
        <v>35</v>
      </c>
      <c r="D86" s="5">
        <v>63</v>
      </c>
    </row>
    <row r="87" spans="1:4" ht="18" customHeight="1" x14ac:dyDescent="0.15">
      <c r="A87" s="8">
        <v>67</v>
      </c>
      <c r="B87" s="21">
        <v>29</v>
      </c>
      <c r="C87" s="6">
        <v>29</v>
      </c>
      <c r="D87" s="5">
        <v>58</v>
      </c>
    </row>
    <row r="88" spans="1:4" ht="18" customHeight="1" x14ac:dyDescent="0.15">
      <c r="A88" s="8">
        <v>68</v>
      </c>
      <c r="B88" s="21">
        <v>30</v>
      </c>
      <c r="C88" s="6">
        <v>34</v>
      </c>
      <c r="D88" s="5">
        <v>64</v>
      </c>
    </row>
    <row r="89" spans="1:4" ht="18" customHeight="1" x14ac:dyDescent="0.15">
      <c r="A89" s="8">
        <v>69</v>
      </c>
      <c r="B89" s="21">
        <v>21</v>
      </c>
      <c r="C89" s="6">
        <v>36</v>
      </c>
      <c r="D89" s="5">
        <v>57</v>
      </c>
    </row>
    <row r="90" spans="1:4" ht="18" customHeight="1" x14ac:dyDescent="0.15">
      <c r="A90" s="8" t="s">
        <v>10</v>
      </c>
      <c r="B90" s="21">
        <v>147</v>
      </c>
      <c r="C90" s="6">
        <v>164</v>
      </c>
      <c r="D90" s="5">
        <v>311</v>
      </c>
    </row>
    <row r="91" spans="1:4" ht="18" customHeight="1" x14ac:dyDescent="0.15">
      <c r="A91" s="8">
        <v>70</v>
      </c>
      <c r="B91" s="21">
        <v>38</v>
      </c>
      <c r="C91" s="6">
        <v>36</v>
      </c>
      <c r="D91" s="5">
        <v>74</v>
      </c>
    </row>
    <row r="92" spans="1:4" ht="18" customHeight="1" x14ac:dyDescent="0.15">
      <c r="A92" s="8">
        <v>71</v>
      </c>
      <c r="B92" s="21">
        <v>34</v>
      </c>
      <c r="C92" s="6">
        <v>32</v>
      </c>
      <c r="D92" s="5">
        <v>66</v>
      </c>
    </row>
    <row r="93" spans="1:4" ht="18" customHeight="1" x14ac:dyDescent="0.15">
      <c r="A93" s="8">
        <v>72</v>
      </c>
      <c r="B93" s="21">
        <v>31</v>
      </c>
      <c r="C93" s="6">
        <v>34</v>
      </c>
      <c r="D93" s="5">
        <v>65</v>
      </c>
    </row>
    <row r="94" spans="1:4" ht="18" customHeight="1" x14ac:dyDescent="0.15">
      <c r="A94" s="8">
        <v>73</v>
      </c>
      <c r="B94" s="21">
        <v>38</v>
      </c>
      <c r="C94" s="6">
        <v>34</v>
      </c>
      <c r="D94" s="5">
        <v>72</v>
      </c>
    </row>
    <row r="95" spans="1:4" ht="18" customHeight="1" x14ac:dyDescent="0.15">
      <c r="A95" s="8">
        <v>74</v>
      </c>
      <c r="B95" s="21">
        <v>26</v>
      </c>
      <c r="C95" s="6">
        <v>34</v>
      </c>
      <c r="D95" s="5">
        <v>60</v>
      </c>
    </row>
    <row r="96" spans="1:4" ht="18" customHeight="1" x14ac:dyDescent="0.15">
      <c r="A96" s="8" t="s">
        <v>9</v>
      </c>
      <c r="B96" s="21">
        <v>167</v>
      </c>
      <c r="C96" s="6">
        <v>170</v>
      </c>
      <c r="D96" s="5">
        <v>337</v>
      </c>
    </row>
    <row r="97" spans="1:4" ht="18" customHeight="1" x14ac:dyDescent="0.15">
      <c r="A97" s="8">
        <v>75</v>
      </c>
      <c r="B97" s="21">
        <v>29</v>
      </c>
      <c r="C97" s="6">
        <v>43</v>
      </c>
      <c r="D97" s="5">
        <v>72</v>
      </c>
    </row>
    <row r="98" spans="1:4" ht="18" customHeight="1" x14ac:dyDescent="0.15">
      <c r="A98" s="8">
        <v>76</v>
      </c>
      <c r="B98" s="21">
        <v>27</v>
      </c>
      <c r="C98" s="6">
        <v>39</v>
      </c>
      <c r="D98" s="5">
        <v>66</v>
      </c>
    </row>
    <row r="99" spans="1:4" ht="18" customHeight="1" x14ac:dyDescent="0.15">
      <c r="A99" s="8">
        <v>77</v>
      </c>
      <c r="B99" s="21">
        <v>30</v>
      </c>
      <c r="C99" s="6">
        <v>46</v>
      </c>
      <c r="D99" s="5">
        <v>76</v>
      </c>
    </row>
    <row r="100" spans="1:4" ht="18" customHeight="1" x14ac:dyDescent="0.15">
      <c r="A100" s="8">
        <v>78</v>
      </c>
      <c r="B100" s="21">
        <v>40</v>
      </c>
      <c r="C100" s="6">
        <v>58</v>
      </c>
      <c r="D100" s="5">
        <v>98</v>
      </c>
    </row>
    <row r="101" spans="1:4" ht="18" customHeight="1" x14ac:dyDescent="0.15">
      <c r="A101" s="8">
        <v>79</v>
      </c>
      <c r="B101" s="21">
        <v>19</v>
      </c>
      <c r="C101" s="6">
        <v>24</v>
      </c>
      <c r="D101" s="5">
        <v>43</v>
      </c>
    </row>
    <row r="102" spans="1:4" ht="18" customHeight="1" x14ac:dyDescent="0.15">
      <c r="A102" s="8" t="s">
        <v>8</v>
      </c>
      <c r="B102" s="21">
        <v>145</v>
      </c>
      <c r="C102" s="6">
        <v>210</v>
      </c>
      <c r="D102" s="5">
        <v>355</v>
      </c>
    </row>
    <row r="103" spans="1:4" ht="18" customHeight="1" x14ac:dyDescent="0.15">
      <c r="A103" s="8">
        <v>80</v>
      </c>
      <c r="B103" s="21">
        <v>24</v>
      </c>
      <c r="C103" s="6">
        <v>22</v>
      </c>
      <c r="D103" s="5">
        <v>46</v>
      </c>
    </row>
    <row r="104" spans="1:4" ht="18" customHeight="1" x14ac:dyDescent="0.15">
      <c r="A104" s="8">
        <v>81</v>
      </c>
      <c r="B104" s="21">
        <v>23</v>
      </c>
      <c r="C104" s="6">
        <v>35</v>
      </c>
      <c r="D104" s="5">
        <v>58</v>
      </c>
    </row>
    <row r="105" spans="1:4" ht="18" customHeight="1" x14ac:dyDescent="0.15">
      <c r="A105" s="8">
        <v>82</v>
      </c>
      <c r="B105" s="21">
        <v>27</v>
      </c>
      <c r="C105" s="6">
        <v>34</v>
      </c>
      <c r="D105" s="5">
        <v>61</v>
      </c>
    </row>
    <row r="106" spans="1:4" ht="18" customHeight="1" x14ac:dyDescent="0.15">
      <c r="A106" s="8">
        <v>83</v>
      </c>
      <c r="B106" s="21">
        <v>28</v>
      </c>
      <c r="C106" s="6">
        <v>31</v>
      </c>
      <c r="D106" s="5">
        <v>59</v>
      </c>
    </row>
    <row r="107" spans="1:4" ht="18" customHeight="1" x14ac:dyDescent="0.15">
      <c r="A107" s="8">
        <v>84</v>
      </c>
      <c r="B107" s="21">
        <v>24</v>
      </c>
      <c r="C107" s="6">
        <v>22</v>
      </c>
      <c r="D107" s="5">
        <v>46</v>
      </c>
    </row>
    <row r="108" spans="1:4" ht="18" customHeight="1" x14ac:dyDescent="0.15">
      <c r="A108" s="8" t="s">
        <v>7</v>
      </c>
      <c r="B108" s="21">
        <v>126</v>
      </c>
      <c r="C108" s="6">
        <v>144</v>
      </c>
      <c r="D108" s="5">
        <v>270</v>
      </c>
    </row>
    <row r="109" spans="1:4" ht="18" customHeight="1" x14ac:dyDescent="0.15">
      <c r="A109" s="8">
        <v>85</v>
      </c>
      <c r="B109" s="21">
        <v>15</v>
      </c>
      <c r="C109" s="6">
        <v>38</v>
      </c>
      <c r="D109" s="5">
        <v>53</v>
      </c>
    </row>
    <row r="110" spans="1:4" ht="18" customHeight="1" x14ac:dyDescent="0.15">
      <c r="A110" s="8">
        <v>86</v>
      </c>
      <c r="B110" s="21">
        <v>13</v>
      </c>
      <c r="C110" s="6">
        <v>22</v>
      </c>
      <c r="D110" s="5">
        <v>35</v>
      </c>
    </row>
    <row r="111" spans="1:4" ht="18" customHeight="1" x14ac:dyDescent="0.15">
      <c r="A111" s="8">
        <v>87</v>
      </c>
      <c r="B111" s="21">
        <v>9</v>
      </c>
      <c r="C111" s="6">
        <v>19</v>
      </c>
      <c r="D111" s="5">
        <v>28</v>
      </c>
    </row>
    <row r="112" spans="1:4" ht="18" customHeight="1" x14ac:dyDescent="0.15">
      <c r="A112" s="8">
        <v>88</v>
      </c>
      <c r="B112" s="21">
        <v>9</v>
      </c>
      <c r="C112" s="6">
        <v>21</v>
      </c>
      <c r="D112" s="5">
        <v>30</v>
      </c>
    </row>
    <row r="113" spans="1:4" ht="18" customHeight="1" x14ac:dyDescent="0.15">
      <c r="A113" s="8">
        <v>89</v>
      </c>
      <c r="B113" s="21">
        <v>12</v>
      </c>
      <c r="C113" s="6">
        <v>21</v>
      </c>
      <c r="D113" s="5">
        <v>33</v>
      </c>
    </row>
    <row r="114" spans="1:4" ht="18" customHeight="1" x14ac:dyDescent="0.15">
      <c r="A114" s="8" t="s">
        <v>6</v>
      </c>
      <c r="B114" s="21">
        <v>58</v>
      </c>
      <c r="C114" s="6">
        <v>121</v>
      </c>
      <c r="D114" s="5">
        <v>179</v>
      </c>
    </row>
    <row r="115" spans="1:4" ht="18" customHeight="1" x14ac:dyDescent="0.15">
      <c r="A115" s="8">
        <v>90</v>
      </c>
      <c r="B115" s="21">
        <v>3</v>
      </c>
      <c r="C115" s="6">
        <v>20</v>
      </c>
      <c r="D115" s="5">
        <v>23</v>
      </c>
    </row>
    <row r="116" spans="1:4" ht="18" customHeight="1" x14ac:dyDescent="0.15">
      <c r="A116" s="8">
        <v>91</v>
      </c>
      <c r="B116" s="21">
        <v>3</v>
      </c>
      <c r="C116" s="6">
        <v>19</v>
      </c>
      <c r="D116" s="5">
        <v>22</v>
      </c>
    </row>
    <row r="117" spans="1:4" ht="18" customHeight="1" x14ac:dyDescent="0.15">
      <c r="A117" s="8">
        <v>92</v>
      </c>
      <c r="B117" s="21">
        <v>6</v>
      </c>
      <c r="C117" s="6">
        <v>19</v>
      </c>
      <c r="D117" s="5">
        <v>25</v>
      </c>
    </row>
    <row r="118" spans="1:4" ht="18" customHeight="1" x14ac:dyDescent="0.15">
      <c r="A118" s="8">
        <v>93</v>
      </c>
      <c r="B118" s="21">
        <v>5</v>
      </c>
      <c r="C118" s="6">
        <v>10</v>
      </c>
      <c r="D118" s="5">
        <v>15</v>
      </c>
    </row>
    <row r="119" spans="1:4" ht="18" customHeight="1" x14ac:dyDescent="0.15">
      <c r="A119" s="8">
        <v>94</v>
      </c>
      <c r="B119" s="21">
        <v>6</v>
      </c>
      <c r="C119" s="6">
        <v>9</v>
      </c>
      <c r="D119" s="5">
        <v>15</v>
      </c>
    </row>
    <row r="120" spans="1:4" ht="18" customHeight="1" x14ac:dyDescent="0.15">
      <c r="A120" s="8" t="s">
        <v>5</v>
      </c>
      <c r="B120" s="21">
        <v>23</v>
      </c>
      <c r="C120" s="6">
        <v>77</v>
      </c>
      <c r="D120" s="5">
        <v>100</v>
      </c>
    </row>
    <row r="121" spans="1:4" ht="18" customHeight="1" x14ac:dyDescent="0.15">
      <c r="A121" s="8">
        <v>95</v>
      </c>
      <c r="B121" s="21">
        <v>1</v>
      </c>
      <c r="C121" s="6">
        <v>6</v>
      </c>
      <c r="D121" s="5">
        <v>7</v>
      </c>
    </row>
    <row r="122" spans="1:4" ht="18" customHeight="1" x14ac:dyDescent="0.15">
      <c r="A122" s="8">
        <v>96</v>
      </c>
      <c r="B122" s="21">
        <v>2</v>
      </c>
      <c r="C122" s="6">
        <v>5</v>
      </c>
      <c r="D122" s="5">
        <v>7</v>
      </c>
    </row>
    <row r="123" spans="1:4" ht="18" customHeight="1" x14ac:dyDescent="0.15">
      <c r="A123" s="8">
        <v>97</v>
      </c>
      <c r="B123" s="21">
        <v>0</v>
      </c>
      <c r="C123" s="6">
        <v>5</v>
      </c>
      <c r="D123" s="5">
        <v>5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3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670</v>
      </c>
      <c r="C130" s="6">
        <v>914</v>
      </c>
      <c r="D130" s="5">
        <v>1584</v>
      </c>
    </row>
    <row r="131" spans="1:4" ht="18" customHeight="1" x14ac:dyDescent="0.15">
      <c r="A131" s="4" t="s">
        <v>0</v>
      </c>
      <c r="B131" s="20">
        <v>2685</v>
      </c>
      <c r="C131" s="2">
        <v>2865</v>
      </c>
      <c r="D131" s="1">
        <v>55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1D4E01-2706-4F9A-AF34-279759AF0763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5</v>
      </c>
      <c r="C5" s="11">
        <v>28</v>
      </c>
      <c r="D5" s="10">
        <v>53</v>
      </c>
    </row>
    <row r="6" spans="1:4" ht="18" customHeight="1" x14ac:dyDescent="0.15">
      <c r="A6" s="8">
        <v>1</v>
      </c>
      <c r="B6" s="21">
        <v>27</v>
      </c>
      <c r="C6" s="6">
        <v>27</v>
      </c>
      <c r="D6" s="5">
        <v>54</v>
      </c>
    </row>
    <row r="7" spans="1:4" ht="18" customHeight="1" x14ac:dyDescent="0.15">
      <c r="A7" s="8">
        <v>2</v>
      </c>
      <c r="B7" s="21">
        <v>35</v>
      </c>
      <c r="C7" s="6">
        <v>24</v>
      </c>
      <c r="D7" s="5">
        <v>59</v>
      </c>
    </row>
    <row r="8" spans="1:4" ht="18" customHeight="1" x14ac:dyDescent="0.15">
      <c r="A8" s="8">
        <v>3</v>
      </c>
      <c r="B8" s="21">
        <v>28</v>
      </c>
      <c r="C8" s="6">
        <v>27</v>
      </c>
      <c r="D8" s="5">
        <v>55</v>
      </c>
    </row>
    <row r="9" spans="1:4" ht="18" customHeight="1" x14ac:dyDescent="0.15">
      <c r="A9" s="8">
        <v>4</v>
      </c>
      <c r="B9" s="21">
        <v>37</v>
      </c>
      <c r="C9" s="6">
        <v>30</v>
      </c>
      <c r="D9" s="5">
        <v>67</v>
      </c>
    </row>
    <row r="10" spans="1:4" ht="18" customHeight="1" x14ac:dyDescent="0.15">
      <c r="A10" s="8" t="s">
        <v>25</v>
      </c>
      <c r="B10" s="21">
        <v>152</v>
      </c>
      <c r="C10" s="6">
        <v>136</v>
      </c>
      <c r="D10" s="5">
        <v>288</v>
      </c>
    </row>
    <row r="11" spans="1:4" ht="18" customHeight="1" x14ac:dyDescent="0.15">
      <c r="A11" s="8">
        <v>5</v>
      </c>
      <c r="B11" s="21">
        <v>27</v>
      </c>
      <c r="C11" s="6">
        <v>24</v>
      </c>
      <c r="D11" s="5">
        <v>51</v>
      </c>
    </row>
    <row r="12" spans="1:4" ht="18" customHeight="1" x14ac:dyDescent="0.15">
      <c r="A12" s="8">
        <v>6</v>
      </c>
      <c r="B12" s="21">
        <v>34</v>
      </c>
      <c r="C12" s="6">
        <v>25</v>
      </c>
      <c r="D12" s="5">
        <v>59</v>
      </c>
    </row>
    <row r="13" spans="1:4" ht="18" customHeight="1" x14ac:dyDescent="0.15">
      <c r="A13" s="8">
        <v>7</v>
      </c>
      <c r="B13" s="21">
        <v>27</v>
      </c>
      <c r="C13" s="6">
        <v>41</v>
      </c>
      <c r="D13" s="5">
        <v>68</v>
      </c>
    </row>
    <row r="14" spans="1:4" ht="18" customHeight="1" x14ac:dyDescent="0.15">
      <c r="A14" s="8">
        <v>8</v>
      </c>
      <c r="B14" s="21">
        <v>27</v>
      </c>
      <c r="C14" s="6">
        <v>38</v>
      </c>
      <c r="D14" s="5">
        <v>65</v>
      </c>
    </row>
    <row r="15" spans="1:4" ht="18" customHeight="1" x14ac:dyDescent="0.15">
      <c r="A15" s="8">
        <v>9</v>
      </c>
      <c r="B15" s="21">
        <v>30</v>
      </c>
      <c r="C15" s="6">
        <v>26</v>
      </c>
      <c r="D15" s="5">
        <v>56</v>
      </c>
    </row>
    <row r="16" spans="1:4" ht="18" customHeight="1" x14ac:dyDescent="0.15">
      <c r="A16" s="8" t="s">
        <v>24</v>
      </c>
      <c r="B16" s="21">
        <v>145</v>
      </c>
      <c r="C16" s="6">
        <v>154</v>
      </c>
      <c r="D16" s="5">
        <v>299</v>
      </c>
    </row>
    <row r="17" spans="1:4" ht="18" customHeight="1" x14ac:dyDescent="0.15">
      <c r="A17" s="8">
        <v>10</v>
      </c>
      <c r="B17" s="21">
        <v>28</v>
      </c>
      <c r="C17" s="6">
        <v>29</v>
      </c>
      <c r="D17" s="5">
        <v>57</v>
      </c>
    </row>
    <row r="18" spans="1:4" ht="18" customHeight="1" x14ac:dyDescent="0.15">
      <c r="A18" s="8">
        <v>11</v>
      </c>
      <c r="B18" s="21">
        <v>30</v>
      </c>
      <c r="C18" s="6">
        <v>34</v>
      </c>
      <c r="D18" s="5">
        <v>64</v>
      </c>
    </row>
    <row r="19" spans="1:4" ht="18" customHeight="1" x14ac:dyDescent="0.15">
      <c r="A19" s="8">
        <v>12</v>
      </c>
      <c r="B19" s="21">
        <v>31</v>
      </c>
      <c r="C19" s="6">
        <v>35</v>
      </c>
      <c r="D19" s="5">
        <v>66</v>
      </c>
    </row>
    <row r="20" spans="1:4" ht="18" customHeight="1" x14ac:dyDescent="0.15">
      <c r="A20" s="8">
        <v>13</v>
      </c>
      <c r="B20" s="21">
        <v>38</v>
      </c>
      <c r="C20" s="6">
        <v>28</v>
      </c>
      <c r="D20" s="5">
        <v>66</v>
      </c>
    </row>
    <row r="21" spans="1:4" ht="18" customHeight="1" x14ac:dyDescent="0.15">
      <c r="A21" s="8">
        <v>14</v>
      </c>
      <c r="B21" s="21">
        <v>30</v>
      </c>
      <c r="C21" s="6">
        <v>44</v>
      </c>
      <c r="D21" s="5">
        <v>74</v>
      </c>
    </row>
    <row r="22" spans="1:4" ht="18" customHeight="1" x14ac:dyDescent="0.15">
      <c r="A22" s="8" t="s">
        <v>23</v>
      </c>
      <c r="B22" s="21">
        <v>157</v>
      </c>
      <c r="C22" s="6">
        <v>170</v>
      </c>
      <c r="D22" s="5">
        <v>327</v>
      </c>
    </row>
    <row r="23" spans="1:4" ht="18" customHeight="1" x14ac:dyDescent="0.15">
      <c r="A23" s="8" t="s">
        <v>22</v>
      </c>
      <c r="B23" s="21">
        <v>454</v>
      </c>
      <c r="C23" s="6">
        <v>460</v>
      </c>
      <c r="D23" s="5">
        <v>914</v>
      </c>
    </row>
    <row r="24" spans="1:4" ht="18" customHeight="1" x14ac:dyDescent="0.15">
      <c r="A24" s="8">
        <v>15</v>
      </c>
      <c r="B24" s="21">
        <v>38</v>
      </c>
      <c r="C24" s="6">
        <v>38</v>
      </c>
      <c r="D24" s="5">
        <v>76</v>
      </c>
    </row>
    <row r="25" spans="1:4" ht="18" customHeight="1" x14ac:dyDescent="0.15">
      <c r="A25" s="8">
        <v>16</v>
      </c>
      <c r="B25" s="21">
        <v>37</v>
      </c>
      <c r="C25" s="6">
        <v>46</v>
      </c>
      <c r="D25" s="5">
        <v>83</v>
      </c>
    </row>
    <row r="26" spans="1:4" ht="18" customHeight="1" x14ac:dyDescent="0.15">
      <c r="A26" s="8">
        <v>17</v>
      </c>
      <c r="B26" s="21">
        <v>42</v>
      </c>
      <c r="C26" s="6">
        <v>37</v>
      </c>
      <c r="D26" s="5">
        <v>79</v>
      </c>
    </row>
    <row r="27" spans="1:4" ht="18" customHeight="1" x14ac:dyDescent="0.15">
      <c r="A27" s="8">
        <v>18</v>
      </c>
      <c r="B27" s="21">
        <v>74</v>
      </c>
      <c r="C27" s="6">
        <v>61</v>
      </c>
      <c r="D27" s="5">
        <v>135</v>
      </c>
    </row>
    <row r="28" spans="1:4" ht="18" customHeight="1" x14ac:dyDescent="0.15">
      <c r="A28" s="8">
        <v>19</v>
      </c>
      <c r="B28" s="21">
        <v>170</v>
      </c>
      <c r="C28" s="6">
        <v>106</v>
      </c>
      <c r="D28" s="5">
        <v>276</v>
      </c>
    </row>
    <row r="29" spans="1:4" ht="18" customHeight="1" x14ac:dyDescent="0.15">
      <c r="A29" s="8" t="s">
        <v>21</v>
      </c>
      <c r="B29" s="21">
        <v>361</v>
      </c>
      <c r="C29" s="6">
        <v>288</v>
      </c>
      <c r="D29" s="5">
        <v>649</v>
      </c>
    </row>
    <row r="30" spans="1:4" ht="18" customHeight="1" x14ac:dyDescent="0.15">
      <c r="A30" s="8">
        <v>20</v>
      </c>
      <c r="B30" s="21">
        <v>186</v>
      </c>
      <c r="C30" s="6">
        <v>116</v>
      </c>
      <c r="D30" s="5">
        <v>302</v>
      </c>
    </row>
    <row r="31" spans="1:4" ht="18" customHeight="1" x14ac:dyDescent="0.15">
      <c r="A31" s="8">
        <v>21</v>
      </c>
      <c r="B31" s="21">
        <v>227</v>
      </c>
      <c r="C31" s="6">
        <v>136</v>
      </c>
      <c r="D31" s="5">
        <v>363</v>
      </c>
    </row>
    <row r="32" spans="1:4" ht="18" customHeight="1" x14ac:dyDescent="0.15">
      <c r="A32" s="8">
        <v>22</v>
      </c>
      <c r="B32" s="21">
        <v>194</v>
      </c>
      <c r="C32" s="6">
        <v>115</v>
      </c>
      <c r="D32" s="5">
        <v>309</v>
      </c>
    </row>
    <row r="33" spans="1:4" ht="18" customHeight="1" x14ac:dyDescent="0.15">
      <c r="A33" s="8">
        <v>23</v>
      </c>
      <c r="B33" s="21">
        <v>176</v>
      </c>
      <c r="C33" s="6">
        <v>86</v>
      </c>
      <c r="D33" s="5">
        <v>262</v>
      </c>
    </row>
    <row r="34" spans="1:4" ht="18" customHeight="1" x14ac:dyDescent="0.15">
      <c r="A34" s="8">
        <v>24</v>
      </c>
      <c r="B34" s="21">
        <v>137</v>
      </c>
      <c r="C34" s="6">
        <v>73</v>
      </c>
      <c r="D34" s="5">
        <v>210</v>
      </c>
    </row>
    <row r="35" spans="1:4" ht="18" customHeight="1" x14ac:dyDescent="0.15">
      <c r="A35" s="8" t="s">
        <v>20</v>
      </c>
      <c r="B35" s="21">
        <v>920</v>
      </c>
      <c r="C35" s="6">
        <v>526</v>
      </c>
      <c r="D35" s="5">
        <v>1446</v>
      </c>
    </row>
    <row r="36" spans="1:4" ht="18" customHeight="1" x14ac:dyDescent="0.15">
      <c r="A36" s="8">
        <v>25</v>
      </c>
      <c r="B36" s="21">
        <v>118</v>
      </c>
      <c r="C36" s="6">
        <v>55</v>
      </c>
      <c r="D36" s="5">
        <v>173</v>
      </c>
    </row>
    <row r="37" spans="1:4" ht="18" customHeight="1" x14ac:dyDescent="0.15">
      <c r="A37" s="8">
        <v>26</v>
      </c>
      <c r="B37" s="21">
        <v>95</v>
      </c>
      <c r="C37" s="6">
        <v>62</v>
      </c>
      <c r="D37" s="5">
        <v>157</v>
      </c>
    </row>
    <row r="38" spans="1:4" ht="18" customHeight="1" x14ac:dyDescent="0.15">
      <c r="A38" s="8">
        <v>27</v>
      </c>
      <c r="B38" s="21">
        <v>81</v>
      </c>
      <c r="C38" s="6">
        <v>48</v>
      </c>
      <c r="D38" s="5">
        <v>129</v>
      </c>
    </row>
    <row r="39" spans="1:4" ht="18" customHeight="1" x14ac:dyDescent="0.15">
      <c r="A39" s="8">
        <v>28</v>
      </c>
      <c r="B39" s="21">
        <v>47</v>
      </c>
      <c r="C39" s="6">
        <v>45</v>
      </c>
      <c r="D39" s="5">
        <v>92</v>
      </c>
    </row>
    <row r="40" spans="1:4" ht="18" customHeight="1" x14ac:dyDescent="0.15">
      <c r="A40" s="8">
        <v>29</v>
      </c>
      <c r="B40" s="21">
        <v>63</v>
      </c>
      <c r="C40" s="6">
        <v>49</v>
      </c>
      <c r="D40" s="5">
        <v>112</v>
      </c>
    </row>
    <row r="41" spans="1:4" ht="18" customHeight="1" x14ac:dyDescent="0.15">
      <c r="A41" s="8" t="s">
        <v>19</v>
      </c>
      <c r="B41" s="21">
        <v>404</v>
      </c>
      <c r="C41" s="6">
        <v>259</v>
      </c>
      <c r="D41" s="5">
        <v>663</v>
      </c>
    </row>
    <row r="42" spans="1:4" ht="18" customHeight="1" x14ac:dyDescent="0.15">
      <c r="A42" s="8">
        <v>30</v>
      </c>
      <c r="B42" s="21">
        <v>59</v>
      </c>
      <c r="C42" s="6">
        <v>67</v>
      </c>
      <c r="D42" s="5">
        <v>126</v>
      </c>
    </row>
    <row r="43" spans="1:4" ht="18" customHeight="1" x14ac:dyDescent="0.15">
      <c r="A43" s="8">
        <v>31</v>
      </c>
      <c r="B43" s="21">
        <v>57</v>
      </c>
      <c r="C43" s="6">
        <v>49</v>
      </c>
      <c r="D43" s="5">
        <v>106</v>
      </c>
    </row>
    <row r="44" spans="1:4" ht="18" customHeight="1" x14ac:dyDescent="0.15">
      <c r="A44" s="8">
        <v>32</v>
      </c>
      <c r="B44" s="21">
        <v>54</v>
      </c>
      <c r="C44" s="6">
        <v>39</v>
      </c>
      <c r="D44" s="5">
        <v>93</v>
      </c>
    </row>
    <row r="45" spans="1:4" ht="18" customHeight="1" x14ac:dyDescent="0.15">
      <c r="A45" s="8">
        <v>33</v>
      </c>
      <c r="B45" s="21">
        <v>53</v>
      </c>
      <c r="C45" s="6">
        <v>52</v>
      </c>
      <c r="D45" s="5">
        <v>105</v>
      </c>
    </row>
    <row r="46" spans="1:4" ht="18" customHeight="1" x14ac:dyDescent="0.15">
      <c r="A46" s="8">
        <v>34</v>
      </c>
      <c r="B46" s="21">
        <v>57</v>
      </c>
      <c r="C46" s="6">
        <v>39</v>
      </c>
      <c r="D46" s="5">
        <v>96</v>
      </c>
    </row>
    <row r="47" spans="1:4" ht="18" customHeight="1" x14ac:dyDescent="0.15">
      <c r="A47" s="8" t="s">
        <v>18</v>
      </c>
      <c r="B47" s="21">
        <v>280</v>
      </c>
      <c r="C47" s="6">
        <v>246</v>
      </c>
      <c r="D47" s="5">
        <v>526</v>
      </c>
    </row>
    <row r="48" spans="1:4" ht="18" customHeight="1" x14ac:dyDescent="0.15">
      <c r="A48" s="8">
        <v>35</v>
      </c>
      <c r="B48" s="21">
        <v>47</v>
      </c>
      <c r="C48" s="6">
        <v>51</v>
      </c>
      <c r="D48" s="5">
        <v>98</v>
      </c>
    </row>
    <row r="49" spans="1:4" ht="18" customHeight="1" x14ac:dyDescent="0.15">
      <c r="A49" s="8">
        <v>36</v>
      </c>
      <c r="B49" s="21">
        <v>64</v>
      </c>
      <c r="C49" s="6">
        <v>39</v>
      </c>
      <c r="D49" s="5">
        <v>103</v>
      </c>
    </row>
    <row r="50" spans="1:4" ht="18" customHeight="1" x14ac:dyDescent="0.15">
      <c r="A50" s="8">
        <v>37</v>
      </c>
      <c r="B50" s="21">
        <v>60</v>
      </c>
      <c r="C50" s="6">
        <v>49</v>
      </c>
      <c r="D50" s="5">
        <v>109</v>
      </c>
    </row>
    <row r="51" spans="1:4" ht="18" customHeight="1" x14ac:dyDescent="0.15">
      <c r="A51" s="8">
        <v>38</v>
      </c>
      <c r="B51" s="21">
        <v>54</v>
      </c>
      <c r="C51" s="6">
        <v>38</v>
      </c>
      <c r="D51" s="5">
        <v>92</v>
      </c>
    </row>
    <row r="52" spans="1:4" ht="18" customHeight="1" x14ac:dyDescent="0.15">
      <c r="A52" s="8">
        <v>39</v>
      </c>
      <c r="B52" s="21">
        <v>40</v>
      </c>
      <c r="C52" s="6">
        <v>43</v>
      </c>
      <c r="D52" s="5">
        <v>83</v>
      </c>
    </row>
    <row r="53" spans="1:4" ht="18" customHeight="1" x14ac:dyDescent="0.15">
      <c r="A53" s="8" t="s">
        <v>17</v>
      </c>
      <c r="B53" s="21">
        <v>265</v>
      </c>
      <c r="C53" s="6">
        <v>220</v>
      </c>
      <c r="D53" s="5">
        <v>485</v>
      </c>
    </row>
    <row r="54" spans="1:4" ht="18" customHeight="1" x14ac:dyDescent="0.15">
      <c r="A54" s="8">
        <v>40</v>
      </c>
      <c r="B54" s="21">
        <v>52</v>
      </c>
      <c r="C54" s="6">
        <v>46</v>
      </c>
      <c r="D54" s="5">
        <v>98</v>
      </c>
    </row>
    <row r="55" spans="1:4" ht="18" customHeight="1" x14ac:dyDescent="0.15">
      <c r="A55" s="8">
        <v>41</v>
      </c>
      <c r="B55" s="21">
        <v>60</v>
      </c>
      <c r="C55" s="6">
        <v>50</v>
      </c>
      <c r="D55" s="5">
        <v>110</v>
      </c>
    </row>
    <row r="56" spans="1:4" ht="18" customHeight="1" x14ac:dyDescent="0.15">
      <c r="A56" s="8">
        <v>42</v>
      </c>
      <c r="B56" s="21">
        <v>55</v>
      </c>
      <c r="C56" s="6">
        <v>54</v>
      </c>
      <c r="D56" s="5">
        <v>109</v>
      </c>
    </row>
    <row r="57" spans="1:4" ht="18" customHeight="1" x14ac:dyDescent="0.15">
      <c r="A57" s="8">
        <v>43</v>
      </c>
      <c r="B57" s="21">
        <v>58</v>
      </c>
      <c r="C57" s="6">
        <v>47</v>
      </c>
      <c r="D57" s="5">
        <v>105</v>
      </c>
    </row>
    <row r="58" spans="1:4" ht="18" customHeight="1" x14ac:dyDescent="0.15">
      <c r="A58" s="8">
        <v>44</v>
      </c>
      <c r="B58" s="21">
        <v>38</v>
      </c>
      <c r="C58" s="6">
        <v>54</v>
      </c>
      <c r="D58" s="5">
        <v>92</v>
      </c>
    </row>
    <row r="59" spans="1:4" ht="18" customHeight="1" x14ac:dyDescent="0.15">
      <c r="A59" s="8" t="s">
        <v>16</v>
      </c>
      <c r="B59" s="21">
        <v>263</v>
      </c>
      <c r="C59" s="6">
        <v>251</v>
      </c>
      <c r="D59" s="5">
        <v>514</v>
      </c>
    </row>
    <row r="60" spans="1:4" ht="18" customHeight="1" x14ac:dyDescent="0.15">
      <c r="A60" s="8">
        <v>45</v>
      </c>
      <c r="B60" s="21">
        <v>66</v>
      </c>
      <c r="C60" s="6">
        <v>45</v>
      </c>
      <c r="D60" s="5">
        <v>111</v>
      </c>
    </row>
    <row r="61" spans="1:4" ht="18" customHeight="1" x14ac:dyDescent="0.15">
      <c r="A61" s="8">
        <v>46</v>
      </c>
      <c r="B61" s="21">
        <v>72</v>
      </c>
      <c r="C61" s="6">
        <v>62</v>
      </c>
      <c r="D61" s="5">
        <v>134</v>
      </c>
    </row>
    <row r="62" spans="1:4" ht="18" customHeight="1" x14ac:dyDescent="0.15">
      <c r="A62" s="8">
        <v>47</v>
      </c>
      <c r="B62" s="21">
        <v>79</v>
      </c>
      <c r="C62" s="6">
        <v>67</v>
      </c>
      <c r="D62" s="5">
        <v>146</v>
      </c>
    </row>
    <row r="63" spans="1:4" ht="18" customHeight="1" x14ac:dyDescent="0.15">
      <c r="A63" s="8">
        <v>48</v>
      </c>
      <c r="B63" s="21">
        <v>60</v>
      </c>
      <c r="C63" s="6">
        <v>59</v>
      </c>
      <c r="D63" s="5">
        <v>119</v>
      </c>
    </row>
    <row r="64" spans="1:4" ht="18" customHeight="1" x14ac:dyDescent="0.15">
      <c r="A64" s="8">
        <v>49</v>
      </c>
      <c r="B64" s="21">
        <v>68</v>
      </c>
      <c r="C64" s="6">
        <v>57</v>
      </c>
      <c r="D64" s="5">
        <v>125</v>
      </c>
    </row>
    <row r="65" spans="1:4" ht="18" customHeight="1" x14ac:dyDescent="0.15">
      <c r="A65" s="8" t="s">
        <v>15</v>
      </c>
      <c r="B65" s="21">
        <v>345</v>
      </c>
      <c r="C65" s="6">
        <v>290</v>
      </c>
      <c r="D65" s="5">
        <v>635</v>
      </c>
    </row>
    <row r="66" spans="1:4" ht="18" customHeight="1" x14ac:dyDescent="0.15">
      <c r="A66" s="8">
        <v>50</v>
      </c>
      <c r="B66" s="21">
        <v>75</v>
      </c>
      <c r="C66" s="6">
        <v>64</v>
      </c>
      <c r="D66" s="5">
        <v>139</v>
      </c>
    </row>
    <row r="67" spans="1:4" ht="18" customHeight="1" x14ac:dyDescent="0.15">
      <c r="A67" s="8">
        <v>51</v>
      </c>
      <c r="B67" s="21">
        <v>76</v>
      </c>
      <c r="C67" s="6">
        <v>75</v>
      </c>
      <c r="D67" s="5">
        <v>151</v>
      </c>
    </row>
    <row r="68" spans="1:4" ht="18" customHeight="1" x14ac:dyDescent="0.15">
      <c r="A68" s="8">
        <v>52</v>
      </c>
      <c r="B68" s="21">
        <v>88</v>
      </c>
      <c r="C68" s="6">
        <v>86</v>
      </c>
      <c r="D68" s="5">
        <v>174</v>
      </c>
    </row>
    <row r="69" spans="1:4" ht="18" customHeight="1" x14ac:dyDescent="0.15">
      <c r="A69" s="8">
        <v>53</v>
      </c>
      <c r="B69" s="21">
        <v>91</v>
      </c>
      <c r="C69" s="6">
        <v>83</v>
      </c>
      <c r="D69" s="5">
        <v>174</v>
      </c>
    </row>
    <row r="70" spans="1:4" ht="18" customHeight="1" x14ac:dyDescent="0.15">
      <c r="A70" s="8">
        <v>54</v>
      </c>
      <c r="B70" s="21">
        <v>77</v>
      </c>
      <c r="C70" s="6">
        <v>66</v>
      </c>
      <c r="D70" s="5">
        <v>143</v>
      </c>
    </row>
    <row r="71" spans="1:4" ht="18" customHeight="1" x14ac:dyDescent="0.15">
      <c r="A71" s="8" t="s">
        <v>14</v>
      </c>
      <c r="B71" s="21">
        <v>407</v>
      </c>
      <c r="C71" s="6">
        <v>374</v>
      </c>
      <c r="D71" s="5">
        <v>781</v>
      </c>
    </row>
    <row r="72" spans="1:4" ht="18" customHeight="1" x14ac:dyDescent="0.15">
      <c r="A72" s="8">
        <v>55</v>
      </c>
      <c r="B72" s="21">
        <v>76</v>
      </c>
      <c r="C72" s="6">
        <v>71</v>
      </c>
      <c r="D72" s="5">
        <v>147</v>
      </c>
    </row>
    <row r="73" spans="1:4" ht="18" customHeight="1" x14ac:dyDescent="0.15">
      <c r="A73" s="8">
        <v>56</v>
      </c>
      <c r="B73" s="21">
        <v>68</v>
      </c>
      <c r="C73" s="6">
        <v>62</v>
      </c>
      <c r="D73" s="5">
        <v>130</v>
      </c>
    </row>
    <row r="74" spans="1:4" ht="18" customHeight="1" x14ac:dyDescent="0.15">
      <c r="A74" s="8">
        <v>57</v>
      </c>
      <c r="B74" s="21">
        <v>55</v>
      </c>
      <c r="C74" s="6">
        <v>72</v>
      </c>
      <c r="D74" s="5">
        <v>127</v>
      </c>
    </row>
    <row r="75" spans="1:4" ht="18" customHeight="1" x14ac:dyDescent="0.15">
      <c r="A75" s="8">
        <v>58</v>
      </c>
      <c r="B75" s="21">
        <v>67</v>
      </c>
      <c r="C75" s="6">
        <v>76</v>
      </c>
      <c r="D75" s="5">
        <v>143</v>
      </c>
    </row>
    <row r="76" spans="1:4" ht="18" customHeight="1" x14ac:dyDescent="0.15">
      <c r="A76" s="8">
        <v>59</v>
      </c>
      <c r="B76" s="21">
        <v>47</v>
      </c>
      <c r="C76" s="6">
        <v>34</v>
      </c>
      <c r="D76" s="5">
        <v>81</v>
      </c>
    </row>
    <row r="77" spans="1:4" ht="18" customHeight="1" x14ac:dyDescent="0.15">
      <c r="A77" s="8" t="s">
        <v>13</v>
      </c>
      <c r="B77" s="21">
        <v>313</v>
      </c>
      <c r="C77" s="6">
        <v>315</v>
      </c>
      <c r="D77" s="5">
        <v>628</v>
      </c>
    </row>
    <row r="78" spans="1:4" ht="18" customHeight="1" x14ac:dyDescent="0.15">
      <c r="A78" s="8">
        <v>60</v>
      </c>
      <c r="B78" s="21">
        <v>61</v>
      </c>
      <c r="C78" s="6">
        <v>46</v>
      </c>
      <c r="D78" s="5">
        <v>107</v>
      </c>
    </row>
    <row r="79" spans="1:4" ht="18" customHeight="1" x14ac:dyDescent="0.15">
      <c r="A79" s="8">
        <v>61</v>
      </c>
      <c r="B79" s="21">
        <v>59</v>
      </c>
      <c r="C79" s="6">
        <v>52</v>
      </c>
      <c r="D79" s="5">
        <v>111</v>
      </c>
    </row>
    <row r="80" spans="1:4" ht="18" customHeight="1" x14ac:dyDescent="0.15">
      <c r="A80" s="8">
        <v>62</v>
      </c>
      <c r="B80" s="21">
        <v>62</v>
      </c>
      <c r="C80" s="6">
        <v>46</v>
      </c>
      <c r="D80" s="5">
        <v>108</v>
      </c>
    </row>
    <row r="81" spans="1:4" ht="18" customHeight="1" x14ac:dyDescent="0.15">
      <c r="A81" s="8">
        <v>63</v>
      </c>
      <c r="B81" s="21">
        <v>56</v>
      </c>
      <c r="C81" s="6">
        <v>61</v>
      </c>
      <c r="D81" s="5">
        <v>117</v>
      </c>
    </row>
    <row r="82" spans="1:4" ht="18" customHeight="1" x14ac:dyDescent="0.15">
      <c r="A82" s="8">
        <v>64</v>
      </c>
      <c r="B82" s="21">
        <v>47</v>
      </c>
      <c r="C82" s="6">
        <v>53</v>
      </c>
      <c r="D82" s="5">
        <v>100</v>
      </c>
    </row>
    <row r="83" spans="1:4" ht="18" customHeight="1" x14ac:dyDescent="0.15">
      <c r="A83" s="8" t="s">
        <v>12</v>
      </c>
      <c r="B83" s="21">
        <v>285</v>
      </c>
      <c r="C83" s="6">
        <v>258</v>
      </c>
      <c r="D83" s="5">
        <v>543</v>
      </c>
    </row>
    <row r="84" spans="1:4" ht="18" customHeight="1" x14ac:dyDescent="0.15">
      <c r="A84" s="8" t="s">
        <v>11</v>
      </c>
      <c r="B84" s="21">
        <v>3843</v>
      </c>
      <c r="C84" s="6">
        <v>3027</v>
      </c>
      <c r="D84" s="5">
        <v>6870</v>
      </c>
    </row>
    <row r="85" spans="1:4" ht="18" customHeight="1" x14ac:dyDescent="0.15">
      <c r="A85" s="8">
        <v>65</v>
      </c>
      <c r="B85" s="21">
        <v>53</v>
      </c>
      <c r="C85" s="6">
        <v>53</v>
      </c>
      <c r="D85" s="5">
        <v>106</v>
      </c>
    </row>
    <row r="86" spans="1:4" ht="18" customHeight="1" x14ac:dyDescent="0.15">
      <c r="A86" s="8">
        <v>66</v>
      </c>
      <c r="B86" s="21">
        <v>52</v>
      </c>
      <c r="C86" s="6">
        <v>55</v>
      </c>
      <c r="D86" s="5">
        <v>107</v>
      </c>
    </row>
    <row r="87" spans="1:4" ht="18" customHeight="1" x14ac:dyDescent="0.15">
      <c r="A87" s="8">
        <v>67</v>
      </c>
      <c r="B87" s="21">
        <v>51</v>
      </c>
      <c r="C87" s="6">
        <v>40</v>
      </c>
      <c r="D87" s="5">
        <v>91</v>
      </c>
    </row>
    <row r="88" spans="1:4" ht="18" customHeight="1" x14ac:dyDescent="0.15">
      <c r="A88" s="8">
        <v>68</v>
      </c>
      <c r="B88" s="21">
        <v>46</v>
      </c>
      <c r="C88" s="6">
        <v>37</v>
      </c>
      <c r="D88" s="5">
        <v>83</v>
      </c>
    </row>
    <row r="89" spans="1:4" ht="18" customHeight="1" x14ac:dyDescent="0.15">
      <c r="A89" s="8">
        <v>69</v>
      </c>
      <c r="B89" s="21">
        <v>52</v>
      </c>
      <c r="C89" s="6">
        <v>42</v>
      </c>
      <c r="D89" s="5">
        <v>94</v>
      </c>
    </row>
    <row r="90" spans="1:4" ht="18" customHeight="1" x14ac:dyDescent="0.15">
      <c r="A90" s="8" t="s">
        <v>10</v>
      </c>
      <c r="B90" s="21">
        <v>254</v>
      </c>
      <c r="C90" s="6">
        <v>227</v>
      </c>
      <c r="D90" s="5">
        <v>481</v>
      </c>
    </row>
    <row r="91" spans="1:4" ht="18" customHeight="1" x14ac:dyDescent="0.15">
      <c r="A91" s="8">
        <v>70</v>
      </c>
      <c r="B91" s="21">
        <v>42</v>
      </c>
      <c r="C91" s="6">
        <v>48</v>
      </c>
      <c r="D91" s="5">
        <v>90</v>
      </c>
    </row>
    <row r="92" spans="1:4" ht="18" customHeight="1" x14ac:dyDescent="0.15">
      <c r="A92" s="8">
        <v>71</v>
      </c>
      <c r="B92" s="21">
        <v>35</v>
      </c>
      <c r="C92" s="6">
        <v>45</v>
      </c>
      <c r="D92" s="5">
        <v>80</v>
      </c>
    </row>
    <row r="93" spans="1:4" ht="18" customHeight="1" x14ac:dyDescent="0.15">
      <c r="A93" s="8">
        <v>72</v>
      </c>
      <c r="B93" s="21">
        <v>54</v>
      </c>
      <c r="C93" s="6">
        <v>57</v>
      </c>
      <c r="D93" s="5">
        <v>111</v>
      </c>
    </row>
    <row r="94" spans="1:4" ht="18" customHeight="1" x14ac:dyDescent="0.15">
      <c r="A94" s="8">
        <v>73</v>
      </c>
      <c r="B94" s="21">
        <v>32</v>
      </c>
      <c r="C94" s="6">
        <v>53</v>
      </c>
      <c r="D94" s="5">
        <v>85</v>
      </c>
    </row>
    <row r="95" spans="1:4" ht="18" customHeight="1" x14ac:dyDescent="0.15">
      <c r="A95" s="8">
        <v>74</v>
      </c>
      <c r="B95" s="21">
        <v>49</v>
      </c>
      <c r="C95" s="6">
        <v>56</v>
      </c>
      <c r="D95" s="5">
        <v>105</v>
      </c>
    </row>
    <row r="96" spans="1:4" ht="18" customHeight="1" x14ac:dyDescent="0.15">
      <c r="A96" s="8" t="s">
        <v>9</v>
      </c>
      <c r="B96" s="21">
        <v>212</v>
      </c>
      <c r="C96" s="6">
        <v>259</v>
      </c>
      <c r="D96" s="5">
        <v>471</v>
      </c>
    </row>
    <row r="97" spans="1:4" ht="18" customHeight="1" x14ac:dyDescent="0.15">
      <c r="A97" s="8">
        <v>75</v>
      </c>
      <c r="B97" s="21">
        <v>47</v>
      </c>
      <c r="C97" s="6">
        <v>52</v>
      </c>
      <c r="D97" s="5">
        <v>99</v>
      </c>
    </row>
    <row r="98" spans="1:4" ht="18" customHeight="1" x14ac:dyDescent="0.15">
      <c r="A98" s="8">
        <v>76</v>
      </c>
      <c r="B98" s="21">
        <v>65</v>
      </c>
      <c r="C98" s="6">
        <v>66</v>
      </c>
      <c r="D98" s="5">
        <v>131</v>
      </c>
    </row>
    <row r="99" spans="1:4" ht="18" customHeight="1" x14ac:dyDescent="0.15">
      <c r="A99" s="8">
        <v>77</v>
      </c>
      <c r="B99" s="21">
        <v>65</v>
      </c>
      <c r="C99" s="6">
        <v>83</v>
      </c>
      <c r="D99" s="5">
        <v>148</v>
      </c>
    </row>
    <row r="100" spans="1:4" ht="18" customHeight="1" x14ac:dyDescent="0.15">
      <c r="A100" s="8">
        <v>78</v>
      </c>
      <c r="B100" s="21">
        <v>78</v>
      </c>
      <c r="C100" s="6">
        <v>73</v>
      </c>
      <c r="D100" s="5">
        <v>151</v>
      </c>
    </row>
    <row r="101" spans="1:4" ht="18" customHeight="1" x14ac:dyDescent="0.15">
      <c r="A101" s="8">
        <v>79</v>
      </c>
      <c r="B101" s="21">
        <v>45</v>
      </c>
      <c r="C101" s="6">
        <v>51</v>
      </c>
      <c r="D101" s="5">
        <v>96</v>
      </c>
    </row>
    <row r="102" spans="1:4" ht="18" customHeight="1" x14ac:dyDescent="0.15">
      <c r="A102" s="8" t="s">
        <v>8</v>
      </c>
      <c r="B102" s="21">
        <v>300</v>
      </c>
      <c r="C102" s="6">
        <v>325</v>
      </c>
      <c r="D102" s="5">
        <v>625</v>
      </c>
    </row>
    <row r="103" spans="1:4" ht="18" customHeight="1" x14ac:dyDescent="0.15">
      <c r="A103" s="8">
        <v>80</v>
      </c>
      <c r="B103" s="21">
        <v>33</v>
      </c>
      <c r="C103" s="6">
        <v>24</v>
      </c>
      <c r="D103" s="5">
        <v>57</v>
      </c>
    </row>
    <row r="104" spans="1:4" ht="18" customHeight="1" x14ac:dyDescent="0.15">
      <c r="A104" s="8">
        <v>81</v>
      </c>
      <c r="B104" s="21">
        <v>37</v>
      </c>
      <c r="C104" s="6">
        <v>58</v>
      </c>
      <c r="D104" s="5">
        <v>95</v>
      </c>
    </row>
    <row r="105" spans="1:4" ht="18" customHeight="1" x14ac:dyDescent="0.15">
      <c r="A105" s="8">
        <v>82</v>
      </c>
      <c r="B105" s="21">
        <v>29</v>
      </c>
      <c r="C105" s="6">
        <v>44</v>
      </c>
      <c r="D105" s="5">
        <v>73</v>
      </c>
    </row>
    <row r="106" spans="1:4" ht="18" customHeight="1" x14ac:dyDescent="0.15">
      <c r="A106" s="8">
        <v>83</v>
      </c>
      <c r="B106" s="21">
        <v>34</v>
      </c>
      <c r="C106" s="6">
        <v>44</v>
      </c>
      <c r="D106" s="5">
        <v>78</v>
      </c>
    </row>
    <row r="107" spans="1:4" ht="18" customHeight="1" x14ac:dyDescent="0.15">
      <c r="A107" s="8">
        <v>84</v>
      </c>
      <c r="B107" s="21">
        <v>31</v>
      </c>
      <c r="C107" s="6">
        <v>36</v>
      </c>
      <c r="D107" s="5">
        <v>67</v>
      </c>
    </row>
    <row r="108" spans="1:4" ht="18" customHeight="1" x14ac:dyDescent="0.15">
      <c r="A108" s="8" t="s">
        <v>7</v>
      </c>
      <c r="B108" s="21">
        <v>164</v>
      </c>
      <c r="C108" s="6">
        <v>206</v>
      </c>
      <c r="D108" s="5">
        <v>370</v>
      </c>
    </row>
    <row r="109" spans="1:4" ht="18" customHeight="1" x14ac:dyDescent="0.15">
      <c r="A109" s="8">
        <v>85</v>
      </c>
      <c r="B109" s="21">
        <v>26</v>
      </c>
      <c r="C109" s="6">
        <v>30</v>
      </c>
      <c r="D109" s="5">
        <v>56</v>
      </c>
    </row>
    <row r="110" spans="1:4" ht="18" customHeight="1" x14ac:dyDescent="0.15">
      <c r="A110" s="8">
        <v>86</v>
      </c>
      <c r="B110" s="21">
        <v>15</v>
      </c>
      <c r="C110" s="6">
        <v>23</v>
      </c>
      <c r="D110" s="5">
        <v>38</v>
      </c>
    </row>
    <row r="111" spans="1:4" ht="18" customHeight="1" x14ac:dyDescent="0.15">
      <c r="A111" s="8">
        <v>87</v>
      </c>
      <c r="B111" s="21">
        <v>9</v>
      </c>
      <c r="C111" s="6">
        <v>37</v>
      </c>
      <c r="D111" s="5">
        <v>46</v>
      </c>
    </row>
    <row r="112" spans="1:4" ht="18" customHeight="1" x14ac:dyDescent="0.15">
      <c r="A112" s="8">
        <v>88</v>
      </c>
      <c r="B112" s="21">
        <v>13</v>
      </c>
      <c r="C112" s="6">
        <v>28</v>
      </c>
      <c r="D112" s="5">
        <v>41</v>
      </c>
    </row>
    <row r="113" spans="1:4" ht="18" customHeight="1" x14ac:dyDescent="0.15">
      <c r="A113" s="8">
        <v>89</v>
      </c>
      <c r="B113" s="21">
        <v>7</v>
      </c>
      <c r="C113" s="6">
        <v>33</v>
      </c>
      <c r="D113" s="5">
        <v>40</v>
      </c>
    </row>
    <row r="114" spans="1:4" ht="18" customHeight="1" x14ac:dyDescent="0.15">
      <c r="A114" s="8" t="s">
        <v>6</v>
      </c>
      <c r="B114" s="21">
        <v>70</v>
      </c>
      <c r="C114" s="6">
        <v>151</v>
      </c>
      <c r="D114" s="5">
        <v>221</v>
      </c>
    </row>
    <row r="115" spans="1:4" ht="18" customHeight="1" x14ac:dyDescent="0.15">
      <c r="A115" s="8">
        <v>90</v>
      </c>
      <c r="B115" s="21">
        <v>3</v>
      </c>
      <c r="C115" s="6">
        <v>31</v>
      </c>
      <c r="D115" s="5">
        <v>34</v>
      </c>
    </row>
    <row r="116" spans="1:4" ht="18" customHeight="1" x14ac:dyDescent="0.15">
      <c r="A116" s="8">
        <v>91</v>
      </c>
      <c r="B116" s="21">
        <v>7</v>
      </c>
      <c r="C116" s="6">
        <v>25</v>
      </c>
      <c r="D116" s="5">
        <v>32</v>
      </c>
    </row>
    <row r="117" spans="1:4" ht="18" customHeight="1" x14ac:dyDescent="0.15">
      <c r="A117" s="8">
        <v>92</v>
      </c>
      <c r="B117" s="21">
        <v>4</v>
      </c>
      <c r="C117" s="6">
        <v>31</v>
      </c>
      <c r="D117" s="5">
        <v>35</v>
      </c>
    </row>
    <row r="118" spans="1:4" ht="18" customHeight="1" x14ac:dyDescent="0.15">
      <c r="A118" s="8">
        <v>93</v>
      </c>
      <c r="B118" s="21">
        <v>6</v>
      </c>
      <c r="C118" s="6">
        <v>18</v>
      </c>
      <c r="D118" s="5">
        <v>24</v>
      </c>
    </row>
    <row r="119" spans="1:4" ht="18" customHeight="1" x14ac:dyDescent="0.15">
      <c r="A119" s="8">
        <v>94</v>
      </c>
      <c r="B119" s="21">
        <v>5</v>
      </c>
      <c r="C119" s="6">
        <v>8</v>
      </c>
      <c r="D119" s="5">
        <v>13</v>
      </c>
    </row>
    <row r="120" spans="1:4" ht="18" customHeight="1" x14ac:dyDescent="0.15">
      <c r="A120" s="8" t="s">
        <v>5</v>
      </c>
      <c r="B120" s="21">
        <v>25</v>
      </c>
      <c r="C120" s="6">
        <v>113</v>
      </c>
      <c r="D120" s="5">
        <v>138</v>
      </c>
    </row>
    <row r="121" spans="1:4" ht="18" customHeight="1" x14ac:dyDescent="0.15">
      <c r="A121" s="8">
        <v>95</v>
      </c>
      <c r="B121" s="21">
        <v>3</v>
      </c>
      <c r="C121" s="6">
        <v>8</v>
      </c>
      <c r="D121" s="5">
        <v>11</v>
      </c>
    </row>
    <row r="122" spans="1:4" ht="18" customHeight="1" x14ac:dyDescent="0.15">
      <c r="A122" s="8">
        <v>96</v>
      </c>
      <c r="B122" s="21">
        <v>3</v>
      </c>
      <c r="C122" s="6">
        <v>4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2</v>
      </c>
      <c r="C124" s="6">
        <v>4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9</v>
      </c>
      <c r="C126" s="6">
        <v>25</v>
      </c>
      <c r="D126" s="5">
        <v>34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1</v>
      </c>
      <c r="C129" s="6">
        <v>11</v>
      </c>
      <c r="D129" s="5">
        <v>12</v>
      </c>
    </row>
    <row r="130" spans="1:4" ht="18" customHeight="1" x14ac:dyDescent="0.15">
      <c r="A130" s="8" t="s">
        <v>1</v>
      </c>
      <c r="B130" s="21">
        <v>1035</v>
      </c>
      <c r="C130" s="6">
        <v>1317</v>
      </c>
      <c r="D130" s="5">
        <v>2352</v>
      </c>
    </row>
    <row r="131" spans="1:4" ht="18" customHeight="1" x14ac:dyDescent="0.15">
      <c r="A131" s="4" t="s">
        <v>0</v>
      </c>
      <c r="B131" s="20">
        <v>5332</v>
      </c>
      <c r="C131" s="2">
        <v>4804</v>
      </c>
      <c r="D131" s="1">
        <v>101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25E19C-A7FD-46D2-8FC9-05AEA70B8007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4</v>
      </c>
      <c r="C5" s="11">
        <v>5</v>
      </c>
      <c r="D5" s="10">
        <v>19</v>
      </c>
    </row>
    <row r="6" spans="1:4" ht="18" customHeight="1" x14ac:dyDescent="0.15">
      <c r="A6" s="8">
        <v>1</v>
      </c>
      <c r="B6" s="21">
        <v>7</v>
      </c>
      <c r="C6" s="6">
        <v>16</v>
      </c>
      <c r="D6" s="5">
        <v>23</v>
      </c>
    </row>
    <row r="7" spans="1:4" ht="18" customHeight="1" x14ac:dyDescent="0.15">
      <c r="A7" s="8">
        <v>2</v>
      </c>
      <c r="B7" s="21">
        <v>7</v>
      </c>
      <c r="C7" s="6">
        <v>13</v>
      </c>
      <c r="D7" s="5">
        <v>20</v>
      </c>
    </row>
    <row r="8" spans="1:4" ht="18" customHeight="1" x14ac:dyDescent="0.15">
      <c r="A8" s="8">
        <v>3</v>
      </c>
      <c r="B8" s="21">
        <v>7</v>
      </c>
      <c r="C8" s="6">
        <v>14</v>
      </c>
      <c r="D8" s="5">
        <v>21</v>
      </c>
    </row>
    <row r="9" spans="1:4" ht="18" customHeight="1" x14ac:dyDescent="0.15">
      <c r="A9" s="8">
        <v>4</v>
      </c>
      <c r="B9" s="21">
        <v>12</v>
      </c>
      <c r="C9" s="6">
        <v>13</v>
      </c>
      <c r="D9" s="5">
        <v>25</v>
      </c>
    </row>
    <row r="10" spans="1:4" ht="18" customHeight="1" x14ac:dyDescent="0.15">
      <c r="A10" s="8" t="s">
        <v>25</v>
      </c>
      <c r="B10" s="21">
        <v>47</v>
      </c>
      <c r="C10" s="6">
        <v>61</v>
      </c>
      <c r="D10" s="5">
        <v>108</v>
      </c>
    </row>
    <row r="11" spans="1:4" ht="18" customHeight="1" x14ac:dyDescent="0.15">
      <c r="A11" s="8">
        <v>5</v>
      </c>
      <c r="B11" s="21">
        <v>19</v>
      </c>
      <c r="C11" s="6">
        <v>10</v>
      </c>
      <c r="D11" s="5">
        <v>29</v>
      </c>
    </row>
    <row r="12" spans="1:4" ht="18" customHeight="1" x14ac:dyDescent="0.15">
      <c r="A12" s="8">
        <v>6</v>
      </c>
      <c r="B12" s="21">
        <v>7</v>
      </c>
      <c r="C12" s="6">
        <v>13</v>
      </c>
      <c r="D12" s="5">
        <v>20</v>
      </c>
    </row>
    <row r="13" spans="1:4" ht="18" customHeight="1" x14ac:dyDescent="0.15">
      <c r="A13" s="8">
        <v>7</v>
      </c>
      <c r="B13" s="21">
        <v>13</v>
      </c>
      <c r="C13" s="6">
        <v>16</v>
      </c>
      <c r="D13" s="5">
        <v>29</v>
      </c>
    </row>
    <row r="14" spans="1:4" ht="18" customHeight="1" x14ac:dyDescent="0.15">
      <c r="A14" s="8">
        <v>8</v>
      </c>
      <c r="B14" s="21">
        <v>12</v>
      </c>
      <c r="C14" s="6">
        <v>13</v>
      </c>
      <c r="D14" s="5">
        <v>25</v>
      </c>
    </row>
    <row r="15" spans="1:4" ht="18" customHeight="1" x14ac:dyDescent="0.15">
      <c r="A15" s="8">
        <v>9</v>
      </c>
      <c r="B15" s="21">
        <v>10</v>
      </c>
      <c r="C15" s="6">
        <v>17</v>
      </c>
      <c r="D15" s="5">
        <v>27</v>
      </c>
    </row>
    <row r="16" spans="1:4" ht="18" customHeight="1" x14ac:dyDescent="0.15">
      <c r="A16" s="8" t="s">
        <v>24</v>
      </c>
      <c r="B16" s="21">
        <v>61</v>
      </c>
      <c r="C16" s="6">
        <v>69</v>
      </c>
      <c r="D16" s="5">
        <v>130</v>
      </c>
    </row>
    <row r="17" spans="1:4" ht="18" customHeight="1" x14ac:dyDescent="0.15">
      <c r="A17" s="8">
        <v>10</v>
      </c>
      <c r="B17" s="21">
        <v>9</v>
      </c>
      <c r="C17" s="6">
        <v>16</v>
      </c>
      <c r="D17" s="5">
        <v>25</v>
      </c>
    </row>
    <row r="18" spans="1:4" ht="18" customHeight="1" x14ac:dyDescent="0.15">
      <c r="A18" s="8">
        <v>11</v>
      </c>
      <c r="B18" s="21">
        <v>20</v>
      </c>
      <c r="C18" s="6">
        <v>10</v>
      </c>
      <c r="D18" s="5">
        <v>30</v>
      </c>
    </row>
    <row r="19" spans="1:4" ht="18" customHeight="1" x14ac:dyDescent="0.15">
      <c r="A19" s="8">
        <v>12</v>
      </c>
      <c r="B19" s="21">
        <v>10</v>
      </c>
      <c r="C19" s="6">
        <v>16</v>
      </c>
      <c r="D19" s="5">
        <v>26</v>
      </c>
    </row>
    <row r="20" spans="1:4" ht="18" customHeight="1" x14ac:dyDescent="0.15">
      <c r="A20" s="8">
        <v>13</v>
      </c>
      <c r="B20" s="21">
        <v>23</v>
      </c>
      <c r="C20" s="6">
        <v>20</v>
      </c>
      <c r="D20" s="5">
        <v>43</v>
      </c>
    </row>
    <row r="21" spans="1:4" ht="18" customHeight="1" x14ac:dyDescent="0.15">
      <c r="A21" s="8">
        <v>14</v>
      </c>
      <c r="B21" s="21">
        <v>12</v>
      </c>
      <c r="C21" s="6">
        <v>15</v>
      </c>
      <c r="D21" s="5">
        <v>27</v>
      </c>
    </row>
    <row r="22" spans="1:4" ht="18" customHeight="1" x14ac:dyDescent="0.15">
      <c r="A22" s="8" t="s">
        <v>23</v>
      </c>
      <c r="B22" s="21">
        <v>74</v>
      </c>
      <c r="C22" s="6">
        <v>77</v>
      </c>
      <c r="D22" s="5">
        <v>151</v>
      </c>
    </row>
    <row r="23" spans="1:4" ht="18" customHeight="1" x14ac:dyDescent="0.15">
      <c r="A23" s="8" t="s">
        <v>22</v>
      </c>
      <c r="B23" s="21">
        <v>182</v>
      </c>
      <c r="C23" s="6">
        <v>207</v>
      </c>
      <c r="D23" s="5">
        <v>389</v>
      </c>
    </row>
    <row r="24" spans="1:4" ht="18" customHeight="1" x14ac:dyDescent="0.15">
      <c r="A24" s="8">
        <v>15</v>
      </c>
      <c r="B24" s="21">
        <v>17</v>
      </c>
      <c r="C24" s="6">
        <v>15</v>
      </c>
      <c r="D24" s="5">
        <v>32</v>
      </c>
    </row>
    <row r="25" spans="1:4" ht="18" customHeight="1" x14ac:dyDescent="0.15">
      <c r="A25" s="8">
        <v>16</v>
      </c>
      <c r="B25" s="21">
        <v>12</v>
      </c>
      <c r="C25" s="6">
        <v>18</v>
      </c>
      <c r="D25" s="5">
        <v>30</v>
      </c>
    </row>
    <row r="26" spans="1:4" ht="18" customHeight="1" x14ac:dyDescent="0.15">
      <c r="A26" s="8">
        <v>17</v>
      </c>
      <c r="B26" s="21">
        <v>18</v>
      </c>
      <c r="C26" s="6">
        <v>19</v>
      </c>
      <c r="D26" s="5">
        <v>37</v>
      </c>
    </row>
    <row r="27" spans="1:4" ht="18" customHeight="1" x14ac:dyDescent="0.15">
      <c r="A27" s="8">
        <v>18</v>
      </c>
      <c r="B27" s="21">
        <v>26</v>
      </c>
      <c r="C27" s="6">
        <v>16</v>
      </c>
      <c r="D27" s="5">
        <v>42</v>
      </c>
    </row>
    <row r="28" spans="1:4" ht="18" customHeight="1" x14ac:dyDescent="0.15">
      <c r="A28" s="8">
        <v>19</v>
      </c>
      <c r="B28" s="21">
        <v>19</v>
      </c>
      <c r="C28" s="6">
        <v>20</v>
      </c>
      <c r="D28" s="5">
        <v>39</v>
      </c>
    </row>
    <row r="29" spans="1:4" ht="18" customHeight="1" x14ac:dyDescent="0.15">
      <c r="A29" s="8" t="s">
        <v>21</v>
      </c>
      <c r="B29" s="21">
        <v>92</v>
      </c>
      <c r="C29" s="6">
        <v>88</v>
      </c>
      <c r="D29" s="5">
        <v>180</v>
      </c>
    </row>
    <row r="30" spans="1:4" ht="18" customHeight="1" x14ac:dyDescent="0.15">
      <c r="A30" s="8">
        <v>20</v>
      </c>
      <c r="B30" s="21">
        <v>16</v>
      </c>
      <c r="C30" s="6">
        <v>21</v>
      </c>
      <c r="D30" s="5">
        <v>37</v>
      </c>
    </row>
    <row r="31" spans="1:4" ht="18" customHeight="1" x14ac:dyDescent="0.15">
      <c r="A31" s="8">
        <v>21</v>
      </c>
      <c r="B31" s="21">
        <v>24</v>
      </c>
      <c r="C31" s="6">
        <v>19</v>
      </c>
      <c r="D31" s="5">
        <v>43</v>
      </c>
    </row>
    <row r="32" spans="1:4" ht="18" customHeight="1" x14ac:dyDescent="0.15">
      <c r="A32" s="8">
        <v>22</v>
      </c>
      <c r="B32" s="21">
        <v>20</v>
      </c>
      <c r="C32" s="6">
        <v>23</v>
      </c>
      <c r="D32" s="5">
        <v>43</v>
      </c>
    </row>
    <row r="33" spans="1:4" ht="18" customHeight="1" x14ac:dyDescent="0.15">
      <c r="A33" s="8">
        <v>23</v>
      </c>
      <c r="B33" s="21">
        <v>26</v>
      </c>
      <c r="C33" s="6">
        <v>24</v>
      </c>
      <c r="D33" s="5">
        <v>50</v>
      </c>
    </row>
    <row r="34" spans="1:4" ht="18" customHeight="1" x14ac:dyDescent="0.15">
      <c r="A34" s="8">
        <v>24</v>
      </c>
      <c r="B34" s="21">
        <v>18</v>
      </c>
      <c r="C34" s="6">
        <v>14</v>
      </c>
      <c r="D34" s="5">
        <v>32</v>
      </c>
    </row>
    <row r="35" spans="1:4" ht="18" customHeight="1" x14ac:dyDescent="0.15">
      <c r="A35" s="8" t="s">
        <v>20</v>
      </c>
      <c r="B35" s="21">
        <v>104</v>
      </c>
      <c r="C35" s="6">
        <v>101</v>
      </c>
      <c r="D35" s="5">
        <v>205</v>
      </c>
    </row>
    <row r="36" spans="1:4" ht="18" customHeight="1" x14ac:dyDescent="0.15">
      <c r="A36" s="8">
        <v>25</v>
      </c>
      <c r="B36" s="21">
        <v>25</v>
      </c>
      <c r="C36" s="6">
        <v>36</v>
      </c>
      <c r="D36" s="5">
        <v>61</v>
      </c>
    </row>
    <row r="37" spans="1:4" ht="18" customHeight="1" x14ac:dyDescent="0.15">
      <c r="A37" s="8">
        <v>26</v>
      </c>
      <c r="B37" s="21">
        <v>16</v>
      </c>
      <c r="C37" s="6">
        <v>25</v>
      </c>
      <c r="D37" s="5">
        <v>41</v>
      </c>
    </row>
    <row r="38" spans="1:4" ht="18" customHeight="1" x14ac:dyDescent="0.15">
      <c r="A38" s="8">
        <v>27</v>
      </c>
      <c r="B38" s="21">
        <v>17</v>
      </c>
      <c r="C38" s="6">
        <v>30</v>
      </c>
      <c r="D38" s="5">
        <v>47</v>
      </c>
    </row>
    <row r="39" spans="1:4" ht="18" customHeight="1" x14ac:dyDescent="0.15">
      <c r="A39" s="8">
        <v>28</v>
      </c>
      <c r="B39" s="21">
        <v>24</v>
      </c>
      <c r="C39" s="6">
        <v>21</v>
      </c>
      <c r="D39" s="5">
        <v>45</v>
      </c>
    </row>
    <row r="40" spans="1:4" ht="18" customHeight="1" x14ac:dyDescent="0.15">
      <c r="A40" s="8">
        <v>29</v>
      </c>
      <c r="B40" s="21">
        <v>25</v>
      </c>
      <c r="C40" s="6">
        <v>17</v>
      </c>
      <c r="D40" s="5">
        <v>42</v>
      </c>
    </row>
    <row r="41" spans="1:4" ht="18" customHeight="1" x14ac:dyDescent="0.15">
      <c r="A41" s="8" t="s">
        <v>19</v>
      </c>
      <c r="B41" s="21">
        <v>107</v>
      </c>
      <c r="C41" s="6">
        <v>129</v>
      </c>
      <c r="D41" s="5">
        <v>236</v>
      </c>
    </row>
    <row r="42" spans="1:4" ht="18" customHeight="1" x14ac:dyDescent="0.15">
      <c r="A42" s="8">
        <v>30</v>
      </c>
      <c r="B42" s="21">
        <v>21</v>
      </c>
      <c r="C42" s="6">
        <v>21</v>
      </c>
      <c r="D42" s="5">
        <v>42</v>
      </c>
    </row>
    <row r="43" spans="1:4" ht="18" customHeight="1" x14ac:dyDescent="0.15">
      <c r="A43" s="8">
        <v>31</v>
      </c>
      <c r="B43" s="21">
        <v>16</v>
      </c>
      <c r="C43" s="6">
        <v>21</v>
      </c>
      <c r="D43" s="5">
        <v>37</v>
      </c>
    </row>
    <row r="44" spans="1:4" ht="18" customHeight="1" x14ac:dyDescent="0.15">
      <c r="A44" s="8">
        <v>32</v>
      </c>
      <c r="B44" s="21">
        <v>14</v>
      </c>
      <c r="C44" s="6">
        <v>16</v>
      </c>
      <c r="D44" s="5">
        <v>30</v>
      </c>
    </row>
    <row r="45" spans="1:4" ht="18" customHeight="1" x14ac:dyDescent="0.15">
      <c r="A45" s="8">
        <v>33</v>
      </c>
      <c r="B45" s="21">
        <v>20</v>
      </c>
      <c r="C45" s="6">
        <v>12</v>
      </c>
      <c r="D45" s="5">
        <v>32</v>
      </c>
    </row>
    <row r="46" spans="1:4" ht="18" customHeight="1" x14ac:dyDescent="0.15">
      <c r="A46" s="8">
        <v>34</v>
      </c>
      <c r="B46" s="21">
        <v>18</v>
      </c>
      <c r="C46" s="6">
        <v>13</v>
      </c>
      <c r="D46" s="5">
        <v>31</v>
      </c>
    </row>
    <row r="47" spans="1:4" ht="18" customHeight="1" x14ac:dyDescent="0.15">
      <c r="A47" s="8" t="s">
        <v>18</v>
      </c>
      <c r="B47" s="21">
        <v>89</v>
      </c>
      <c r="C47" s="6">
        <v>83</v>
      </c>
      <c r="D47" s="5">
        <v>172</v>
      </c>
    </row>
    <row r="48" spans="1:4" ht="18" customHeight="1" x14ac:dyDescent="0.15">
      <c r="A48" s="8">
        <v>35</v>
      </c>
      <c r="B48" s="21">
        <v>21</v>
      </c>
      <c r="C48" s="6">
        <v>15</v>
      </c>
      <c r="D48" s="5">
        <v>36</v>
      </c>
    </row>
    <row r="49" spans="1:4" ht="18" customHeight="1" x14ac:dyDescent="0.15">
      <c r="A49" s="8">
        <v>36</v>
      </c>
      <c r="B49" s="21">
        <v>22</v>
      </c>
      <c r="C49" s="6">
        <v>17</v>
      </c>
      <c r="D49" s="5">
        <v>39</v>
      </c>
    </row>
    <row r="50" spans="1:4" ht="18" customHeight="1" x14ac:dyDescent="0.15">
      <c r="A50" s="8">
        <v>37</v>
      </c>
      <c r="B50" s="21">
        <v>20</v>
      </c>
      <c r="C50" s="6">
        <v>13</v>
      </c>
      <c r="D50" s="5">
        <v>33</v>
      </c>
    </row>
    <row r="51" spans="1:4" ht="18" customHeight="1" x14ac:dyDescent="0.15">
      <c r="A51" s="8">
        <v>38</v>
      </c>
      <c r="B51" s="21">
        <v>21</v>
      </c>
      <c r="C51" s="6">
        <v>11</v>
      </c>
      <c r="D51" s="5">
        <v>32</v>
      </c>
    </row>
    <row r="52" spans="1:4" ht="18" customHeight="1" x14ac:dyDescent="0.15">
      <c r="A52" s="8">
        <v>39</v>
      </c>
      <c r="B52" s="21">
        <v>17</v>
      </c>
      <c r="C52" s="6">
        <v>23</v>
      </c>
      <c r="D52" s="5">
        <v>40</v>
      </c>
    </row>
    <row r="53" spans="1:4" ht="18" customHeight="1" x14ac:dyDescent="0.15">
      <c r="A53" s="8" t="s">
        <v>17</v>
      </c>
      <c r="B53" s="21">
        <v>101</v>
      </c>
      <c r="C53" s="6">
        <v>79</v>
      </c>
      <c r="D53" s="5">
        <v>180</v>
      </c>
    </row>
    <row r="54" spans="1:4" ht="18" customHeight="1" x14ac:dyDescent="0.15">
      <c r="A54" s="8">
        <v>40</v>
      </c>
      <c r="B54" s="21">
        <v>20</v>
      </c>
      <c r="C54" s="6">
        <v>31</v>
      </c>
      <c r="D54" s="5">
        <v>51</v>
      </c>
    </row>
    <row r="55" spans="1:4" ht="18" customHeight="1" x14ac:dyDescent="0.15">
      <c r="A55" s="8">
        <v>41</v>
      </c>
      <c r="B55" s="21">
        <v>17</v>
      </c>
      <c r="C55" s="6">
        <v>20</v>
      </c>
      <c r="D55" s="5">
        <v>37</v>
      </c>
    </row>
    <row r="56" spans="1:4" ht="18" customHeight="1" x14ac:dyDescent="0.15">
      <c r="A56" s="8">
        <v>42</v>
      </c>
      <c r="B56" s="21">
        <v>23</v>
      </c>
      <c r="C56" s="6">
        <v>18</v>
      </c>
      <c r="D56" s="5">
        <v>41</v>
      </c>
    </row>
    <row r="57" spans="1:4" ht="18" customHeight="1" x14ac:dyDescent="0.15">
      <c r="A57" s="8">
        <v>43</v>
      </c>
      <c r="B57" s="21">
        <v>17</v>
      </c>
      <c r="C57" s="6">
        <v>20</v>
      </c>
      <c r="D57" s="5">
        <v>37</v>
      </c>
    </row>
    <row r="58" spans="1:4" ht="18" customHeight="1" x14ac:dyDescent="0.15">
      <c r="A58" s="8">
        <v>44</v>
      </c>
      <c r="B58" s="21">
        <v>18</v>
      </c>
      <c r="C58" s="6">
        <v>23</v>
      </c>
      <c r="D58" s="5">
        <v>41</v>
      </c>
    </row>
    <row r="59" spans="1:4" ht="18" customHeight="1" x14ac:dyDescent="0.15">
      <c r="A59" s="8" t="s">
        <v>16</v>
      </c>
      <c r="B59" s="21">
        <v>95</v>
      </c>
      <c r="C59" s="6">
        <v>112</v>
      </c>
      <c r="D59" s="5">
        <v>207</v>
      </c>
    </row>
    <row r="60" spans="1:4" ht="18" customHeight="1" x14ac:dyDescent="0.15">
      <c r="A60" s="8">
        <v>45</v>
      </c>
      <c r="B60" s="21">
        <v>22</v>
      </c>
      <c r="C60" s="6">
        <v>20</v>
      </c>
      <c r="D60" s="5">
        <v>42</v>
      </c>
    </row>
    <row r="61" spans="1:4" ht="18" customHeight="1" x14ac:dyDescent="0.15">
      <c r="A61" s="8">
        <v>46</v>
      </c>
      <c r="B61" s="21">
        <v>26</v>
      </c>
      <c r="C61" s="6">
        <v>29</v>
      </c>
      <c r="D61" s="5">
        <v>55</v>
      </c>
    </row>
    <row r="62" spans="1:4" ht="18" customHeight="1" x14ac:dyDescent="0.15">
      <c r="A62" s="8">
        <v>47</v>
      </c>
      <c r="B62" s="21">
        <v>26</v>
      </c>
      <c r="C62" s="6">
        <v>18</v>
      </c>
      <c r="D62" s="5">
        <v>44</v>
      </c>
    </row>
    <row r="63" spans="1:4" ht="18" customHeight="1" x14ac:dyDescent="0.15">
      <c r="A63" s="8">
        <v>48</v>
      </c>
      <c r="B63" s="21">
        <v>25</v>
      </c>
      <c r="C63" s="6">
        <v>32</v>
      </c>
      <c r="D63" s="5">
        <v>57</v>
      </c>
    </row>
    <row r="64" spans="1:4" ht="18" customHeight="1" x14ac:dyDescent="0.15">
      <c r="A64" s="8">
        <v>49</v>
      </c>
      <c r="B64" s="21">
        <v>30</v>
      </c>
      <c r="C64" s="6">
        <v>33</v>
      </c>
      <c r="D64" s="5">
        <v>63</v>
      </c>
    </row>
    <row r="65" spans="1:4" ht="18" customHeight="1" x14ac:dyDescent="0.15">
      <c r="A65" s="8" t="s">
        <v>15</v>
      </c>
      <c r="B65" s="21">
        <v>129</v>
      </c>
      <c r="C65" s="6">
        <v>132</v>
      </c>
      <c r="D65" s="5">
        <v>261</v>
      </c>
    </row>
    <row r="66" spans="1:4" ht="18" customHeight="1" x14ac:dyDescent="0.15">
      <c r="A66" s="8">
        <v>50</v>
      </c>
      <c r="B66" s="21">
        <v>28</v>
      </c>
      <c r="C66" s="6">
        <v>30</v>
      </c>
      <c r="D66" s="5">
        <v>58</v>
      </c>
    </row>
    <row r="67" spans="1:4" ht="18" customHeight="1" x14ac:dyDescent="0.15">
      <c r="A67" s="8">
        <v>51</v>
      </c>
      <c r="B67" s="21">
        <v>38</v>
      </c>
      <c r="C67" s="6">
        <v>38</v>
      </c>
      <c r="D67" s="5">
        <v>76</v>
      </c>
    </row>
    <row r="68" spans="1:4" ht="18" customHeight="1" x14ac:dyDescent="0.15">
      <c r="A68" s="8">
        <v>52</v>
      </c>
      <c r="B68" s="21">
        <v>39</v>
      </c>
      <c r="C68" s="6">
        <v>38</v>
      </c>
      <c r="D68" s="5">
        <v>77</v>
      </c>
    </row>
    <row r="69" spans="1:4" ht="18" customHeight="1" x14ac:dyDescent="0.15">
      <c r="A69" s="8">
        <v>53</v>
      </c>
      <c r="B69" s="21">
        <v>31</v>
      </c>
      <c r="C69" s="6">
        <v>45</v>
      </c>
      <c r="D69" s="5">
        <v>76</v>
      </c>
    </row>
    <row r="70" spans="1:4" ht="18" customHeight="1" x14ac:dyDescent="0.15">
      <c r="A70" s="8">
        <v>54</v>
      </c>
      <c r="B70" s="21">
        <v>35</v>
      </c>
      <c r="C70" s="6">
        <v>29</v>
      </c>
      <c r="D70" s="5">
        <v>64</v>
      </c>
    </row>
    <row r="71" spans="1:4" ht="18" customHeight="1" x14ac:dyDescent="0.15">
      <c r="A71" s="8" t="s">
        <v>14</v>
      </c>
      <c r="B71" s="21">
        <v>171</v>
      </c>
      <c r="C71" s="6">
        <v>180</v>
      </c>
      <c r="D71" s="5">
        <v>351</v>
      </c>
    </row>
    <row r="72" spans="1:4" ht="18" customHeight="1" x14ac:dyDescent="0.15">
      <c r="A72" s="8">
        <v>55</v>
      </c>
      <c r="B72" s="21">
        <v>26</v>
      </c>
      <c r="C72" s="6">
        <v>39</v>
      </c>
      <c r="D72" s="5">
        <v>65</v>
      </c>
    </row>
    <row r="73" spans="1:4" ht="18" customHeight="1" x14ac:dyDescent="0.15">
      <c r="A73" s="8">
        <v>56</v>
      </c>
      <c r="B73" s="21">
        <v>30</v>
      </c>
      <c r="C73" s="6">
        <v>30</v>
      </c>
      <c r="D73" s="5">
        <v>60</v>
      </c>
    </row>
    <row r="74" spans="1:4" ht="18" customHeight="1" x14ac:dyDescent="0.15">
      <c r="A74" s="8">
        <v>57</v>
      </c>
      <c r="B74" s="21">
        <v>20</v>
      </c>
      <c r="C74" s="6">
        <v>31</v>
      </c>
      <c r="D74" s="5">
        <v>51</v>
      </c>
    </row>
    <row r="75" spans="1:4" ht="18" customHeight="1" x14ac:dyDescent="0.15">
      <c r="A75" s="8">
        <v>58</v>
      </c>
      <c r="B75" s="21">
        <v>34</v>
      </c>
      <c r="C75" s="6">
        <v>31</v>
      </c>
      <c r="D75" s="5">
        <v>65</v>
      </c>
    </row>
    <row r="76" spans="1:4" ht="18" customHeight="1" x14ac:dyDescent="0.15">
      <c r="A76" s="8">
        <v>59</v>
      </c>
      <c r="B76" s="21">
        <v>37</v>
      </c>
      <c r="C76" s="6">
        <v>27</v>
      </c>
      <c r="D76" s="5">
        <v>64</v>
      </c>
    </row>
    <row r="77" spans="1:4" ht="18" customHeight="1" x14ac:dyDescent="0.15">
      <c r="A77" s="8" t="s">
        <v>13</v>
      </c>
      <c r="B77" s="21">
        <v>147</v>
      </c>
      <c r="C77" s="6">
        <v>158</v>
      </c>
      <c r="D77" s="5">
        <v>305</v>
      </c>
    </row>
    <row r="78" spans="1:4" ht="18" customHeight="1" x14ac:dyDescent="0.15">
      <c r="A78" s="8">
        <v>60</v>
      </c>
      <c r="B78" s="21">
        <v>28</v>
      </c>
      <c r="C78" s="6">
        <v>37</v>
      </c>
      <c r="D78" s="5">
        <v>65</v>
      </c>
    </row>
    <row r="79" spans="1:4" ht="18" customHeight="1" x14ac:dyDescent="0.15">
      <c r="A79" s="8">
        <v>61</v>
      </c>
      <c r="B79" s="21">
        <v>26</v>
      </c>
      <c r="C79" s="6">
        <v>31</v>
      </c>
      <c r="D79" s="5">
        <v>57</v>
      </c>
    </row>
    <row r="80" spans="1:4" ht="18" customHeight="1" x14ac:dyDescent="0.15">
      <c r="A80" s="8">
        <v>62</v>
      </c>
      <c r="B80" s="21">
        <v>30</v>
      </c>
      <c r="C80" s="6">
        <v>20</v>
      </c>
      <c r="D80" s="5">
        <v>50</v>
      </c>
    </row>
    <row r="81" spans="1:4" ht="18" customHeight="1" x14ac:dyDescent="0.15">
      <c r="A81" s="8">
        <v>63</v>
      </c>
      <c r="B81" s="21">
        <v>27</v>
      </c>
      <c r="C81" s="6">
        <v>25</v>
      </c>
      <c r="D81" s="5">
        <v>52</v>
      </c>
    </row>
    <row r="82" spans="1:4" ht="18" customHeight="1" x14ac:dyDescent="0.15">
      <c r="A82" s="8">
        <v>64</v>
      </c>
      <c r="B82" s="21">
        <v>20</v>
      </c>
      <c r="C82" s="6">
        <v>22</v>
      </c>
      <c r="D82" s="5">
        <v>42</v>
      </c>
    </row>
    <row r="83" spans="1:4" ht="18" customHeight="1" x14ac:dyDescent="0.15">
      <c r="A83" s="8" t="s">
        <v>12</v>
      </c>
      <c r="B83" s="21">
        <v>131</v>
      </c>
      <c r="C83" s="6">
        <v>135</v>
      </c>
      <c r="D83" s="5">
        <v>266</v>
      </c>
    </row>
    <row r="84" spans="1:4" ht="18" customHeight="1" x14ac:dyDescent="0.15">
      <c r="A84" s="8" t="s">
        <v>11</v>
      </c>
      <c r="B84" s="21">
        <v>1166</v>
      </c>
      <c r="C84" s="6">
        <v>1197</v>
      </c>
      <c r="D84" s="5">
        <v>2363</v>
      </c>
    </row>
    <row r="85" spans="1:4" ht="18" customHeight="1" x14ac:dyDescent="0.15">
      <c r="A85" s="8">
        <v>65</v>
      </c>
      <c r="B85" s="21">
        <v>37</v>
      </c>
      <c r="C85" s="6">
        <v>26</v>
      </c>
      <c r="D85" s="5">
        <v>63</v>
      </c>
    </row>
    <row r="86" spans="1:4" ht="18" customHeight="1" x14ac:dyDescent="0.15">
      <c r="A86" s="8">
        <v>66</v>
      </c>
      <c r="B86" s="21">
        <v>21</v>
      </c>
      <c r="C86" s="6">
        <v>25</v>
      </c>
      <c r="D86" s="5">
        <v>46</v>
      </c>
    </row>
    <row r="87" spans="1:4" ht="18" customHeight="1" x14ac:dyDescent="0.15">
      <c r="A87" s="8">
        <v>67</v>
      </c>
      <c r="B87" s="21">
        <v>18</v>
      </c>
      <c r="C87" s="6">
        <v>26</v>
      </c>
      <c r="D87" s="5">
        <v>44</v>
      </c>
    </row>
    <row r="88" spans="1:4" ht="18" customHeight="1" x14ac:dyDescent="0.15">
      <c r="A88" s="8">
        <v>68</v>
      </c>
      <c r="B88" s="21">
        <v>17</v>
      </c>
      <c r="C88" s="6">
        <v>25</v>
      </c>
      <c r="D88" s="5">
        <v>42</v>
      </c>
    </row>
    <row r="89" spans="1:4" ht="18" customHeight="1" x14ac:dyDescent="0.15">
      <c r="A89" s="8">
        <v>69</v>
      </c>
      <c r="B89" s="21">
        <v>18</v>
      </c>
      <c r="C89" s="6">
        <v>18</v>
      </c>
      <c r="D89" s="5">
        <v>36</v>
      </c>
    </row>
    <row r="90" spans="1:4" ht="18" customHeight="1" x14ac:dyDescent="0.15">
      <c r="A90" s="8" t="s">
        <v>10</v>
      </c>
      <c r="B90" s="21">
        <v>111</v>
      </c>
      <c r="C90" s="6">
        <v>120</v>
      </c>
      <c r="D90" s="5">
        <v>231</v>
      </c>
    </row>
    <row r="91" spans="1:4" ht="18" customHeight="1" x14ac:dyDescent="0.15">
      <c r="A91" s="8">
        <v>70</v>
      </c>
      <c r="B91" s="21">
        <v>21</v>
      </c>
      <c r="C91" s="6">
        <v>27</v>
      </c>
      <c r="D91" s="5">
        <v>48</v>
      </c>
    </row>
    <row r="92" spans="1:4" ht="18" customHeight="1" x14ac:dyDescent="0.15">
      <c r="A92" s="8">
        <v>71</v>
      </c>
      <c r="B92" s="21">
        <v>25</v>
      </c>
      <c r="C92" s="6">
        <v>23</v>
      </c>
      <c r="D92" s="5">
        <v>48</v>
      </c>
    </row>
    <row r="93" spans="1:4" ht="18" customHeight="1" x14ac:dyDescent="0.15">
      <c r="A93" s="8">
        <v>72</v>
      </c>
      <c r="B93" s="21">
        <v>25</v>
      </c>
      <c r="C93" s="6">
        <v>25</v>
      </c>
      <c r="D93" s="5">
        <v>50</v>
      </c>
    </row>
    <row r="94" spans="1:4" ht="18" customHeight="1" x14ac:dyDescent="0.15">
      <c r="A94" s="8">
        <v>73</v>
      </c>
      <c r="B94" s="21">
        <v>18</v>
      </c>
      <c r="C94" s="6">
        <v>28</v>
      </c>
      <c r="D94" s="5">
        <v>46</v>
      </c>
    </row>
    <row r="95" spans="1:4" ht="18" customHeight="1" x14ac:dyDescent="0.15">
      <c r="A95" s="8">
        <v>74</v>
      </c>
      <c r="B95" s="21">
        <v>25</v>
      </c>
      <c r="C95" s="6">
        <v>27</v>
      </c>
      <c r="D95" s="5">
        <v>52</v>
      </c>
    </row>
    <row r="96" spans="1:4" ht="18" customHeight="1" x14ac:dyDescent="0.15">
      <c r="A96" s="8" t="s">
        <v>9</v>
      </c>
      <c r="B96" s="21">
        <v>114</v>
      </c>
      <c r="C96" s="6">
        <v>130</v>
      </c>
      <c r="D96" s="5">
        <v>244</v>
      </c>
    </row>
    <row r="97" spans="1:4" ht="18" customHeight="1" x14ac:dyDescent="0.15">
      <c r="A97" s="8">
        <v>75</v>
      </c>
      <c r="B97" s="21">
        <v>28</v>
      </c>
      <c r="C97" s="6">
        <v>35</v>
      </c>
      <c r="D97" s="5">
        <v>63</v>
      </c>
    </row>
    <row r="98" spans="1:4" ht="18" customHeight="1" x14ac:dyDescent="0.15">
      <c r="A98" s="8">
        <v>76</v>
      </c>
      <c r="B98" s="21">
        <v>35</v>
      </c>
      <c r="C98" s="6">
        <v>46</v>
      </c>
      <c r="D98" s="5">
        <v>81</v>
      </c>
    </row>
    <row r="99" spans="1:4" ht="18" customHeight="1" x14ac:dyDescent="0.15">
      <c r="A99" s="8">
        <v>77</v>
      </c>
      <c r="B99" s="21">
        <v>24</v>
      </c>
      <c r="C99" s="6">
        <v>31</v>
      </c>
      <c r="D99" s="5">
        <v>55</v>
      </c>
    </row>
    <row r="100" spans="1:4" ht="18" customHeight="1" x14ac:dyDescent="0.15">
      <c r="A100" s="8">
        <v>78</v>
      </c>
      <c r="B100" s="21">
        <v>24</v>
      </c>
      <c r="C100" s="6">
        <v>37</v>
      </c>
      <c r="D100" s="5">
        <v>61</v>
      </c>
    </row>
    <row r="101" spans="1:4" ht="18" customHeight="1" x14ac:dyDescent="0.15">
      <c r="A101" s="8">
        <v>79</v>
      </c>
      <c r="B101" s="21">
        <v>14</v>
      </c>
      <c r="C101" s="6">
        <v>23</v>
      </c>
      <c r="D101" s="5">
        <v>37</v>
      </c>
    </row>
    <row r="102" spans="1:4" ht="18" customHeight="1" x14ac:dyDescent="0.15">
      <c r="A102" s="8" t="s">
        <v>8</v>
      </c>
      <c r="B102" s="21">
        <v>125</v>
      </c>
      <c r="C102" s="6">
        <v>172</v>
      </c>
      <c r="D102" s="5">
        <v>297</v>
      </c>
    </row>
    <row r="103" spans="1:4" ht="18" customHeight="1" x14ac:dyDescent="0.15">
      <c r="A103" s="8">
        <v>80</v>
      </c>
      <c r="B103" s="21">
        <v>13</v>
      </c>
      <c r="C103" s="6">
        <v>16</v>
      </c>
      <c r="D103" s="5">
        <v>29</v>
      </c>
    </row>
    <row r="104" spans="1:4" ht="18" customHeight="1" x14ac:dyDescent="0.15">
      <c r="A104" s="8">
        <v>81</v>
      </c>
      <c r="B104" s="21">
        <v>16</v>
      </c>
      <c r="C104" s="6">
        <v>33</v>
      </c>
      <c r="D104" s="5">
        <v>49</v>
      </c>
    </row>
    <row r="105" spans="1:4" ht="18" customHeight="1" x14ac:dyDescent="0.15">
      <c r="A105" s="8">
        <v>82</v>
      </c>
      <c r="B105" s="21">
        <v>14</v>
      </c>
      <c r="C105" s="6">
        <v>26</v>
      </c>
      <c r="D105" s="5">
        <v>40</v>
      </c>
    </row>
    <row r="106" spans="1:4" ht="18" customHeight="1" x14ac:dyDescent="0.15">
      <c r="A106" s="8">
        <v>83</v>
      </c>
      <c r="B106" s="21">
        <v>19</v>
      </c>
      <c r="C106" s="6">
        <v>26</v>
      </c>
      <c r="D106" s="5">
        <v>45</v>
      </c>
    </row>
    <row r="107" spans="1:4" ht="18" customHeight="1" x14ac:dyDescent="0.15">
      <c r="A107" s="8">
        <v>84</v>
      </c>
      <c r="B107" s="21">
        <v>18</v>
      </c>
      <c r="C107" s="6">
        <v>34</v>
      </c>
      <c r="D107" s="5">
        <v>52</v>
      </c>
    </row>
    <row r="108" spans="1:4" ht="18" customHeight="1" x14ac:dyDescent="0.15">
      <c r="A108" s="8" t="s">
        <v>7</v>
      </c>
      <c r="B108" s="21">
        <v>80</v>
      </c>
      <c r="C108" s="6">
        <v>135</v>
      </c>
      <c r="D108" s="5">
        <v>215</v>
      </c>
    </row>
    <row r="109" spans="1:4" ht="18" customHeight="1" x14ac:dyDescent="0.15">
      <c r="A109" s="8">
        <v>85</v>
      </c>
      <c r="B109" s="21">
        <v>18</v>
      </c>
      <c r="C109" s="6">
        <v>24</v>
      </c>
      <c r="D109" s="5">
        <v>42</v>
      </c>
    </row>
    <row r="110" spans="1:4" ht="18" customHeight="1" x14ac:dyDescent="0.15">
      <c r="A110" s="8">
        <v>86</v>
      </c>
      <c r="B110" s="21">
        <v>12</v>
      </c>
      <c r="C110" s="6">
        <v>13</v>
      </c>
      <c r="D110" s="5">
        <v>25</v>
      </c>
    </row>
    <row r="111" spans="1:4" ht="18" customHeight="1" x14ac:dyDescent="0.15">
      <c r="A111" s="8">
        <v>87</v>
      </c>
      <c r="B111" s="21">
        <v>9</v>
      </c>
      <c r="C111" s="6">
        <v>20</v>
      </c>
      <c r="D111" s="5">
        <v>29</v>
      </c>
    </row>
    <row r="112" spans="1:4" ht="18" customHeight="1" x14ac:dyDescent="0.15">
      <c r="A112" s="8">
        <v>88</v>
      </c>
      <c r="B112" s="21">
        <v>11</v>
      </c>
      <c r="C112" s="6">
        <v>12</v>
      </c>
      <c r="D112" s="5">
        <v>23</v>
      </c>
    </row>
    <row r="113" spans="1:4" ht="18" customHeight="1" x14ac:dyDescent="0.15">
      <c r="A113" s="8">
        <v>89</v>
      </c>
      <c r="B113" s="21">
        <v>4</v>
      </c>
      <c r="C113" s="6">
        <v>18</v>
      </c>
      <c r="D113" s="5">
        <v>22</v>
      </c>
    </row>
    <row r="114" spans="1:4" ht="18" customHeight="1" x14ac:dyDescent="0.15">
      <c r="A114" s="8" t="s">
        <v>6</v>
      </c>
      <c r="B114" s="21">
        <v>54</v>
      </c>
      <c r="C114" s="6">
        <v>87</v>
      </c>
      <c r="D114" s="5">
        <v>141</v>
      </c>
    </row>
    <row r="115" spans="1:4" ht="18" customHeight="1" x14ac:dyDescent="0.15">
      <c r="A115" s="8">
        <v>90</v>
      </c>
      <c r="B115" s="21">
        <v>6</v>
      </c>
      <c r="C115" s="6">
        <v>6</v>
      </c>
      <c r="D115" s="5">
        <v>12</v>
      </c>
    </row>
    <row r="116" spans="1:4" ht="18" customHeight="1" x14ac:dyDescent="0.15">
      <c r="A116" s="8">
        <v>91</v>
      </c>
      <c r="B116" s="21">
        <v>5</v>
      </c>
      <c r="C116" s="6">
        <v>7</v>
      </c>
      <c r="D116" s="5">
        <v>12</v>
      </c>
    </row>
    <row r="117" spans="1:4" ht="18" customHeight="1" x14ac:dyDescent="0.15">
      <c r="A117" s="8">
        <v>92</v>
      </c>
      <c r="B117" s="21">
        <v>3</v>
      </c>
      <c r="C117" s="6">
        <v>8</v>
      </c>
      <c r="D117" s="5">
        <v>11</v>
      </c>
    </row>
    <row r="118" spans="1:4" ht="18" customHeight="1" x14ac:dyDescent="0.15">
      <c r="A118" s="8">
        <v>93</v>
      </c>
      <c r="B118" s="21">
        <v>5</v>
      </c>
      <c r="C118" s="6">
        <v>11</v>
      </c>
      <c r="D118" s="5">
        <v>16</v>
      </c>
    </row>
    <row r="119" spans="1:4" ht="18" customHeight="1" x14ac:dyDescent="0.15">
      <c r="A119" s="8">
        <v>94</v>
      </c>
      <c r="B119" s="21">
        <v>3</v>
      </c>
      <c r="C119" s="6">
        <v>6</v>
      </c>
      <c r="D119" s="5">
        <v>9</v>
      </c>
    </row>
    <row r="120" spans="1:4" ht="18" customHeight="1" x14ac:dyDescent="0.15">
      <c r="A120" s="8" t="s">
        <v>5</v>
      </c>
      <c r="B120" s="21">
        <v>22</v>
      </c>
      <c r="C120" s="6">
        <v>38</v>
      </c>
      <c r="D120" s="5">
        <v>60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9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507</v>
      </c>
      <c r="C130" s="6">
        <v>693</v>
      </c>
      <c r="D130" s="5">
        <v>1200</v>
      </c>
    </row>
    <row r="131" spans="1:4" ht="18" customHeight="1" x14ac:dyDescent="0.15">
      <c r="A131" s="4" t="s">
        <v>0</v>
      </c>
      <c r="B131" s="20">
        <v>1855</v>
      </c>
      <c r="C131" s="2">
        <v>2097</v>
      </c>
      <c r="D131" s="1">
        <v>39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98E8FE-6B0C-4D76-869F-017593556297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7</v>
      </c>
      <c r="D5" s="10">
        <v>12</v>
      </c>
    </row>
    <row r="6" spans="1:4" ht="18" customHeight="1" x14ac:dyDescent="0.15">
      <c r="A6" s="8">
        <v>1</v>
      </c>
      <c r="B6" s="21">
        <v>6</v>
      </c>
      <c r="C6" s="6">
        <v>8</v>
      </c>
      <c r="D6" s="5">
        <v>14</v>
      </c>
    </row>
    <row r="7" spans="1:4" ht="18" customHeight="1" x14ac:dyDescent="0.15">
      <c r="A7" s="8">
        <v>2</v>
      </c>
      <c r="B7" s="21">
        <v>5</v>
      </c>
      <c r="C7" s="6">
        <v>5</v>
      </c>
      <c r="D7" s="5">
        <v>10</v>
      </c>
    </row>
    <row r="8" spans="1:4" ht="18" customHeight="1" x14ac:dyDescent="0.15">
      <c r="A8" s="8">
        <v>3</v>
      </c>
      <c r="B8" s="21">
        <v>8</v>
      </c>
      <c r="C8" s="6">
        <v>8</v>
      </c>
      <c r="D8" s="5">
        <v>16</v>
      </c>
    </row>
    <row r="9" spans="1:4" ht="18" customHeight="1" x14ac:dyDescent="0.15">
      <c r="A9" s="8">
        <v>4</v>
      </c>
      <c r="B9" s="21">
        <v>8</v>
      </c>
      <c r="C9" s="6">
        <v>4</v>
      </c>
      <c r="D9" s="5">
        <v>12</v>
      </c>
    </row>
    <row r="10" spans="1:4" ht="18" customHeight="1" x14ac:dyDescent="0.15">
      <c r="A10" s="8" t="s">
        <v>25</v>
      </c>
      <c r="B10" s="21">
        <v>32</v>
      </c>
      <c r="C10" s="6">
        <v>32</v>
      </c>
      <c r="D10" s="5">
        <v>64</v>
      </c>
    </row>
    <row r="11" spans="1:4" ht="18" customHeight="1" x14ac:dyDescent="0.15">
      <c r="A11" s="8">
        <v>5</v>
      </c>
      <c r="B11" s="21">
        <v>3</v>
      </c>
      <c r="C11" s="6">
        <v>10</v>
      </c>
      <c r="D11" s="5">
        <v>13</v>
      </c>
    </row>
    <row r="12" spans="1:4" ht="18" customHeight="1" x14ac:dyDescent="0.15">
      <c r="A12" s="8">
        <v>6</v>
      </c>
      <c r="B12" s="21">
        <v>12</v>
      </c>
      <c r="C12" s="6">
        <v>8</v>
      </c>
      <c r="D12" s="5">
        <v>20</v>
      </c>
    </row>
    <row r="13" spans="1:4" ht="18" customHeight="1" x14ac:dyDescent="0.15">
      <c r="A13" s="8">
        <v>7</v>
      </c>
      <c r="B13" s="21">
        <v>4</v>
      </c>
      <c r="C13" s="6">
        <v>5</v>
      </c>
      <c r="D13" s="5">
        <v>9</v>
      </c>
    </row>
    <row r="14" spans="1:4" ht="18" customHeight="1" x14ac:dyDescent="0.15">
      <c r="A14" s="8">
        <v>8</v>
      </c>
      <c r="B14" s="21">
        <v>5</v>
      </c>
      <c r="C14" s="6">
        <v>11</v>
      </c>
      <c r="D14" s="5">
        <v>16</v>
      </c>
    </row>
    <row r="15" spans="1:4" ht="18" customHeight="1" x14ac:dyDescent="0.15">
      <c r="A15" s="8">
        <v>9</v>
      </c>
      <c r="B15" s="21">
        <v>7</v>
      </c>
      <c r="C15" s="6">
        <v>14</v>
      </c>
      <c r="D15" s="5">
        <v>21</v>
      </c>
    </row>
    <row r="16" spans="1:4" ht="18" customHeight="1" x14ac:dyDescent="0.15">
      <c r="A16" s="8" t="s">
        <v>24</v>
      </c>
      <c r="B16" s="21">
        <v>31</v>
      </c>
      <c r="C16" s="6">
        <v>48</v>
      </c>
      <c r="D16" s="5">
        <v>79</v>
      </c>
    </row>
    <row r="17" spans="1:4" ht="18" customHeight="1" x14ac:dyDescent="0.15">
      <c r="A17" s="8">
        <v>10</v>
      </c>
      <c r="B17" s="21">
        <v>8</v>
      </c>
      <c r="C17" s="6">
        <v>7</v>
      </c>
      <c r="D17" s="5">
        <v>15</v>
      </c>
    </row>
    <row r="18" spans="1:4" ht="18" customHeight="1" x14ac:dyDescent="0.15">
      <c r="A18" s="8">
        <v>11</v>
      </c>
      <c r="B18" s="21">
        <v>9</v>
      </c>
      <c r="C18" s="6">
        <v>6</v>
      </c>
      <c r="D18" s="5">
        <v>15</v>
      </c>
    </row>
    <row r="19" spans="1:4" ht="18" customHeight="1" x14ac:dyDescent="0.15">
      <c r="A19" s="8">
        <v>12</v>
      </c>
      <c r="B19" s="21">
        <v>6</v>
      </c>
      <c r="C19" s="6">
        <v>6</v>
      </c>
      <c r="D19" s="5">
        <v>12</v>
      </c>
    </row>
    <row r="20" spans="1:4" ht="18" customHeight="1" x14ac:dyDescent="0.15">
      <c r="A20" s="8">
        <v>13</v>
      </c>
      <c r="B20" s="21">
        <v>8</v>
      </c>
      <c r="C20" s="6">
        <v>9</v>
      </c>
      <c r="D20" s="5">
        <v>17</v>
      </c>
    </row>
    <row r="21" spans="1:4" ht="18" customHeight="1" x14ac:dyDescent="0.15">
      <c r="A21" s="8">
        <v>14</v>
      </c>
      <c r="B21" s="21">
        <v>12</v>
      </c>
      <c r="C21" s="6">
        <v>16</v>
      </c>
      <c r="D21" s="5">
        <v>28</v>
      </c>
    </row>
    <row r="22" spans="1:4" ht="18" customHeight="1" x14ac:dyDescent="0.15">
      <c r="A22" s="8" t="s">
        <v>23</v>
      </c>
      <c r="B22" s="21">
        <v>43</v>
      </c>
      <c r="C22" s="6">
        <v>44</v>
      </c>
      <c r="D22" s="5">
        <v>87</v>
      </c>
    </row>
    <row r="23" spans="1:4" ht="18" customHeight="1" x14ac:dyDescent="0.15">
      <c r="A23" s="8" t="s">
        <v>22</v>
      </c>
      <c r="B23" s="21">
        <v>106</v>
      </c>
      <c r="C23" s="6">
        <v>124</v>
      </c>
      <c r="D23" s="5">
        <v>230</v>
      </c>
    </row>
    <row r="24" spans="1:4" ht="18" customHeight="1" x14ac:dyDescent="0.15">
      <c r="A24" s="8">
        <v>15</v>
      </c>
      <c r="B24" s="21">
        <v>13</v>
      </c>
      <c r="C24" s="6">
        <v>11</v>
      </c>
      <c r="D24" s="5">
        <v>24</v>
      </c>
    </row>
    <row r="25" spans="1:4" ht="18" customHeight="1" x14ac:dyDescent="0.15">
      <c r="A25" s="8">
        <v>16</v>
      </c>
      <c r="B25" s="21">
        <v>6</v>
      </c>
      <c r="C25" s="6">
        <v>8</v>
      </c>
      <c r="D25" s="5">
        <v>14</v>
      </c>
    </row>
    <row r="26" spans="1:4" ht="18" customHeight="1" x14ac:dyDescent="0.15">
      <c r="A26" s="8">
        <v>17</v>
      </c>
      <c r="B26" s="21">
        <v>9</v>
      </c>
      <c r="C26" s="6">
        <v>11</v>
      </c>
      <c r="D26" s="5">
        <v>20</v>
      </c>
    </row>
    <row r="27" spans="1:4" ht="18" customHeight="1" x14ac:dyDescent="0.15">
      <c r="A27" s="8">
        <v>18</v>
      </c>
      <c r="B27" s="21">
        <v>8</v>
      </c>
      <c r="C27" s="6">
        <v>7</v>
      </c>
      <c r="D27" s="5">
        <v>15</v>
      </c>
    </row>
    <row r="28" spans="1:4" ht="18" customHeight="1" x14ac:dyDescent="0.15">
      <c r="A28" s="8">
        <v>19</v>
      </c>
      <c r="B28" s="21">
        <v>14</v>
      </c>
      <c r="C28" s="6">
        <v>13</v>
      </c>
      <c r="D28" s="5">
        <v>27</v>
      </c>
    </row>
    <row r="29" spans="1:4" ht="18" customHeight="1" x14ac:dyDescent="0.15">
      <c r="A29" s="8" t="s">
        <v>21</v>
      </c>
      <c r="B29" s="21">
        <v>50</v>
      </c>
      <c r="C29" s="6">
        <v>50</v>
      </c>
      <c r="D29" s="5">
        <v>100</v>
      </c>
    </row>
    <row r="30" spans="1:4" ht="18" customHeight="1" x14ac:dyDescent="0.15">
      <c r="A30" s="8">
        <v>20</v>
      </c>
      <c r="B30" s="21">
        <v>11</v>
      </c>
      <c r="C30" s="6">
        <v>9</v>
      </c>
      <c r="D30" s="5">
        <v>20</v>
      </c>
    </row>
    <row r="31" spans="1:4" ht="18" customHeight="1" x14ac:dyDescent="0.15">
      <c r="A31" s="8">
        <v>21</v>
      </c>
      <c r="B31" s="21">
        <v>8</v>
      </c>
      <c r="C31" s="6">
        <v>10</v>
      </c>
      <c r="D31" s="5">
        <v>18</v>
      </c>
    </row>
    <row r="32" spans="1:4" ht="18" customHeight="1" x14ac:dyDescent="0.15">
      <c r="A32" s="8">
        <v>22</v>
      </c>
      <c r="B32" s="21">
        <v>13</v>
      </c>
      <c r="C32" s="6">
        <v>9</v>
      </c>
      <c r="D32" s="5">
        <v>22</v>
      </c>
    </row>
    <row r="33" spans="1:4" ht="18" customHeight="1" x14ac:dyDescent="0.15">
      <c r="A33" s="8">
        <v>23</v>
      </c>
      <c r="B33" s="21">
        <v>12</v>
      </c>
      <c r="C33" s="6">
        <v>9</v>
      </c>
      <c r="D33" s="5">
        <v>21</v>
      </c>
    </row>
    <row r="34" spans="1:4" ht="18" customHeight="1" x14ac:dyDescent="0.15">
      <c r="A34" s="8">
        <v>24</v>
      </c>
      <c r="B34" s="21">
        <v>15</v>
      </c>
      <c r="C34" s="6">
        <v>16</v>
      </c>
      <c r="D34" s="5">
        <v>31</v>
      </c>
    </row>
    <row r="35" spans="1:4" ht="18" customHeight="1" x14ac:dyDescent="0.15">
      <c r="A35" s="8" t="s">
        <v>20</v>
      </c>
      <c r="B35" s="21">
        <v>59</v>
      </c>
      <c r="C35" s="6">
        <v>53</v>
      </c>
      <c r="D35" s="5">
        <v>112</v>
      </c>
    </row>
    <row r="36" spans="1:4" ht="18" customHeight="1" x14ac:dyDescent="0.15">
      <c r="A36" s="8">
        <v>25</v>
      </c>
      <c r="B36" s="21">
        <v>13</v>
      </c>
      <c r="C36" s="6">
        <v>11</v>
      </c>
      <c r="D36" s="5">
        <v>24</v>
      </c>
    </row>
    <row r="37" spans="1:4" ht="18" customHeight="1" x14ac:dyDescent="0.15">
      <c r="A37" s="8">
        <v>26</v>
      </c>
      <c r="B37" s="21">
        <v>15</v>
      </c>
      <c r="C37" s="6">
        <v>9</v>
      </c>
      <c r="D37" s="5">
        <v>24</v>
      </c>
    </row>
    <row r="38" spans="1:4" ht="18" customHeight="1" x14ac:dyDescent="0.15">
      <c r="A38" s="8">
        <v>27</v>
      </c>
      <c r="B38" s="21">
        <v>9</v>
      </c>
      <c r="C38" s="6">
        <v>11</v>
      </c>
      <c r="D38" s="5">
        <v>20</v>
      </c>
    </row>
    <row r="39" spans="1:4" ht="18" customHeight="1" x14ac:dyDescent="0.15">
      <c r="A39" s="8">
        <v>28</v>
      </c>
      <c r="B39" s="21">
        <v>11</v>
      </c>
      <c r="C39" s="6">
        <v>6</v>
      </c>
      <c r="D39" s="5">
        <v>17</v>
      </c>
    </row>
    <row r="40" spans="1:4" ht="18" customHeight="1" x14ac:dyDescent="0.15">
      <c r="A40" s="8">
        <v>29</v>
      </c>
      <c r="B40" s="21">
        <v>13</v>
      </c>
      <c r="C40" s="6">
        <v>14</v>
      </c>
      <c r="D40" s="5">
        <v>27</v>
      </c>
    </row>
    <row r="41" spans="1:4" ht="18" customHeight="1" x14ac:dyDescent="0.15">
      <c r="A41" s="8" t="s">
        <v>19</v>
      </c>
      <c r="B41" s="21">
        <v>61</v>
      </c>
      <c r="C41" s="6">
        <v>51</v>
      </c>
      <c r="D41" s="5">
        <v>112</v>
      </c>
    </row>
    <row r="42" spans="1:4" ht="18" customHeight="1" x14ac:dyDescent="0.15">
      <c r="A42" s="8">
        <v>30</v>
      </c>
      <c r="B42" s="21">
        <v>13</v>
      </c>
      <c r="C42" s="6">
        <v>6</v>
      </c>
      <c r="D42" s="5">
        <v>19</v>
      </c>
    </row>
    <row r="43" spans="1:4" ht="18" customHeight="1" x14ac:dyDescent="0.15">
      <c r="A43" s="8">
        <v>31</v>
      </c>
      <c r="B43" s="21">
        <v>13</v>
      </c>
      <c r="C43" s="6">
        <v>10</v>
      </c>
      <c r="D43" s="5">
        <v>23</v>
      </c>
    </row>
    <row r="44" spans="1:4" ht="18" customHeight="1" x14ac:dyDescent="0.15">
      <c r="A44" s="8">
        <v>32</v>
      </c>
      <c r="B44" s="21">
        <v>10</v>
      </c>
      <c r="C44" s="6">
        <v>7</v>
      </c>
      <c r="D44" s="5">
        <v>17</v>
      </c>
    </row>
    <row r="45" spans="1:4" ht="18" customHeight="1" x14ac:dyDescent="0.15">
      <c r="A45" s="8">
        <v>33</v>
      </c>
      <c r="B45" s="21">
        <v>11</v>
      </c>
      <c r="C45" s="6">
        <v>8</v>
      </c>
      <c r="D45" s="5">
        <v>19</v>
      </c>
    </row>
    <row r="46" spans="1:4" ht="18" customHeight="1" x14ac:dyDescent="0.15">
      <c r="A46" s="8">
        <v>34</v>
      </c>
      <c r="B46" s="21">
        <v>22</v>
      </c>
      <c r="C46" s="6">
        <v>10</v>
      </c>
      <c r="D46" s="5">
        <v>32</v>
      </c>
    </row>
    <row r="47" spans="1:4" ht="18" customHeight="1" x14ac:dyDescent="0.15">
      <c r="A47" s="8" t="s">
        <v>18</v>
      </c>
      <c r="B47" s="21">
        <v>69</v>
      </c>
      <c r="C47" s="6">
        <v>41</v>
      </c>
      <c r="D47" s="5">
        <v>110</v>
      </c>
    </row>
    <row r="48" spans="1:4" ht="18" customHeight="1" x14ac:dyDescent="0.15">
      <c r="A48" s="8">
        <v>35</v>
      </c>
      <c r="B48" s="21">
        <v>6</v>
      </c>
      <c r="C48" s="6">
        <v>8</v>
      </c>
      <c r="D48" s="5">
        <v>14</v>
      </c>
    </row>
    <row r="49" spans="1:4" ht="18" customHeight="1" x14ac:dyDescent="0.15">
      <c r="A49" s="8">
        <v>36</v>
      </c>
      <c r="B49" s="21">
        <v>14</v>
      </c>
      <c r="C49" s="6">
        <v>10</v>
      </c>
      <c r="D49" s="5">
        <v>24</v>
      </c>
    </row>
    <row r="50" spans="1:4" ht="18" customHeight="1" x14ac:dyDescent="0.15">
      <c r="A50" s="8">
        <v>37</v>
      </c>
      <c r="B50" s="21">
        <v>13</v>
      </c>
      <c r="C50" s="6">
        <v>10</v>
      </c>
      <c r="D50" s="5">
        <v>23</v>
      </c>
    </row>
    <row r="51" spans="1:4" ht="18" customHeight="1" x14ac:dyDescent="0.15">
      <c r="A51" s="8">
        <v>38</v>
      </c>
      <c r="B51" s="21">
        <v>9</v>
      </c>
      <c r="C51" s="6">
        <v>13</v>
      </c>
      <c r="D51" s="5">
        <v>22</v>
      </c>
    </row>
    <row r="52" spans="1:4" ht="18" customHeight="1" x14ac:dyDescent="0.15">
      <c r="A52" s="8">
        <v>39</v>
      </c>
      <c r="B52" s="21">
        <v>9</v>
      </c>
      <c r="C52" s="6">
        <v>13</v>
      </c>
      <c r="D52" s="5">
        <v>22</v>
      </c>
    </row>
    <row r="53" spans="1:4" ht="18" customHeight="1" x14ac:dyDescent="0.15">
      <c r="A53" s="8" t="s">
        <v>17</v>
      </c>
      <c r="B53" s="21">
        <v>51</v>
      </c>
      <c r="C53" s="6">
        <v>54</v>
      </c>
      <c r="D53" s="5">
        <v>105</v>
      </c>
    </row>
    <row r="54" spans="1:4" ht="18" customHeight="1" x14ac:dyDescent="0.15">
      <c r="A54" s="8">
        <v>40</v>
      </c>
      <c r="B54" s="21">
        <v>11</v>
      </c>
      <c r="C54" s="6">
        <v>13</v>
      </c>
      <c r="D54" s="5">
        <v>24</v>
      </c>
    </row>
    <row r="55" spans="1:4" ht="18" customHeight="1" x14ac:dyDescent="0.15">
      <c r="A55" s="8">
        <v>41</v>
      </c>
      <c r="B55" s="21">
        <v>14</v>
      </c>
      <c r="C55" s="6">
        <v>12</v>
      </c>
      <c r="D55" s="5">
        <v>26</v>
      </c>
    </row>
    <row r="56" spans="1:4" ht="18" customHeight="1" x14ac:dyDescent="0.15">
      <c r="A56" s="8">
        <v>42</v>
      </c>
      <c r="B56" s="21">
        <v>10</v>
      </c>
      <c r="C56" s="6">
        <v>13</v>
      </c>
      <c r="D56" s="5">
        <v>23</v>
      </c>
    </row>
    <row r="57" spans="1:4" ht="18" customHeight="1" x14ac:dyDescent="0.15">
      <c r="A57" s="8">
        <v>43</v>
      </c>
      <c r="B57" s="21">
        <v>13</v>
      </c>
      <c r="C57" s="6">
        <v>8</v>
      </c>
      <c r="D57" s="5">
        <v>21</v>
      </c>
    </row>
    <row r="58" spans="1:4" ht="18" customHeight="1" x14ac:dyDescent="0.15">
      <c r="A58" s="8">
        <v>44</v>
      </c>
      <c r="B58" s="21">
        <v>15</v>
      </c>
      <c r="C58" s="6">
        <v>8</v>
      </c>
      <c r="D58" s="5">
        <v>23</v>
      </c>
    </row>
    <row r="59" spans="1:4" ht="18" customHeight="1" x14ac:dyDescent="0.15">
      <c r="A59" s="8" t="s">
        <v>16</v>
      </c>
      <c r="B59" s="21">
        <v>63</v>
      </c>
      <c r="C59" s="6">
        <v>54</v>
      </c>
      <c r="D59" s="5">
        <v>117</v>
      </c>
    </row>
    <row r="60" spans="1:4" ht="18" customHeight="1" x14ac:dyDescent="0.15">
      <c r="A60" s="8">
        <v>45</v>
      </c>
      <c r="B60" s="21">
        <v>13</v>
      </c>
      <c r="C60" s="6">
        <v>15</v>
      </c>
      <c r="D60" s="5">
        <v>28</v>
      </c>
    </row>
    <row r="61" spans="1:4" ht="18" customHeight="1" x14ac:dyDescent="0.15">
      <c r="A61" s="8">
        <v>46</v>
      </c>
      <c r="B61" s="21">
        <v>19</v>
      </c>
      <c r="C61" s="6">
        <v>14</v>
      </c>
      <c r="D61" s="5">
        <v>33</v>
      </c>
    </row>
    <row r="62" spans="1:4" ht="18" customHeight="1" x14ac:dyDescent="0.15">
      <c r="A62" s="8">
        <v>47</v>
      </c>
      <c r="B62" s="21">
        <v>27</v>
      </c>
      <c r="C62" s="6">
        <v>19</v>
      </c>
      <c r="D62" s="5">
        <v>46</v>
      </c>
    </row>
    <row r="63" spans="1:4" ht="18" customHeight="1" x14ac:dyDescent="0.15">
      <c r="A63" s="8">
        <v>48</v>
      </c>
      <c r="B63" s="21">
        <v>22</v>
      </c>
      <c r="C63" s="6">
        <v>26</v>
      </c>
      <c r="D63" s="5">
        <v>48</v>
      </c>
    </row>
    <row r="64" spans="1:4" ht="18" customHeight="1" x14ac:dyDescent="0.15">
      <c r="A64" s="8">
        <v>49</v>
      </c>
      <c r="B64" s="21">
        <v>21</v>
      </c>
      <c r="C64" s="6">
        <v>17</v>
      </c>
      <c r="D64" s="5">
        <v>38</v>
      </c>
    </row>
    <row r="65" spans="1:4" ht="18" customHeight="1" x14ac:dyDescent="0.15">
      <c r="A65" s="8" t="s">
        <v>15</v>
      </c>
      <c r="B65" s="21">
        <v>102</v>
      </c>
      <c r="C65" s="6">
        <v>91</v>
      </c>
      <c r="D65" s="5">
        <v>193</v>
      </c>
    </row>
    <row r="66" spans="1:4" ht="18" customHeight="1" x14ac:dyDescent="0.15">
      <c r="A66" s="8">
        <v>50</v>
      </c>
      <c r="B66" s="21">
        <v>23</v>
      </c>
      <c r="C66" s="6">
        <v>19</v>
      </c>
      <c r="D66" s="5">
        <v>42</v>
      </c>
    </row>
    <row r="67" spans="1:4" ht="18" customHeight="1" x14ac:dyDescent="0.15">
      <c r="A67" s="8">
        <v>51</v>
      </c>
      <c r="B67" s="21">
        <v>27</v>
      </c>
      <c r="C67" s="6">
        <v>24</v>
      </c>
      <c r="D67" s="5">
        <v>51</v>
      </c>
    </row>
    <row r="68" spans="1:4" ht="18" customHeight="1" x14ac:dyDescent="0.15">
      <c r="A68" s="8">
        <v>52</v>
      </c>
      <c r="B68" s="21">
        <v>20</v>
      </c>
      <c r="C68" s="6">
        <v>18</v>
      </c>
      <c r="D68" s="5">
        <v>38</v>
      </c>
    </row>
    <row r="69" spans="1:4" ht="18" customHeight="1" x14ac:dyDescent="0.15">
      <c r="A69" s="8">
        <v>53</v>
      </c>
      <c r="B69" s="21">
        <v>23</v>
      </c>
      <c r="C69" s="6">
        <v>20</v>
      </c>
      <c r="D69" s="5">
        <v>43</v>
      </c>
    </row>
    <row r="70" spans="1:4" ht="18" customHeight="1" x14ac:dyDescent="0.15">
      <c r="A70" s="8">
        <v>54</v>
      </c>
      <c r="B70" s="21">
        <v>19</v>
      </c>
      <c r="C70" s="6">
        <v>23</v>
      </c>
      <c r="D70" s="5">
        <v>42</v>
      </c>
    </row>
    <row r="71" spans="1:4" ht="18" customHeight="1" x14ac:dyDescent="0.15">
      <c r="A71" s="8" t="s">
        <v>14</v>
      </c>
      <c r="B71" s="21">
        <v>112</v>
      </c>
      <c r="C71" s="6">
        <v>104</v>
      </c>
      <c r="D71" s="5">
        <v>216</v>
      </c>
    </row>
    <row r="72" spans="1:4" ht="18" customHeight="1" x14ac:dyDescent="0.15">
      <c r="A72" s="8">
        <v>55</v>
      </c>
      <c r="B72" s="21">
        <v>25</v>
      </c>
      <c r="C72" s="6">
        <v>21</v>
      </c>
      <c r="D72" s="5">
        <v>46</v>
      </c>
    </row>
    <row r="73" spans="1:4" ht="18" customHeight="1" x14ac:dyDescent="0.15">
      <c r="A73" s="8">
        <v>56</v>
      </c>
      <c r="B73" s="21">
        <v>25</v>
      </c>
      <c r="C73" s="6">
        <v>21</v>
      </c>
      <c r="D73" s="5">
        <v>46</v>
      </c>
    </row>
    <row r="74" spans="1:4" ht="18" customHeight="1" x14ac:dyDescent="0.15">
      <c r="A74" s="8">
        <v>57</v>
      </c>
      <c r="B74" s="21">
        <v>28</v>
      </c>
      <c r="C74" s="6">
        <v>20</v>
      </c>
      <c r="D74" s="5">
        <v>48</v>
      </c>
    </row>
    <row r="75" spans="1:4" ht="18" customHeight="1" x14ac:dyDescent="0.15">
      <c r="A75" s="8">
        <v>58</v>
      </c>
      <c r="B75" s="21">
        <v>17</v>
      </c>
      <c r="C75" s="6">
        <v>15</v>
      </c>
      <c r="D75" s="5">
        <v>32</v>
      </c>
    </row>
    <row r="76" spans="1:4" ht="18" customHeight="1" x14ac:dyDescent="0.15">
      <c r="A76" s="8">
        <v>59</v>
      </c>
      <c r="B76" s="21">
        <v>19</v>
      </c>
      <c r="C76" s="6">
        <v>18</v>
      </c>
      <c r="D76" s="5">
        <v>37</v>
      </c>
    </row>
    <row r="77" spans="1:4" ht="18" customHeight="1" x14ac:dyDescent="0.15">
      <c r="A77" s="8" t="s">
        <v>13</v>
      </c>
      <c r="B77" s="21">
        <v>114</v>
      </c>
      <c r="C77" s="6">
        <v>95</v>
      </c>
      <c r="D77" s="5">
        <v>209</v>
      </c>
    </row>
    <row r="78" spans="1:4" ht="18" customHeight="1" x14ac:dyDescent="0.15">
      <c r="A78" s="8">
        <v>60</v>
      </c>
      <c r="B78" s="21">
        <v>28</v>
      </c>
      <c r="C78" s="6">
        <v>23</v>
      </c>
      <c r="D78" s="5">
        <v>51</v>
      </c>
    </row>
    <row r="79" spans="1:4" ht="18" customHeight="1" x14ac:dyDescent="0.15">
      <c r="A79" s="8">
        <v>61</v>
      </c>
      <c r="B79" s="21">
        <v>32</v>
      </c>
      <c r="C79" s="6">
        <v>14</v>
      </c>
      <c r="D79" s="5">
        <v>46</v>
      </c>
    </row>
    <row r="80" spans="1:4" ht="18" customHeight="1" x14ac:dyDescent="0.15">
      <c r="A80" s="8">
        <v>62</v>
      </c>
      <c r="B80" s="21">
        <v>16</v>
      </c>
      <c r="C80" s="6">
        <v>30</v>
      </c>
      <c r="D80" s="5">
        <v>46</v>
      </c>
    </row>
    <row r="81" spans="1:4" ht="18" customHeight="1" x14ac:dyDescent="0.15">
      <c r="A81" s="8">
        <v>63</v>
      </c>
      <c r="B81" s="21">
        <v>23</v>
      </c>
      <c r="C81" s="6">
        <v>12</v>
      </c>
      <c r="D81" s="5">
        <v>35</v>
      </c>
    </row>
    <row r="82" spans="1:4" ht="18" customHeight="1" x14ac:dyDescent="0.15">
      <c r="A82" s="8">
        <v>64</v>
      </c>
      <c r="B82" s="21">
        <v>14</v>
      </c>
      <c r="C82" s="6">
        <v>25</v>
      </c>
      <c r="D82" s="5">
        <v>39</v>
      </c>
    </row>
    <row r="83" spans="1:4" ht="18" customHeight="1" x14ac:dyDescent="0.15">
      <c r="A83" s="8" t="s">
        <v>12</v>
      </c>
      <c r="B83" s="21">
        <v>113</v>
      </c>
      <c r="C83" s="6">
        <v>104</v>
      </c>
      <c r="D83" s="5">
        <v>217</v>
      </c>
    </row>
    <row r="84" spans="1:4" ht="18" customHeight="1" x14ac:dyDescent="0.15">
      <c r="A84" s="8" t="s">
        <v>11</v>
      </c>
      <c r="B84" s="21">
        <v>794</v>
      </c>
      <c r="C84" s="6">
        <v>697</v>
      </c>
      <c r="D84" s="5">
        <v>1491</v>
      </c>
    </row>
    <row r="85" spans="1:4" ht="18" customHeight="1" x14ac:dyDescent="0.15">
      <c r="A85" s="8">
        <v>65</v>
      </c>
      <c r="B85" s="21">
        <v>14</v>
      </c>
      <c r="C85" s="6">
        <v>13</v>
      </c>
      <c r="D85" s="5">
        <v>27</v>
      </c>
    </row>
    <row r="86" spans="1:4" ht="18" customHeight="1" x14ac:dyDescent="0.15">
      <c r="A86" s="8">
        <v>66</v>
      </c>
      <c r="B86" s="21">
        <v>16</v>
      </c>
      <c r="C86" s="6">
        <v>16</v>
      </c>
      <c r="D86" s="5">
        <v>32</v>
      </c>
    </row>
    <row r="87" spans="1:4" ht="18" customHeight="1" x14ac:dyDescent="0.15">
      <c r="A87" s="8">
        <v>67</v>
      </c>
      <c r="B87" s="21">
        <v>11</v>
      </c>
      <c r="C87" s="6">
        <v>20</v>
      </c>
      <c r="D87" s="5">
        <v>31</v>
      </c>
    </row>
    <row r="88" spans="1:4" ht="18" customHeight="1" x14ac:dyDescent="0.15">
      <c r="A88" s="8">
        <v>68</v>
      </c>
      <c r="B88" s="21">
        <v>14</v>
      </c>
      <c r="C88" s="6">
        <v>13</v>
      </c>
      <c r="D88" s="5">
        <v>27</v>
      </c>
    </row>
    <row r="89" spans="1:4" ht="18" customHeight="1" x14ac:dyDescent="0.15">
      <c r="A89" s="8">
        <v>69</v>
      </c>
      <c r="B89" s="21">
        <v>17</v>
      </c>
      <c r="C89" s="6">
        <v>16</v>
      </c>
      <c r="D89" s="5">
        <v>33</v>
      </c>
    </row>
    <row r="90" spans="1:4" ht="18" customHeight="1" x14ac:dyDescent="0.15">
      <c r="A90" s="8" t="s">
        <v>10</v>
      </c>
      <c r="B90" s="21">
        <v>72</v>
      </c>
      <c r="C90" s="6">
        <v>78</v>
      </c>
      <c r="D90" s="5">
        <v>150</v>
      </c>
    </row>
    <row r="91" spans="1:4" ht="18" customHeight="1" x14ac:dyDescent="0.15">
      <c r="A91" s="8">
        <v>70</v>
      </c>
      <c r="B91" s="21">
        <v>15</v>
      </c>
      <c r="C91" s="6">
        <v>16</v>
      </c>
      <c r="D91" s="5">
        <v>31</v>
      </c>
    </row>
    <row r="92" spans="1:4" ht="18" customHeight="1" x14ac:dyDescent="0.15">
      <c r="A92" s="8">
        <v>71</v>
      </c>
      <c r="B92" s="21">
        <v>18</v>
      </c>
      <c r="C92" s="6">
        <v>20</v>
      </c>
      <c r="D92" s="5">
        <v>38</v>
      </c>
    </row>
    <row r="93" spans="1:4" ht="18" customHeight="1" x14ac:dyDescent="0.15">
      <c r="A93" s="8">
        <v>72</v>
      </c>
      <c r="B93" s="21">
        <v>18</v>
      </c>
      <c r="C93" s="6">
        <v>32</v>
      </c>
      <c r="D93" s="5">
        <v>50</v>
      </c>
    </row>
    <row r="94" spans="1:4" ht="18" customHeight="1" x14ac:dyDescent="0.15">
      <c r="A94" s="8">
        <v>73</v>
      </c>
      <c r="B94" s="21">
        <v>18</v>
      </c>
      <c r="C94" s="6">
        <v>29</v>
      </c>
      <c r="D94" s="5">
        <v>47</v>
      </c>
    </row>
    <row r="95" spans="1:4" ht="18" customHeight="1" x14ac:dyDescent="0.15">
      <c r="A95" s="8">
        <v>74</v>
      </c>
      <c r="B95" s="21">
        <v>19</v>
      </c>
      <c r="C95" s="6">
        <v>26</v>
      </c>
      <c r="D95" s="5">
        <v>45</v>
      </c>
    </row>
    <row r="96" spans="1:4" ht="18" customHeight="1" x14ac:dyDescent="0.15">
      <c r="A96" s="8" t="s">
        <v>9</v>
      </c>
      <c r="B96" s="21">
        <v>88</v>
      </c>
      <c r="C96" s="6">
        <v>123</v>
      </c>
      <c r="D96" s="5">
        <v>211</v>
      </c>
    </row>
    <row r="97" spans="1:4" ht="18" customHeight="1" x14ac:dyDescent="0.15">
      <c r="A97" s="8">
        <v>75</v>
      </c>
      <c r="B97" s="21">
        <v>19</v>
      </c>
      <c r="C97" s="6">
        <v>34</v>
      </c>
      <c r="D97" s="5">
        <v>53</v>
      </c>
    </row>
    <row r="98" spans="1:4" ht="18" customHeight="1" x14ac:dyDescent="0.15">
      <c r="A98" s="8">
        <v>76</v>
      </c>
      <c r="B98" s="21">
        <v>35</v>
      </c>
      <c r="C98" s="6">
        <v>38</v>
      </c>
      <c r="D98" s="5">
        <v>73</v>
      </c>
    </row>
    <row r="99" spans="1:4" ht="18" customHeight="1" x14ac:dyDescent="0.15">
      <c r="A99" s="8">
        <v>77</v>
      </c>
      <c r="B99" s="21">
        <v>33</v>
      </c>
      <c r="C99" s="6">
        <v>45</v>
      </c>
      <c r="D99" s="5">
        <v>78</v>
      </c>
    </row>
    <row r="100" spans="1:4" ht="18" customHeight="1" x14ac:dyDescent="0.15">
      <c r="A100" s="8">
        <v>78</v>
      </c>
      <c r="B100" s="21">
        <v>38</v>
      </c>
      <c r="C100" s="6">
        <v>40</v>
      </c>
      <c r="D100" s="5">
        <v>78</v>
      </c>
    </row>
    <row r="101" spans="1:4" ht="18" customHeight="1" x14ac:dyDescent="0.15">
      <c r="A101" s="8">
        <v>79</v>
      </c>
      <c r="B101" s="21">
        <v>20</v>
      </c>
      <c r="C101" s="6">
        <v>33</v>
      </c>
      <c r="D101" s="5">
        <v>53</v>
      </c>
    </row>
    <row r="102" spans="1:4" ht="18" customHeight="1" x14ac:dyDescent="0.15">
      <c r="A102" s="8" t="s">
        <v>8</v>
      </c>
      <c r="B102" s="21">
        <v>145</v>
      </c>
      <c r="C102" s="6">
        <v>190</v>
      </c>
      <c r="D102" s="5">
        <v>335</v>
      </c>
    </row>
    <row r="103" spans="1:4" ht="18" customHeight="1" x14ac:dyDescent="0.15">
      <c r="A103" s="8">
        <v>80</v>
      </c>
      <c r="B103" s="21">
        <v>17</v>
      </c>
      <c r="C103" s="6">
        <v>29</v>
      </c>
      <c r="D103" s="5">
        <v>46</v>
      </c>
    </row>
    <row r="104" spans="1:4" ht="18" customHeight="1" x14ac:dyDescent="0.15">
      <c r="A104" s="8">
        <v>81</v>
      </c>
      <c r="B104" s="21">
        <v>19</v>
      </c>
      <c r="C104" s="6">
        <v>32</v>
      </c>
      <c r="D104" s="5">
        <v>51</v>
      </c>
    </row>
    <row r="105" spans="1:4" ht="18" customHeight="1" x14ac:dyDescent="0.15">
      <c r="A105" s="8">
        <v>82</v>
      </c>
      <c r="B105" s="21">
        <v>14</v>
      </c>
      <c r="C105" s="6">
        <v>31</v>
      </c>
      <c r="D105" s="5">
        <v>45</v>
      </c>
    </row>
    <row r="106" spans="1:4" ht="18" customHeight="1" x14ac:dyDescent="0.15">
      <c r="A106" s="8">
        <v>83</v>
      </c>
      <c r="B106" s="21">
        <v>18</v>
      </c>
      <c r="C106" s="6">
        <v>27</v>
      </c>
      <c r="D106" s="5">
        <v>45</v>
      </c>
    </row>
    <row r="107" spans="1:4" ht="18" customHeight="1" x14ac:dyDescent="0.15">
      <c r="A107" s="8">
        <v>84</v>
      </c>
      <c r="B107" s="21">
        <v>17</v>
      </c>
      <c r="C107" s="6">
        <v>32</v>
      </c>
      <c r="D107" s="5">
        <v>49</v>
      </c>
    </row>
    <row r="108" spans="1:4" ht="18" customHeight="1" x14ac:dyDescent="0.15">
      <c r="A108" s="8" t="s">
        <v>7</v>
      </c>
      <c r="B108" s="21">
        <v>85</v>
      </c>
      <c r="C108" s="6">
        <v>151</v>
      </c>
      <c r="D108" s="5">
        <v>236</v>
      </c>
    </row>
    <row r="109" spans="1:4" ht="18" customHeight="1" x14ac:dyDescent="0.15">
      <c r="A109" s="8">
        <v>85</v>
      </c>
      <c r="B109" s="21">
        <v>16</v>
      </c>
      <c r="C109" s="6">
        <v>21</v>
      </c>
      <c r="D109" s="5">
        <v>37</v>
      </c>
    </row>
    <row r="110" spans="1:4" ht="18" customHeight="1" x14ac:dyDescent="0.15">
      <c r="A110" s="8">
        <v>86</v>
      </c>
      <c r="B110" s="21">
        <v>7</v>
      </c>
      <c r="C110" s="6">
        <v>22</v>
      </c>
      <c r="D110" s="5">
        <v>29</v>
      </c>
    </row>
    <row r="111" spans="1:4" ht="18" customHeight="1" x14ac:dyDescent="0.15">
      <c r="A111" s="8">
        <v>87</v>
      </c>
      <c r="B111" s="21">
        <v>6</v>
      </c>
      <c r="C111" s="6">
        <v>21</v>
      </c>
      <c r="D111" s="5">
        <v>27</v>
      </c>
    </row>
    <row r="112" spans="1:4" ht="18" customHeight="1" x14ac:dyDescent="0.15">
      <c r="A112" s="8">
        <v>88</v>
      </c>
      <c r="B112" s="21">
        <v>11</v>
      </c>
      <c r="C112" s="6">
        <v>18</v>
      </c>
      <c r="D112" s="5">
        <v>29</v>
      </c>
    </row>
    <row r="113" spans="1:4" ht="18" customHeight="1" x14ac:dyDescent="0.15">
      <c r="A113" s="8">
        <v>89</v>
      </c>
      <c r="B113" s="21">
        <v>10</v>
      </c>
      <c r="C113" s="6">
        <v>19</v>
      </c>
      <c r="D113" s="5">
        <v>29</v>
      </c>
    </row>
    <row r="114" spans="1:4" ht="18" customHeight="1" x14ac:dyDescent="0.15">
      <c r="A114" s="8" t="s">
        <v>6</v>
      </c>
      <c r="B114" s="21">
        <v>50</v>
      </c>
      <c r="C114" s="6">
        <v>101</v>
      </c>
      <c r="D114" s="5">
        <v>151</v>
      </c>
    </row>
    <row r="115" spans="1:4" ht="18" customHeight="1" x14ac:dyDescent="0.15">
      <c r="A115" s="8">
        <v>90</v>
      </c>
      <c r="B115" s="21">
        <v>8</v>
      </c>
      <c r="C115" s="6">
        <v>20</v>
      </c>
      <c r="D115" s="5">
        <v>28</v>
      </c>
    </row>
    <row r="116" spans="1:4" ht="18" customHeight="1" x14ac:dyDescent="0.15">
      <c r="A116" s="8">
        <v>91</v>
      </c>
      <c r="B116" s="21">
        <v>4</v>
      </c>
      <c r="C116" s="6">
        <v>17</v>
      </c>
      <c r="D116" s="5">
        <v>21</v>
      </c>
    </row>
    <row r="117" spans="1:4" ht="18" customHeight="1" x14ac:dyDescent="0.15">
      <c r="A117" s="8">
        <v>92</v>
      </c>
      <c r="B117" s="21">
        <v>7</v>
      </c>
      <c r="C117" s="6">
        <v>12</v>
      </c>
      <c r="D117" s="5">
        <v>19</v>
      </c>
    </row>
    <row r="118" spans="1:4" ht="18" customHeight="1" x14ac:dyDescent="0.15">
      <c r="A118" s="8">
        <v>93</v>
      </c>
      <c r="B118" s="21">
        <v>4</v>
      </c>
      <c r="C118" s="6">
        <v>16</v>
      </c>
      <c r="D118" s="5">
        <v>20</v>
      </c>
    </row>
    <row r="119" spans="1:4" ht="18" customHeight="1" x14ac:dyDescent="0.15">
      <c r="A119" s="8">
        <v>94</v>
      </c>
      <c r="B119" s="21">
        <v>4</v>
      </c>
      <c r="C119" s="6">
        <v>4</v>
      </c>
      <c r="D119" s="5">
        <v>8</v>
      </c>
    </row>
    <row r="120" spans="1:4" ht="18" customHeight="1" x14ac:dyDescent="0.15">
      <c r="A120" s="8" t="s">
        <v>5</v>
      </c>
      <c r="B120" s="21">
        <v>27</v>
      </c>
      <c r="C120" s="6">
        <v>69</v>
      </c>
      <c r="D120" s="5">
        <v>96</v>
      </c>
    </row>
    <row r="121" spans="1:4" ht="18" customHeight="1" x14ac:dyDescent="0.15">
      <c r="A121" s="8">
        <v>95</v>
      </c>
      <c r="B121" s="21">
        <v>1</v>
      </c>
      <c r="C121" s="6">
        <v>7</v>
      </c>
      <c r="D121" s="5">
        <v>8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7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24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0</v>
      </c>
      <c r="C129" s="6">
        <v>7</v>
      </c>
      <c r="D129" s="5">
        <v>7</v>
      </c>
    </row>
    <row r="130" spans="1:4" ht="18" customHeight="1" x14ac:dyDescent="0.15">
      <c r="A130" s="8" t="s">
        <v>1</v>
      </c>
      <c r="B130" s="21">
        <v>468</v>
      </c>
      <c r="C130" s="6">
        <v>743</v>
      </c>
      <c r="D130" s="5">
        <v>1211</v>
      </c>
    </row>
    <row r="131" spans="1:4" ht="18" customHeight="1" x14ac:dyDescent="0.15">
      <c r="A131" s="4" t="s">
        <v>0</v>
      </c>
      <c r="B131" s="20">
        <v>1368</v>
      </c>
      <c r="C131" s="2">
        <v>1564</v>
      </c>
      <c r="D131" s="1">
        <v>293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F4ABFB-8F24-402F-8AD5-B297DC67764D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1</v>
      </c>
      <c r="B1" s="44"/>
      <c r="C1" s="44"/>
      <c r="D1" s="44"/>
    </row>
    <row r="2" spans="1:4" ht="14.25" customHeight="1" x14ac:dyDescent="0.15">
      <c r="A2" s="19"/>
      <c r="B2" s="19"/>
      <c r="C2" s="19"/>
      <c r="D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16" t="s">
        <v>28</v>
      </c>
      <c r="C4" s="15" t="s">
        <v>27</v>
      </c>
      <c r="D4" s="14" t="s">
        <v>26</v>
      </c>
    </row>
    <row r="5" spans="1:4" ht="18" customHeight="1" x14ac:dyDescent="0.15">
      <c r="A5" s="13">
        <v>0</v>
      </c>
      <c r="B5" s="12">
        <v>9</v>
      </c>
      <c r="C5" s="11">
        <v>3</v>
      </c>
      <c r="D5" s="10">
        <v>12</v>
      </c>
    </row>
    <row r="6" spans="1:4" ht="18" customHeight="1" x14ac:dyDescent="0.15">
      <c r="A6" s="8">
        <v>1</v>
      </c>
      <c r="B6" s="7">
        <v>4</v>
      </c>
      <c r="C6" s="6">
        <v>5</v>
      </c>
      <c r="D6" s="5">
        <v>9</v>
      </c>
    </row>
    <row r="7" spans="1:4" ht="18" customHeight="1" x14ac:dyDescent="0.15">
      <c r="A7" s="8">
        <v>2</v>
      </c>
      <c r="B7" s="7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7">
        <v>6</v>
      </c>
      <c r="C8" s="6">
        <v>7</v>
      </c>
      <c r="D8" s="5">
        <v>13</v>
      </c>
    </row>
    <row r="9" spans="1:4" ht="18" customHeight="1" x14ac:dyDescent="0.15">
      <c r="A9" s="8">
        <v>4</v>
      </c>
      <c r="B9" s="7">
        <v>11</v>
      </c>
      <c r="C9" s="6">
        <v>7</v>
      </c>
      <c r="D9" s="5">
        <v>18</v>
      </c>
    </row>
    <row r="10" spans="1:4" ht="18" customHeight="1" x14ac:dyDescent="0.15">
      <c r="A10" s="8" t="s">
        <v>25</v>
      </c>
      <c r="B10" s="7">
        <v>38</v>
      </c>
      <c r="C10" s="6">
        <v>31</v>
      </c>
      <c r="D10" s="5">
        <v>69</v>
      </c>
    </row>
    <row r="11" spans="1:4" ht="18" customHeight="1" x14ac:dyDescent="0.15">
      <c r="A11" s="8">
        <v>5</v>
      </c>
      <c r="B11" s="7">
        <v>15</v>
      </c>
      <c r="C11" s="6">
        <v>4</v>
      </c>
      <c r="D11" s="5">
        <v>19</v>
      </c>
    </row>
    <row r="12" spans="1:4" ht="18" customHeight="1" x14ac:dyDescent="0.15">
      <c r="A12" s="8">
        <v>6</v>
      </c>
      <c r="B12" s="7">
        <v>7</v>
      </c>
      <c r="C12" s="6">
        <v>4</v>
      </c>
      <c r="D12" s="5">
        <v>11</v>
      </c>
    </row>
    <row r="13" spans="1:4" ht="18" customHeight="1" x14ac:dyDescent="0.15">
      <c r="A13" s="8">
        <v>7</v>
      </c>
      <c r="B13" s="7">
        <v>8</v>
      </c>
      <c r="C13" s="6">
        <v>6</v>
      </c>
      <c r="D13" s="5">
        <v>14</v>
      </c>
    </row>
    <row r="14" spans="1:4" ht="18" customHeight="1" x14ac:dyDescent="0.15">
      <c r="A14" s="8">
        <v>8</v>
      </c>
      <c r="B14" s="7">
        <v>7</v>
      </c>
      <c r="C14" s="6">
        <v>7</v>
      </c>
      <c r="D14" s="5">
        <v>14</v>
      </c>
    </row>
    <row r="15" spans="1:4" ht="18" customHeight="1" x14ac:dyDescent="0.15">
      <c r="A15" s="8">
        <v>9</v>
      </c>
      <c r="B15" s="7">
        <v>8</v>
      </c>
      <c r="C15" s="6">
        <v>13</v>
      </c>
      <c r="D15" s="5">
        <v>21</v>
      </c>
    </row>
    <row r="16" spans="1:4" ht="18" customHeight="1" x14ac:dyDescent="0.15">
      <c r="A16" s="8" t="s">
        <v>24</v>
      </c>
      <c r="B16" s="7">
        <v>45</v>
      </c>
      <c r="C16" s="6">
        <v>34</v>
      </c>
      <c r="D16" s="5">
        <v>79</v>
      </c>
    </row>
    <row r="17" spans="1:4" ht="18" customHeight="1" x14ac:dyDescent="0.15">
      <c r="A17" s="8">
        <v>10</v>
      </c>
      <c r="B17" s="7">
        <v>7</v>
      </c>
      <c r="C17" s="6">
        <v>8</v>
      </c>
      <c r="D17" s="5">
        <v>15</v>
      </c>
    </row>
    <row r="18" spans="1:4" ht="18" customHeight="1" x14ac:dyDescent="0.15">
      <c r="A18" s="8">
        <v>11</v>
      </c>
      <c r="B18" s="7">
        <v>8</v>
      </c>
      <c r="C18" s="6">
        <v>11</v>
      </c>
      <c r="D18" s="5">
        <v>19</v>
      </c>
    </row>
    <row r="19" spans="1:4" ht="18" customHeight="1" x14ac:dyDescent="0.15">
      <c r="A19" s="8">
        <v>12</v>
      </c>
      <c r="B19" s="7">
        <v>9</v>
      </c>
      <c r="C19" s="6">
        <v>15</v>
      </c>
      <c r="D19" s="5">
        <v>24</v>
      </c>
    </row>
    <row r="20" spans="1:4" ht="18" customHeight="1" x14ac:dyDescent="0.15">
      <c r="A20" s="8">
        <v>13</v>
      </c>
      <c r="B20" s="7">
        <v>5</v>
      </c>
      <c r="C20" s="6">
        <v>5</v>
      </c>
      <c r="D20" s="5">
        <v>10</v>
      </c>
    </row>
    <row r="21" spans="1:4" ht="18" customHeight="1" x14ac:dyDescent="0.15">
      <c r="A21" s="8">
        <v>14</v>
      </c>
      <c r="B21" s="7">
        <v>8</v>
      </c>
      <c r="C21" s="6">
        <v>5</v>
      </c>
      <c r="D21" s="5">
        <v>13</v>
      </c>
    </row>
    <row r="22" spans="1:4" ht="18" customHeight="1" x14ac:dyDescent="0.15">
      <c r="A22" s="8" t="s">
        <v>23</v>
      </c>
      <c r="B22" s="7">
        <v>37</v>
      </c>
      <c r="C22" s="6">
        <v>44</v>
      </c>
      <c r="D22" s="5">
        <v>81</v>
      </c>
    </row>
    <row r="23" spans="1:4" ht="18" customHeight="1" x14ac:dyDescent="0.15">
      <c r="A23" s="8" t="s">
        <v>22</v>
      </c>
      <c r="B23" s="7">
        <v>120</v>
      </c>
      <c r="C23" s="6">
        <v>109</v>
      </c>
      <c r="D23" s="5">
        <v>229</v>
      </c>
    </row>
    <row r="24" spans="1:4" ht="18" customHeight="1" x14ac:dyDescent="0.15">
      <c r="A24" s="8">
        <v>15</v>
      </c>
      <c r="B24" s="7">
        <v>11</v>
      </c>
      <c r="C24" s="6">
        <v>4</v>
      </c>
      <c r="D24" s="5">
        <v>15</v>
      </c>
    </row>
    <row r="25" spans="1:4" ht="18" customHeight="1" x14ac:dyDescent="0.15">
      <c r="A25" s="8">
        <v>16</v>
      </c>
      <c r="B25" s="7">
        <v>13</v>
      </c>
      <c r="C25" s="6">
        <v>2</v>
      </c>
      <c r="D25" s="5">
        <v>15</v>
      </c>
    </row>
    <row r="26" spans="1:4" ht="18" customHeight="1" x14ac:dyDescent="0.15">
      <c r="A26" s="8">
        <v>17</v>
      </c>
      <c r="B26" s="7">
        <v>6</v>
      </c>
      <c r="C26" s="6">
        <v>11</v>
      </c>
      <c r="D26" s="5">
        <v>17</v>
      </c>
    </row>
    <row r="27" spans="1:4" ht="18" customHeight="1" x14ac:dyDescent="0.15">
      <c r="A27" s="8">
        <v>18</v>
      </c>
      <c r="B27" s="7">
        <v>9</v>
      </c>
      <c r="C27" s="6">
        <v>8</v>
      </c>
      <c r="D27" s="5">
        <v>17</v>
      </c>
    </row>
    <row r="28" spans="1:4" ht="18" customHeight="1" x14ac:dyDescent="0.15">
      <c r="A28" s="8">
        <v>19</v>
      </c>
      <c r="B28" s="7">
        <v>3</v>
      </c>
      <c r="C28" s="6">
        <v>10</v>
      </c>
      <c r="D28" s="5">
        <v>13</v>
      </c>
    </row>
    <row r="29" spans="1:4" ht="18" customHeight="1" x14ac:dyDescent="0.15">
      <c r="A29" s="8" t="s">
        <v>21</v>
      </c>
      <c r="B29" s="7">
        <v>42</v>
      </c>
      <c r="C29" s="6">
        <v>35</v>
      </c>
      <c r="D29" s="5">
        <v>77</v>
      </c>
    </row>
    <row r="30" spans="1:4" ht="18" customHeight="1" x14ac:dyDescent="0.15">
      <c r="A30" s="8">
        <v>20</v>
      </c>
      <c r="B30" s="7">
        <v>8</v>
      </c>
      <c r="C30" s="6">
        <v>4</v>
      </c>
      <c r="D30" s="5">
        <v>12</v>
      </c>
    </row>
    <row r="31" spans="1:4" ht="18" customHeight="1" x14ac:dyDescent="0.15">
      <c r="A31" s="8">
        <v>21</v>
      </c>
      <c r="B31" s="7">
        <v>8</v>
      </c>
      <c r="C31" s="6">
        <v>8</v>
      </c>
      <c r="D31" s="5">
        <v>16</v>
      </c>
    </row>
    <row r="32" spans="1:4" ht="18" customHeight="1" x14ac:dyDescent="0.15">
      <c r="A32" s="8">
        <v>22</v>
      </c>
      <c r="B32" s="7">
        <v>4</v>
      </c>
      <c r="C32" s="6">
        <v>8</v>
      </c>
      <c r="D32" s="5">
        <v>12</v>
      </c>
    </row>
    <row r="33" spans="1:4" ht="18" customHeight="1" x14ac:dyDescent="0.15">
      <c r="A33" s="8">
        <v>23</v>
      </c>
      <c r="B33" s="7">
        <v>5</v>
      </c>
      <c r="C33" s="6">
        <v>6</v>
      </c>
      <c r="D33" s="5">
        <v>11</v>
      </c>
    </row>
    <row r="34" spans="1:4" ht="18" customHeight="1" x14ac:dyDescent="0.15">
      <c r="A34" s="8">
        <v>24</v>
      </c>
      <c r="B34" s="7">
        <v>11</v>
      </c>
      <c r="C34" s="6">
        <v>8</v>
      </c>
      <c r="D34" s="5">
        <v>19</v>
      </c>
    </row>
    <row r="35" spans="1:4" ht="18" customHeight="1" x14ac:dyDescent="0.15">
      <c r="A35" s="8" t="s">
        <v>20</v>
      </c>
      <c r="B35" s="7">
        <v>36</v>
      </c>
      <c r="C35" s="6">
        <v>34</v>
      </c>
      <c r="D35" s="5">
        <v>70</v>
      </c>
    </row>
    <row r="36" spans="1:4" ht="18" customHeight="1" x14ac:dyDescent="0.15">
      <c r="A36" s="8">
        <v>25</v>
      </c>
      <c r="B36" s="7">
        <v>5</v>
      </c>
      <c r="C36" s="6">
        <v>8</v>
      </c>
      <c r="D36" s="5">
        <v>13</v>
      </c>
    </row>
    <row r="37" spans="1:4" ht="18" customHeight="1" x14ac:dyDescent="0.15">
      <c r="A37" s="8">
        <v>26</v>
      </c>
      <c r="B37" s="7">
        <v>14</v>
      </c>
      <c r="C37" s="6">
        <v>8</v>
      </c>
      <c r="D37" s="5">
        <v>22</v>
      </c>
    </row>
    <row r="38" spans="1:4" ht="18" customHeight="1" x14ac:dyDescent="0.15">
      <c r="A38" s="8">
        <v>27</v>
      </c>
      <c r="B38" s="7">
        <v>13</v>
      </c>
      <c r="C38" s="6">
        <v>5</v>
      </c>
      <c r="D38" s="5">
        <v>18</v>
      </c>
    </row>
    <row r="39" spans="1:4" ht="18" customHeight="1" x14ac:dyDescent="0.15">
      <c r="A39" s="8">
        <v>28</v>
      </c>
      <c r="B39" s="7">
        <v>6</v>
      </c>
      <c r="C39" s="6">
        <v>4</v>
      </c>
      <c r="D39" s="5">
        <v>10</v>
      </c>
    </row>
    <row r="40" spans="1:4" ht="18" customHeight="1" x14ac:dyDescent="0.15">
      <c r="A40" s="8">
        <v>29</v>
      </c>
      <c r="B40" s="7">
        <v>4</v>
      </c>
      <c r="C40" s="6">
        <v>8</v>
      </c>
      <c r="D40" s="5">
        <v>12</v>
      </c>
    </row>
    <row r="41" spans="1:4" ht="18" customHeight="1" x14ac:dyDescent="0.15">
      <c r="A41" s="8" t="s">
        <v>19</v>
      </c>
      <c r="B41" s="7">
        <v>42</v>
      </c>
      <c r="C41" s="6">
        <v>33</v>
      </c>
      <c r="D41" s="5">
        <v>75</v>
      </c>
    </row>
    <row r="42" spans="1:4" ht="18" customHeight="1" x14ac:dyDescent="0.15">
      <c r="A42" s="8">
        <v>30</v>
      </c>
      <c r="B42" s="7">
        <v>7</v>
      </c>
      <c r="C42" s="6">
        <v>4</v>
      </c>
      <c r="D42" s="5">
        <v>11</v>
      </c>
    </row>
    <row r="43" spans="1:4" ht="18" customHeight="1" x14ac:dyDescent="0.15">
      <c r="A43" s="8">
        <v>31</v>
      </c>
      <c r="B43" s="7">
        <v>9</v>
      </c>
      <c r="C43" s="6">
        <v>3</v>
      </c>
      <c r="D43" s="5">
        <v>12</v>
      </c>
    </row>
    <row r="44" spans="1:4" ht="18" customHeight="1" x14ac:dyDescent="0.15">
      <c r="A44" s="8">
        <v>32</v>
      </c>
      <c r="B44" s="7">
        <v>10</v>
      </c>
      <c r="C44" s="6">
        <v>9</v>
      </c>
      <c r="D44" s="5">
        <v>19</v>
      </c>
    </row>
    <row r="45" spans="1:4" ht="18" customHeight="1" x14ac:dyDescent="0.15">
      <c r="A45" s="8">
        <v>33</v>
      </c>
      <c r="B45" s="7">
        <v>12</v>
      </c>
      <c r="C45" s="6">
        <v>10</v>
      </c>
      <c r="D45" s="5">
        <v>22</v>
      </c>
    </row>
    <row r="46" spans="1:4" ht="18" customHeight="1" x14ac:dyDescent="0.15">
      <c r="A46" s="8">
        <v>34</v>
      </c>
      <c r="B46" s="7">
        <v>4</v>
      </c>
      <c r="C46" s="6">
        <v>12</v>
      </c>
      <c r="D46" s="5">
        <v>16</v>
      </c>
    </row>
    <row r="47" spans="1:4" ht="18" customHeight="1" x14ac:dyDescent="0.15">
      <c r="A47" s="8" t="s">
        <v>18</v>
      </c>
      <c r="B47" s="7">
        <v>42</v>
      </c>
      <c r="C47" s="6">
        <v>38</v>
      </c>
      <c r="D47" s="5">
        <v>80</v>
      </c>
    </row>
    <row r="48" spans="1:4" ht="18" customHeight="1" x14ac:dyDescent="0.15">
      <c r="A48" s="8">
        <v>35</v>
      </c>
      <c r="B48" s="7">
        <v>10</v>
      </c>
      <c r="C48" s="6">
        <v>11</v>
      </c>
      <c r="D48" s="5">
        <v>21</v>
      </c>
    </row>
    <row r="49" spans="1:4" ht="18" customHeight="1" x14ac:dyDescent="0.15">
      <c r="A49" s="8">
        <v>36</v>
      </c>
      <c r="B49" s="7">
        <v>10</v>
      </c>
      <c r="C49" s="6">
        <v>6</v>
      </c>
      <c r="D49" s="5">
        <v>16</v>
      </c>
    </row>
    <row r="50" spans="1:4" ht="18" customHeight="1" x14ac:dyDescent="0.15">
      <c r="A50" s="8">
        <v>37</v>
      </c>
      <c r="B50" s="7">
        <v>12</v>
      </c>
      <c r="C50" s="6">
        <v>13</v>
      </c>
      <c r="D50" s="5">
        <v>25</v>
      </c>
    </row>
    <row r="51" spans="1:4" ht="18" customHeight="1" x14ac:dyDescent="0.15">
      <c r="A51" s="8">
        <v>38</v>
      </c>
      <c r="B51" s="7">
        <v>15</v>
      </c>
      <c r="C51" s="6">
        <v>13</v>
      </c>
      <c r="D51" s="5">
        <v>28</v>
      </c>
    </row>
    <row r="52" spans="1:4" ht="18" customHeight="1" x14ac:dyDescent="0.15">
      <c r="A52" s="8">
        <v>39</v>
      </c>
      <c r="B52" s="7">
        <v>15</v>
      </c>
      <c r="C52" s="6">
        <v>11</v>
      </c>
      <c r="D52" s="5">
        <v>26</v>
      </c>
    </row>
    <row r="53" spans="1:4" ht="18" customHeight="1" x14ac:dyDescent="0.15">
      <c r="A53" s="8" t="s">
        <v>17</v>
      </c>
      <c r="B53" s="7">
        <v>62</v>
      </c>
      <c r="C53" s="6">
        <v>54</v>
      </c>
      <c r="D53" s="5">
        <v>116</v>
      </c>
    </row>
    <row r="54" spans="1:4" ht="18" customHeight="1" x14ac:dyDescent="0.15">
      <c r="A54" s="8">
        <v>40</v>
      </c>
      <c r="B54" s="7">
        <v>18</v>
      </c>
      <c r="C54" s="6">
        <v>20</v>
      </c>
      <c r="D54" s="5">
        <v>38</v>
      </c>
    </row>
    <row r="55" spans="1:4" ht="18" customHeight="1" x14ac:dyDescent="0.15">
      <c r="A55" s="8">
        <v>41</v>
      </c>
      <c r="B55" s="7">
        <v>12</v>
      </c>
      <c r="C55" s="6">
        <v>12</v>
      </c>
      <c r="D55" s="5">
        <v>24</v>
      </c>
    </row>
    <row r="56" spans="1:4" ht="18" customHeight="1" x14ac:dyDescent="0.15">
      <c r="A56" s="8">
        <v>42</v>
      </c>
      <c r="B56" s="7">
        <v>12</v>
      </c>
      <c r="C56" s="6">
        <v>9</v>
      </c>
      <c r="D56" s="5">
        <v>21</v>
      </c>
    </row>
    <row r="57" spans="1:4" ht="18" customHeight="1" x14ac:dyDescent="0.15">
      <c r="A57" s="8">
        <v>43</v>
      </c>
      <c r="B57" s="7">
        <v>15</v>
      </c>
      <c r="C57" s="6">
        <v>9</v>
      </c>
      <c r="D57" s="5">
        <v>24</v>
      </c>
    </row>
    <row r="58" spans="1:4" ht="18" customHeight="1" x14ac:dyDescent="0.15">
      <c r="A58" s="8">
        <v>44</v>
      </c>
      <c r="B58" s="7">
        <v>19</v>
      </c>
      <c r="C58" s="6">
        <v>15</v>
      </c>
      <c r="D58" s="5">
        <v>34</v>
      </c>
    </row>
    <row r="59" spans="1:4" ht="18" customHeight="1" x14ac:dyDescent="0.15">
      <c r="A59" s="8" t="s">
        <v>16</v>
      </c>
      <c r="B59" s="7">
        <v>76</v>
      </c>
      <c r="C59" s="6">
        <v>65</v>
      </c>
      <c r="D59" s="5">
        <v>141</v>
      </c>
    </row>
    <row r="60" spans="1:4" ht="18" customHeight="1" x14ac:dyDescent="0.15">
      <c r="A60" s="8">
        <v>45</v>
      </c>
      <c r="B60" s="7">
        <v>9</v>
      </c>
      <c r="C60" s="6">
        <v>11</v>
      </c>
      <c r="D60" s="5">
        <v>20</v>
      </c>
    </row>
    <row r="61" spans="1:4" ht="18" customHeight="1" x14ac:dyDescent="0.15">
      <c r="A61" s="8">
        <v>46</v>
      </c>
      <c r="B61" s="7">
        <v>12</v>
      </c>
      <c r="C61" s="6">
        <v>20</v>
      </c>
      <c r="D61" s="5">
        <v>32</v>
      </c>
    </row>
    <row r="62" spans="1:4" ht="18" customHeight="1" x14ac:dyDescent="0.15">
      <c r="A62" s="8">
        <v>47</v>
      </c>
      <c r="B62" s="7">
        <v>7</v>
      </c>
      <c r="C62" s="6">
        <v>16</v>
      </c>
      <c r="D62" s="5">
        <v>23</v>
      </c>
    </row>
    <row r="63" spans="1:4" ht="18" customHeight="1" x14ac:dyDescent="0.15">
      <c r="A63" s="8">
        <v>48</v>
      </c>
      <c r="B63" s="7">
        <v>23</v>
      </c>
      <c r="C63" s="6">
        <v>23</v>
      </c>
      <c r="D63" s="5">
        <v>46</v>
      </c>
    </row>
    <row r="64" spans="1:4" ht="18" customHeight="1" x14ac:dyDescent="0.15">
      <c r="A64" s="8">
        <v>49</v>
      </c>
      <c r="B64" s="7">
        <v>20</v>
      </c>
      <c r="C64" s="6">
        <v>11</v>
      </c>
      <c r="D64" s="5">
        <v>31</v>
      </c>
    </row>
    <row r="65" spans="1:4" ht="18" customHeight="1" x14ac:dyDescent="0.15">
      <c r="A65" s="8" t="s">
        <v>15</v>
      </c>
      <c r="B65" s="7">
        <v>71</v>
      </c>
      <c r="C65" s="6">
        <v>81</v>
      </c>
      <c r="D65" s="5">
        <v>152</v>
      </c>
    </row>
    <row r="66" spans="1:4" ht="18" customHeight="1" x14ac:dyDescent="0.15">
      <c r="A66" s="8">
        <v>50</v>
      </c>
      <c r="B66" s="7">
        <v>22</v>
      </c>
      <c r="C66" s="6">
        <v>20</v>
      </c>
      <c r="D66" s="5">
        <v>42</v>
      </c>
    </row>
    <row r="67" spans="1:4" ht="18" customHeight="1" x14ac:dyDescent="0.15">
      <c r="A67" s="8">
        <v>51</v>
      </c>
      <c r="B67" s="7">
        <v>17</v>
      </c>
      <c r="C67" s="6">
        <v>21</v>
      </c>
      <c r="D67" s="5">
        <v>38</v>
      </c>
    </row>
    <row r="68" spans="1:4" ht="18" customHeight="1" x14ac:dyDescent="0.15">
      <c r="A68" s="8">
        <v>52</v>
      </c>
      <c r="B68" s="7">
        <v>20</v>
      </c>
      <c r="C68" s="6">
        <v>21</v>
      </c>
      <c r="D68" s="5">
        <v>41</v>
      </c>
    </row>
    <row r="69" spans="1:4" ht="18" customHeight="1" x14ac:dyDescent="0.15">
      <c r="A69" s="8">
        <v>53</v>
      </c>
      <c r="B69" s="7">
        <v>20</v>
      </c>
      <c r="C69" s="6">
        <v>27</v>
      </c>
      <c r="D69" s="5">
        <v>47</v>
      </c>
    </row>
    <row r="70" spans="1:4" ht="18" customHeight="1" x14ac:dyDescent="0.15">
      <c r="A70" s="8">
        <v>54</v>
      </c>
      <c r="B70" s="7">
        <v>16</v>
      </c>
      <c r="C70" s="6">
        <v>19</v>
      </c>
      <c r="D70" s="5">
        <v>35</v>
      </c>
    </row>
    <row r="71" spans="1:4" ht="18" customHeight="1" x14ac:dyDescent="0.15">
      <c r="A71" s="8" t="s">
        <v>14</v>
      </c>
      <c r="B71" s="7">
        <v>95</v>
      </c>
      <c r="C71" s="6">
        <v>108</v>
      </c>
      <c r="D71" s="5">
        <v>203</v>
      </c>
    </row>
    <row r="72" spans="1:4" ht="18" customHeight="1" x14ac:dyDescent="0.15">
      <c r="A72" s="8">
        <v>55</v>
      </c>
      <c r="B72" s="7">
        <v>22</v>
      </c>
      <c r="C72" s="6">
        <v>22</v>
      </c>
      <c r="D72" s="5">
        <v>44</v>
      </c>
    </row>
    <row r="73" spans="1:4" ht="18" customHeight="1" x14ac:dyDescent="0.15">
      <c r="A73" s="8">
        <v>56</v>
      </c>
      <c r="B73" s="7">
        <v>21</v>
      </c>
      <c r="C73" s="6">
        <v>24</v>
      </c>
      <c r="D73" s="5">
        <v>45</v>
      </c>
    </row>
    <row r="74" spans="1:4" ht="18" customHeight="1" x14ac:dyDescent="0.15">
      <c r="A74" s="8">
        <v>57</v>
      </c>
      <c r="B74" s="7">
        <v>23</v>
      </c>
      <c r="C74" s="6">
        <v>28</v>
      </c>
      <c r="D74" s="5">
        <v>51</v>
      </c>
    </row>
    <row r="75" spans="1:4" ht="18" customHeight="1" x14ac:dyDescent="0.15">
      <c r="A75" s="8">
        <v>58</v>
      </c>
      <c r="B75" s="7">
        <v>20</v>
      </c>
      <c r="C75" s="6">
        <v>18</v>
      </c>
      <c r="D75" s="5">
        <v>38</v>
      </c>
    </row>
    <row r="76" spans="1:4" ht="18" customHeight="1" x14ac:dyDescent="0.15">
      <c r="A76" s="8">
        <v>59</v>
      </c>
      <c r="B76" s="7">
        <v>10</v>
      </c>
      <c r="C76" s="6">
        <v>12</v>
      </c>
      <c r="D76" s="5">
        <v>22</v>
      </c>
    </row>
    <row r="77" spans="1:4" ht="18" customHeight="1" x14ac:dyDescent="0.15">
      <c r="A77" s="8" t="s">
        <v>13</v>
      </c>
      <c r="B77" s="7">
        <v>96</v>
      </c>
      <c r="C77" s="6">
        <v>104</v>
      </c>
      <c r="D77" s="5">
        <v>200</v>
      </c>
    </row>
    <row r="78" spans="1:4" ht="18" customHeight="1" x14ac:dyDescent="0.15">
      <c r="A78" s="8">
        <v>60</v>
      </c>
      <c r="B78" s="7">
        <v>12</v>
      </c>
      <c r="C78" s="6">
        <v>12</v>
      </c>
      <c r="D78" s="5">
        <v>24</v>
      </c>
    </row>
    <row r="79" spans="1:4" ht="18" customHeight="1" x14ac:dyDescent="0.15">
      <c r="A79" s="8">
        <v>61</v>
      </c>
      <c r="B79" s="7">
        <v>20</v>
      </c>
      <c r="C79" s="6">
        <v>13</v>
      </c>
      <c r="D79" s="5">
        <v>33</v>
      </c>
    </row>
    <row r="80" spans="1:4" ht="18" customHeight="1" x14ac:dyDescent="0.15">
      <c r="A80" s="8">
        <v>62</v>
      </c>
      <c r="B80" s="7">
        <v>14</v>
      </c>
      <c r="C80" s="6">
        <v>17</v>
      </c>
      <c r="D80" s="5">
        <v>31</v>
      </c>
    </row>
    <row r="81" spans="1:4" ht="18" customHeight="1" x14ac:dyDescent="0.15">
      <c r="A81" s="8">
        <v>63</v>
      </c>
      <c r="B81" s="7">
        <v>17</v>
      </c>
      <c r="C81" s="6">
        <v>10</v>
      </c>
      <c r="D81" s="5">
        <v>27</v>
      </c>
    </row>
    <row r="82" spans="1:4" ht="18" customHeight="1" x14ac:dyDescent="0.15">
      <c r="A82" s="8">
        <v>64</v>
      </c>
      <c r="B82" s="7">
        <v>20</v>
      </c>
      <c r="C82" s="6">
        <v>24</v>
      </c>
      <c r="D82" s="5">
        <v>44</v>
      </c>
    </row>
    <row r="83" spans="1:4" ht="18" customHeight="1" x14ac:dyDescent="0.15">
      <c r="A83" s="8" t="s">
        <v>12</v>
      </c>
      <c r="B83" s="7">
        <v>83</v>
      </c>
      <c r="C83" s="6">
        <v>76</v>
      </c>
      <c r="D83" s="5">
        <v>159</v>
      </c>
    </row>
    <row r="84" spans="1:4" ht="18" customHeight="1" x14ac:dyDescent="0.15">
      <c r="A84" s="8" t="s">
        <v>11</v>
      </c>
      <c r="B84" s="7">
        <v>645</v>
      </c>
      <c r="C84" s="6">
        <v>628</v>
      </c>
      <c r="D84" s="5">
        <v>1273</v>
      </c>
    </row>
    <row r="85" spans="1:4" ht="18" customHeight="1" x14ac:dyDescent="0.15">
      <c r="A85" s="8">
        <v>65</v>
      </c>
      <c r="B85" s="7">
        <v>10</v>
      </c>
      <c r="C85" s="6">
        <v>25</v>
      </c>
      <c r="D85" s="5">
        <v>35</v>
      </c>
    </row>
    <row r="86" spans="1:4" ht="18" customHeight="1" x14ac:dyDescent="0.15">
      <c r="A86" s="8">
        <v>66</v>
      </c>
      <c r="B86" s="7">
        <v>14</v>
      </c>
      <c r="C86" s="6">
        <v>19</v>
      </c>
      <c r="D86" s="5">
        <v>33</v>
      </c>
    </row>
    <row r="87" spans="1:4" ht="18" customHeight="1" x14ac:dyDescent="0.15">
      <c r="A87" s="8">
        <v>67</v>
      </c>
      <c r="B87" s="7">
        <v>13</v>
      </c>
      <c r="C87" s="6">
        <v>15</v>
      </c>
      <c r="D87" s="5">
        <v>28</v>
      </c>
    </row>
    <row r="88" spans="1:4" ht="18" customHeight="1" x14ac:dyDescent="0.15">
      <c r="A88" s="8">
        <v>68</v>
      </c>
      <c r="B88" s="7">
        <v>13</v>
      </c>
      <c r="C88" s="6">
        <v>24</v>
      </c>
      <c r="D88" s="5">
        <v>37</v>
      </c>
    </row>
    <row r="89" spans="1:4" ht="18" customHeight="1" x14ac:dyDescent="0.15">
      <c r="A89" s="8">
        <v>69</v>
      </c>
      <c r="B89" s="7">
        <v>21</v>
      </c>
      <c r="C89" s="6">
        <v>11</v>
      </c>
      <c r="D89" s="5">
        <v>32</v>
      </c>
    </row>
    <row r="90" spans="1:4" ht="18" customHeight="1" x14ac:dyDescent="0.15">
      <c r="A90" s="8" t="s">
        <v>10</v>
      </c>
      <c r="B90" s="7">
        <v>71</v>
      </c>
      <c r="C90" s="6">
        <v>94</v>
      </c>
      <c r="D90" s="5">
        <v>165</v>
      </c>
    </row>
    <row r="91" spans="1:4" ht="18" customHeight="1" x14ac:dyDescent="0.15">
      <c r="A91" s="8">
        <v>70</v>
      </c>
      <c r="B91" s="7">
        <v>19</v>
      </c>
      <c r="C91" s="6">
        <v>20</v>
      </c>
      <c r="D91" s="5">
        <v>39</v>
      </c>
    </row>
    <row r="92" spans="1:4" ht="18" customHeight="1" x14ac:dyDescent="0.15">
      <c r="A92" s="8">
        <v>71</v>
      </c>
      <c r="B92" s="7">
        <v>14</v>
      </c>
      <c r="C92" s="6">
        <v>19</v>
      </c>
      <c r="D92" s="5">
        <v>33</v>
      </c>
    </row>
    <row r="93" spans="1:4" ht="18" customHeight="1" x14ac:dyDescent="0.15">
      <c r="A93" s="8">
        <v>72</v>
      </c>
      <c r="B93" s="7">
        <v>16</v>
      </c>
      <c r="C93" s="6">
        <v>13</v>
      </c>
      <c r="D93" s="5">
        <v>29</v>
      </c>
    </row>
    <row r="94" spans="1:4" ht="18" customHeight="1" x14ac:dyDescent="0.15">
      <c r="A94" s="8">
        <v>73</v>
      </c>
      <c r="B94" s="7">
        <v>12</v>
      </c>
      <c r="C94" s="6">
        <v>19</v>
      </c>
      <c r="D94" s="5">
        <v>31</v>
      </c>
    </row>
    <row r="95" spans="1:4" ht="18" customHeight="1" x14ac:dyDescent="0.15">
      <c r="A95" s="8">
        <v>74</v>
      </c>
      <c r="B95" s="7">
        <v>12</v>
      </c>
      <c r="C95" s="6">
        <v>14</v>
      </c>
      <c r="D95" s="5">
        <v>26</v>
      </c>
    </row>
    <row r="96" spans="1:4" ht="18" customHeight="1" x14ac:dyDescent="0.15">
      <c r="A96" s="8" t="s">
        <v>9</v>
      </c>
      <c r="B96" s="7">
        <v>73</v>
      </c>
      <c r="C96" s="6">
        <v>85</v>
      </c>
      <c r="D96" s="5">
        <v>158</v>
      </c>
    </row>
    <row r="97" spans="1:4" ht="18" customHeight="1" x14ac:dyDescent="0.15">
      <c r="A97" s="8">
        <v>75</v>
      </c>
      <c r="B97" s="7">
        <v>12</v>
      </c>
      <c r="C97" s="6">
        <v>22</v>
      </c>
      <c r="D97" s="5">
        <v>34</v>
      </c>
    </row>
    <row r="98" spans="1:4" ht="18" customHeight="1" x14ac:dyDescent="0.15">
      <c r="A98" s="8">
        <v>76</v>
      </c>
      <c r="B98" s="7">
        <v>12</v>
      </c>
      <c r="C98" s="6">
        <v>25</v>
      </c>
      <c r="D98" s="5">
        <v>37</v>
      </c>
    </row>
    <row r="99" spans="1:4" ht="18" customHeight="1" x14ac:dyDescent="0.15">
      <c r="A99" s="8">
        <v>77</v>
      </c>
      <c r="B99" s="7">
        <v>17</v>
      </c>
      <c r="C99" s="6">
        <v>19</v>
      </c>
      <c r="D99" s="5">
        <v>36</v>
      </c>
    </row>
    <row r="100" spans="1:4" ht="18" customHeight="1" x14ac:dyDescent="0.15">
      <c r="A100" s="8">
        <v>78</v>
      </c>
      <c r="B100" s="7">
        <v>13</v>
      </c>
      <c r="C100" s="6">
        <v>23</v>
      </c>
      <c r="D100" s="5">
        <v>36</v>
      </c>
    </row>
    <row r="101" spans="1:4" ht="18" customHeight="1" x14ac:dyDescent="0.15">
      <c r="A101" s="8">
        <v>79</v>
      </c>
      <c r="B101" s="7">
        <v>9</v>
      </c>
      <c r="C101" s="6">
        <v>11</v>
      </c>
      <c r="D101" s="5">
        <v>20</v>
      </c>
    </row>
    <row r="102" spans="1:4" ht="18" customHeight="1" x14ac:dyDescent="0.15">
      <c r="A102" s="8" t="s">
        <v>8</v>
      </c>
      <c r="B102" s="7">
        <v>63</v>
      </c>
      <c r="C102" s="6">
        <v>100</v>
      </c>
      <c r="D102" s="5">
        <v>163</v>
      </c>
    </row>
    <row r="103" spans="1:4" ht="18" customHeight="1" x14ac:dyDescent="0.15">
      <c r="A103" s="8">
        <v>80</v>
      </c>
      <c r="B103" s="7">
        <v>9</v>
      </c>
      <c r="C103" s="6">
        <v>10</v>
      </c>
      <c r="D103" s="5">
        <v>19</v>
      </c>
    </row>
    <row r="104" spans="1:4" ht="18" customHeight="1" x14ac:dyDescent="0.15">
      <c r="A104" s="8">
        <v>81</v>
      </c>
      <c r="B104" s="7">
        <v>17</v>
      </c>
      <c r="C104" s="6">
        <v>12</v>
      </c>
      <c r="D104" s="5">
        <v>29</v>
      </c>
    </row>
    <row r="105" spans="1:4" ht="18" customHeight="1" x14ac:dyDescent="0.15">
      <c r="A105" s="8">
        <v>82</v>
      </c>
      <c r="B105" s="7">
        <v>7</v>
      </c>
      <c r="C105" s="6">
        <v>20</v>
      </c>
      <c r="D105" s="5">
        <v>27</v>
      </c>
    </row>
    <row r="106" spans="1:4" ht="18" customHeight="1" x14ac:dyDescent="0.15">
      <c r="A106" s="8">
        <v>83</v>
      </c>
      <c r="B106" s="7">
        <v>5</v>
      </c>
      <c r="C106" s="6">
        <v>12</v>
      </c>
      <c r="D106" s="5">
        <v>17</v>
      </c>
    </row>
    <row r="107" spans="1:4" ht="18" customHeight="1" x14ac:dyDescent="0.15">
      <c r="A107" s="8">
        <v>84</v>
      </c>
      <c r="B107" s="7">
        <v>10</v>
      </c>
      <c r="C107" s="6">
        <v>13</v>
      </c>
      <c r="D107" s="5">
        <v>23</v>
      </c>
    </row>
    <row r="108" spans="1:4" ht="18" customHeight="1" x14ac:dyDescent="0.15">
      <c r="A108" s="8" t="s">
        <v>7</v>
      </c>
      <c r="B108" s="7">
        <v>48</v>
      </c>
      <c r="C108" s="6">
        <v>67</v>
      </c>
      <c r="D108" s="5">
        <v>115</v>
      </c>
    </row>
    <row r="109" spans="1:4" ht="18" customHeight="1" x14ac:dyDescent="0.15">
      <c r="A109" s="8">
        <v>85</v>
      </c>
      <c r="B109" s="7">
        <v>9</v>
      </c>
      <c r="C109" s="6">
        <v>19</v>
      </c>
      <c r="D109" s="5">
        <v>28</v>
      </c>
    </row>
    <row r="110" spans="1:4" ht="18" customHeight="1" x14ac:dyDescent="0.15">
      <c r="A110" s="8">
        <v>86</v>
      </c>
      <c r="B110" s="7">
        <v>9</v>
      </c>
      <c r="C110" s="6">
        <v>12</v>
      </c>
      <c r="D110" s="5">
        <v>21</v>
      </c>
    </row>
    <row r="111" spans="1:4" ht="18" customHeight="1" x14ac:dyDescent="0.15">
      <c r="A111" s="8">
        <v>87</v>
      </c>
      <c r="B111" s="7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7">
        <v>2</v>
      </c>
      <c r="C112" s="6">
        <v>10</v>
      </c>
      <c r="D112" s="5">
        <v>12</v>
      </c>
    </row>
    <row r="113" spans="1:4" ht="18" customHeight="1" x14ac:dyDescent="0.15">
      <c r="A113" s="8">
        <v>89</v>
      </c>
      <c r="B113" s="7">
        <v>2</v>
      </c>
      <c r="C113" s="6">
        <v>15</v>
      </c>
      <c r="D113" s="5">
        <v>17</v>
      </c>
    </row>
    <row r="114" spans="1:4" ht="18" customHeight="1" x14ac:dyDescent="0.15">
      <c r="A114" s="8" t="s">
        <v>6</v>
      </c>
      <c r="B114" s="7">
        <v>24</v>
      </c>
      <c r="C114" s="6">
        <v>60</v>
      </c>
      <c r="D114" s="5">
        <v>84</v>
      </c>
    </row>
    <row r="115" spans="1:4" ht="18" customHeight="1" x14ac:dyDescent="0.15">
      <c r="A115" s="8">
        <v>90</v>
      </c>
      <c r="B115" s="7">
        <v>4</v>
      </c>
      <c r="C115" s="6">
        <v>10</v>
      </c>
      <c r="D115" s="5">
        <v>14</v>
      </c>
    </row>
    <row r="116" spans="1:4" ht="18" customHeight="1" x14ac:dyDescent="0.15">
      <c r="A116" s="8">
        <v>91</v>
      </c>
      <c r="B116" s="7">
        <v>3</v>
      </c>
      <c r="C116" s="6">
        <v>4</v>
      </c>
      <c r="D116" s="5">
        <v>7</v>
      </c>
    </row>
    <row r="117" spans="1:4" ht="18" customHeight="1" x14ac:dyDescent="0.15">
      <c r="A117" s="8">
        <v>92</v>
      </c>
      <c r="B117" s="7">
        <v>8</v>
      </c>
      <c r="C117" s="6">
        <v>10</v>
      </c>
      <c r="D117" s="5">
        <v>18</v>
      </c>
    </row>
    <row r="118" spans="1:4" ht="18" customHeight="1" x14ac:dyDescent="0.15">
      <c r="A118" s="8">
        <v>93</v>
      </c>
      <c r="B118" s="7">
        <v>2</v>
      </c>
      <c r="C118" s="6">
        <v>5</v>
      </c>
      <c r="D118" s="5">
        <v>7</v>
      </c>
    </row>
    <row r="119" spans="1:4" ht="18" customHeight="1" x14ac:dyDescent="0.15">
      <c r="A119" s="8">
        <v>94</v>
      </c>
      <c r="B119" s="7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7">
        <v>18</v>
      </c>
      <c r="C120" s="6">
        <v>34</v>
      </c>
      <c r="D120" s="5">
        <v>52</v>
      </c>
    </row>
    <row r="121" spans="1:4" ht="18" customHeight="1" x14ac:dyDescent="0.15">
      <c r="A121" s="8">
        <v>95</v>
      </c>
      <c r="B121" s="7">
        <v>2</v>
      </c>
      <c r="C121" s="6">
        <v>4</v>
      </c>
      <c r="D121" s="5">
        <v>6</v>
      </c>
    </row>
    <row r="122" spans="1:4" ht="18" customHeight="1" x14ac:dyDescent="0.15">
      <c r="A122" s="8">
        <v>96</v>
      </c>
      <c r="B122" s="7">
        <v>1</v>
      </c>
      <c r="C122" s="6">
        <v>5</v>
      </c>
      <c r="D122" s="5">
        <v>6</v>
      </c>
    </row>
    <row r="123" spans="1:4" ht="18" customHeight="1" x14ac:dyDescent="0.15">
      <c r="A123" s="8">
        <v>97</v>
      </c>
      <c r="B123" s="7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7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7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7">
        <v>3</v>
      </c>
      <c r="C126" s="6">
        <v>12</v>
      </c>
      <c r="D126" s="5">
        <v>15</v>
      </c>
    </row>
    <row r="127" spans="1:4" ht="18" customHeight="1" x14ac:dyDescent="0.15">
      <c r="A127" s="8">
        <v>100</v>
      </c>
      <c r="B127" s="7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7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7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7">
        <v>300</v>
      </c>
      <c r="C130" s="6">
        <v>457</v>
      </c>
      <c r="D130" s="5">
        <v>757</v>
      </c>
    </row>
    <row r="131" spans="1:4" ht="18" customHeight="1" x14ac:dyDescent="0.15">
      <c r="A131" s="4" t="s">
        <v>0</v>
      </c>
      <c r="B131" s="3">
        <v>1065</v>
      </c>
      <c r="C131" s="2">
        <v>1194</v>
      </c>
      <c r="D131" s="1">
        <v>22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A1F5D4-0D2C-4623-9D91-976525BB80EA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4</v>
      </c>
      <c r="D5" s="10">
        <v>30</v>
      </c>
    </row>
    <row r="6" spans="1:4" ht="18" customHeight="1" x14ac:dyDescent="0.15">
      <c r="A6" s="8">
        <v>1</v>
      </c>
      <c r="B6" s="21">
        <v>12</v>
      </c>
      <c r="C6" s="6">
        <v>14</v>
      </c>
      <c r="D6" s="5">
        <v>26</v>
      </c>
    </row>
    <row r="7" spans="1:4" ht="18" customHeight="1" x14ac:dyDescent="0.15">
      <c r="A7" s="8">
        <v>2</v>
      </c>
      <c r="B7" s="21">
        <v>19</v>
      </c>
      <c r="C7" s="6">
        <v>21</v>
      </c>
      <c r="D7" s="5">
        <v>40</v>
      </c>
    </row>
    <row r="8" spans="1:4" ht="18" customHeight="1" x14ac:dyDescent="0.15">
      <c r="A8" s="8">
        <v>3</v>
      </c>
      <c r="B8" s="21">
        <v>16</v>
      </c>
      <c r="C8" s="6">
        <v>25</v>
      </c>
      <c r="D8" s="5">
        <v>41</v>
      </c>
    </row>
    <row r="9" spans="1:4" ht="18" customHeight="1" x14ac:dyDescent="0.15">
      <c r="A9" s="8">
        <v>4</v>
      </c>
      <c r="B9" s="21">
        <v>24</v>
      </c>
      <c r="C9" s="6">
        <v>18</v>
      </c>
      <c r="D9" s="5">
        <v>42</v>
      </c>
    </row>
    <row r="10" spans="1:4" ht="18" customHeight="1" x14ac:dyDescent="0.15">
      <c r="A10" s="8" t="s">
        <v>25</v>
      </c>
      <c r="B10" s="21">
        <v>87</v>
      </c>
      <c r="C10" s="6">
        <v>92</v>
      </c>
      <c r="D10" s="5">
        <v>179</v>
      </c>
    </row>
    <row r="11" spans="1:4" ht="18" customHeight="1" x14ac:dyDescent="0.15">
      <c r="A11" s="8">
        <v>5</v>
      </c>
      <c r="B11" s="21">
        <v>27</v>
      </c>
      <c r="C11" s="6">
        <v>19</v>
      </c>
      <c r="D11" s="5">
        <v>46</v>
      </c>
    </row>
    <row r="12" spans="1:4" ht="18" customHeight="1" x14ac:dyDescent="0.15">
      <c r="A12" s="8">
        <v>6</v>
      </c>
      <c r="B12" s="21">
        <v>24</v>
      </c>
      <c r="C12" s="6">
        <v>19</v>
      </c>
      <c r="D12" s="5">
        <v>43</v>
      </c>
    </row>
    <row r="13" spans="1:4" ht="18" customHeight="1" x14ac:dyDescent="0.15">
      <c r="A13" s="8">
        <v>7</v>
      </c>
      <c r="B13" s="21">
        <v>17</v>
      </c>
      <c r="C13" s="6">
        <v>16</v>
      </c>
      <c r="D13" s="5">
        <v>33</v>
      </c>
    </row>
    <row r="14" spans="1:4" ht="18" customHeight="1" x14ac:dyDescent="0.15">
      <c r="A14" s="8">
        <v>8</v>
      </c>
      <c r="B14" s="21">
        <v>19</v>
      </c>
      <c r="C14" s="6">
        <v>18</v>
      </c>
      <c r="D14" s="5">
        <v>37</v>
      </c>
    </row>
    <row r="15" spans="1:4" ht="18" customHeight="1" x14ac:dyDescent="0.15">
      <c r="A15" s="8">
        <v>9</v>
      </c>
      <c r="B15" s="21">
        <v>22</v>
      </c>
      <c r="C15" s="6">
        <v>18</v>
      </c>
      <c r="D15" s="5">
        <v>40</v>
      </c>
    </row>
    <row r="16" spans="1:4" ht="18" customHeight="1" x14ac:dyDescent="0.15">
      <c r="A16" s="8" t="s">
        <v>24</v>
      </c>
      <c r="B16" s="21">
        <v>109</v>
      </c>
      <c r="C16" s="6">
        <v>90</v>
      </c>
      <c r="D16" s="5">
        <v>199</v>
      </c>
    </row>
    <row r="17" spans="1:4" ht="18" customHeight="1" x14ac:dyDescent="0.15">
      <c r="A17" s="8">
        <v>10</v>
      </c>
      <c r="B17" s="21">
        <v>25</v>
      </c>
      <c r="C17" s="6">
        <v>19</v>
      </c>
      <c r="D17" s="5">
        <v>44</v>
      </c>
    </row>
    <row r="18" spans="1:4" ht="18" customHeight="1" x14ac:dyDescent="0.15">
      <c r="A18" s="8">
        <v>11</v>
      </c>
      <c r="B18" s="21">
        <v>23</v>
      </c>
      <c r="C18" s="6">
        <v>32</v>
      </c>
      <c r="D18" s="5">
        <v>55</v>
      </c>
    </row>
    <row r="19" spans="1:4" ht="18" customHeight="1" x14ac:dyDescent="0.15">
      <c r="A19" s="8">
        <v>12</v>
      </c>
      <c r="B19" s="21">
        <v>20</v>
      </c>
      <c r="C19" s="6">
        <v>24</v>
      </c>
      <c r="D19" s="5">
        <v>44</v>
      </c>
    </row>
    <row r="20" spans="1:4" ht="18" customHeight="1" x14ac:dyDescent="0.15">
      <c r="A20" s="8">
        <v>13</v>
      </c>
      <c r="B20" s="21">
        <v>27</v>
      </c>
      <c r="C20" s="6">
        <v>30</v>
      </c>
      <c r="D20" s="5">
        <v>57</v>
      </c>
    </row>
    <row r="21" spans="1:4" ht="18" customHeight="1" x14ac:dyDescent="0.15">
      <c r="A21" s="8">
        <v>14</v>
      </c>
      <c r="B21" s="21">
        <v>18</v>
      </c>
      <c r="C21" s="6">
        <v>21</v>
      </c>
      <c r="D21" s="5">
        <v>39</v>
      </c>
    </row>
    <row r="22" spans="1:4" ht="18" customHeight="1" x14ac:dyDescent="0.15">
      <c r="A22" s="8" t="s">
        <v>23</v>
      </c>
      <c r="B22" s="21">
        <v>113</v>
      </c>
      <c r="C22" s="6">
        <v>126</v>
      </c>
      <c r="D22" s="5">
        <v>239</v>
      </c>
    </row>
    <row r="23" spans="1:4" ht="18" customHeight="1" x14ac:dyDescent="0.15">
      <c r="A23" s="8" t="s">
        <v>22</v>
      </c>
      <c r="B23" s="21">
        <v>309</v>
      </c>
      <c r="C23" s="6">
        <v>308</v>
      </c>
      <c r="D23" s="5">
        <v>617</v>
      </c>
    </row>
    <row r="24" spans="1:4" ht="18" customHeight="1" x14ac:dyDescent="0.15">
      <c r="A24" s="8">
        <v>15</v>
      </c>
      <c r="B24" s="21">
        <v>20</v>
      </c>
      <c r="C24" s="6">
        <v>27</v>
      </c>
      <c r="D24" s="5">
        <v>47</v>
      </c>
    </row>
    <row r="25" spans="1:4" ht="18" customHeight="1" x14ac:dyDescent="0.15">
      <c r="A25" s="8">
        <v>16</v>
      </c>
      <c r="B25" s="21">
        <v>19</v>
      </c>
      <c r="C25" s="6">
        <v>24</v>
      </c>
      <c r="D25" s="5">
        <v>43</v>
      </c>
    </row>
    <row r="26" spans="1:4" ht="18" customHeight="1" x14ac:dyDescent="0.15">
      <c r="A26" s="8">
        <v>17</v>
      </c>
      <c r="B26" s="21">
        <v>31</v>
      </c>
      <c r="C26" s="6">
        <v>24</v>
      </c>
      <c r="D26" s="5">
        <v>55</v>
      </c>
    </row>
    <row r="27" spans="1:4" ht="18" customHeight="1" x14ac:dyDescent="0.15">
      <c r="A27" s="8">
        <v>18</v>
      </c>
      <c r="B27" s="21">
        <v>16</v>
      </c>
      <c r="C27" s="6">
        <v>26</v>
      </c>
      <c r="D27" s="5">
        <v>42</v>
      </c>
    </row>
    <row r="28" spans="1:4" ht="18" customHeight="1" x14ac:dyDescent="0.15">
      <c r="A28" s="8">
        <v>19</v>
      </c>
      <c r="B28" s="21">
        <v>28</v>
      </c>
      <c r="C28" s="6">
        <v>27</v>
      </c>
      <c r="D28" s="5">
        <v>55</v>
      </c>
    </row>
    <row r="29" spans="1:4" ht="18" customHeight="1" x14ac:dyDescent="0.15">
      <c r="A29" s="8" t="s">
        <v>21</v>
      </c>
      <c r="B29" s="21">
        <v>114</v>
      </c>
      <c r="C29" s="6">
        <v>128</v>
      </c>
      <c r="D29" s="5">
        <v>242</v>
      </c>
    </row>
    <row r="30" spans="1:4" ht="18" customHeight="1" x14ac:dyDescent="0.15">
      <c r="A30" s="8">
        <v>20</v>
      </c>
      <c r="B30" s="21">
        <v>25</v>
      </c>
      <c r="C30" s="6">
        <v>17</v>
      </c>
      <c r="D30" s="5">
        <v>42</v>
      </c>
    </row>
    <row r="31" spans="1:4" ht="18" customHeight="1" x14ac:dyDescent="0.15">
      <c r="A31" s="8">
        <v>21</v>
      </c>
      <c r="B31" s="21">
        <v>27</v>
      </c>
      <c r="C31" s="6">
        <v>32</v>
      </c>
      <c r="D31" s="5">
        <v>59</v>
      </c>
    </row>
    <row r="32" spans="1:4" ht="18" customHeight="1" x14ac:dyDescent="0.15">
      <c r="A32" s="8">
        <v>22</v>
      </c>
      <c r="B32" s="21">
        <v>15</v>
      </c>
      <c r="C32" s="6">
        <v>28</v>
      </c>
      <c r="D32" s="5">
        <v>43</v>
      </c>
    </row>
    <row r="33" spans="1:4" ht="18" customHeight="1" x14ac:dyDescent="0.15">
      <c r="A33" s="8">
        <v>23</v>
      </c>
      <c r="B33" s="21">
        <v>34</v>
      </c>
      <c r="C33" s="6">
        <v>25</v>
      </c>
      <c r="D33" s="5">
        <v>59</v>
      </c>
    </row>
    <row r="34" spans="1:4" ht="18" customHeight="1" x14ac:dyDescent="0.15">
      <c r="A34" s="8">
        <v>24</v>
      </c>
      <c r="B34" s="21">
        <v>34</v>
      </c>
      <c r="C34" s="6">
        <v>15</v>
      </c>
      <c r="D34" s="5">
        <v>49</v>
      </c>
    </row>
    <row r="35" spans="1:4" ht="18" customHeight="1" x14ac:dyDescent="0.15">
      <c r="A35" s="8" t="s">
        <v>20</v>
      </c>
      <c r="B35" s="21">
        <v>135</v>
      </c>
      <c r="C35" s="6">
        <v>117</v>
      </c>
      <c r="D35" s="5">
        <v>252</v>
      </c>
    </row>
    <row r="36" spans="1:4" ht="18" customHeight="1" x14ac:dyDescent="0.15">
      <c r="A36" s="8">
        <v>25</v>
      </c>
      <c r="B36" s="21">
        <v>30</v>
      </c>
      <c r="C36" s="6">
        <v>21</v>
      </c>
      <c r="D36" s="5">
        <v>51</v>
      </c>
    </row>
    <row r="37" spans="1:4" ht="18" customHeight="1" x14ac:dyDescent="0.15">
      <c r="A37" s="8">
        <v>26</v>
      </c>
      <c r="B37" s="21">
        <v>20</v>
      </c>
      <c r="C37" s="6">
        <v>27</v>
      </c>
      <c r="D37" s="5">
        <v>47</v>
      </c>
    </row>
    <row r="38" spans="1:4" ht="18" customHeight="1" x14ac:dyDescent="0.15">
      <c r="A38" s="8">
        <v>27</v>
      </c>
      <c r="B38" s="21">
        <v>31</v>
      </c>
      <c r="C38" s="6">
        <v>26</v>
      </c>
      <c r="D38" s="5">
        <v>57</v>
      </c>
    </row>
    <row r="39" spans="1:4" ht="18" customHeight="1" x14ac:dyDescent="0.15">
      <c r="A39" s="8">
        <v>28</v>
      </c>
      <c r="B39" s="21">
        <v>26</v>
      </c>
      <c r="C39" s="6">
        <v>25</v>
      </c>
      <c r="D39" s="5">
        <v>51</v>
      </c>
    </row>
    <row r="40" spans="1:4" ht="18" customHeight="1" x14ac:dyDescent="0.15">
      <c r="A40" s="8">
        <v>29</v>
      </c>
      <c r="B40" s="21">
        <v>30</v>
      </c>
      <c r="C40" s="6">
        <v>23</v>
      </c>
      <c r="D40" s="5">
        <v>53</v>
      </c>
    </row>
    <row r="41" spans="1:4" ht="18" customHeight="1" x14ac:dyDescent="0.15">
      <c r="A41" s="8" t="s">
        <v>19</v>
      </c>
      <c r="B41" s="21">
        <v>137</v>
      </c>
      <c r="C41" s="6">
        <v>122</v>
      </c>
      <c r="D41" s="5">
        <v>259</v>
      </c>
    </row>
    <row r="42" spans="1:4" ht="18" customHeight="1" x14ac:dyDescent="0.15">
      <c r="A42" s="8">
        <v>30</v>
      </c>
      <c r="B42" s="21">
        <v>30</v>
      </c>
      <c r="C42" s="6">
        <v>21</v>
      </c>
      <c r="D42" s="5">
        <v>51</v>
      </c>
    </row>
    <row r="43" spans="1:4" ht="18" customHeight="1" x14ac:dyDescent="0.15">
      <c r="A43" s="8">
        <v>31</v>
      </c>
      <c r="B43" s="21">
        <v>36</v>
      </c>
      <c r="C43" s="6">
        <v>21</v>
      </c>
      <c r="D43" s="5">
        <v>57</v>
      </c>
    </row>
    <row r="44" spans="1:4" ht="18" customHeight="1" x14ac:dyDescent="0.15">
      <c r="A44" s="8">
        <v>32</v>
      </c>
      <c r="B44" s="21">
        <v>24</v>
      </c>
      <c r="C44" s="6">
        <v>25</v>
      </c>
      <c r="D44" s="5">
        <v>49</v>
      </c>
    </row>
    <row r="45" spans="1:4" ht="18" customHeight="1" x14ac:dyDescent="0.15">
      <c r="A45" s="8">
        <v>33</v>
      </c>
      <c r="B45" s="21">
        <v>37</v>
      </c>
      <c r="C45" s="6">
        <v>33</v>
      </c>
      <c r="D45" s="5">
        <v>70</v>
      </c>
    </row>
    <row r="46" spans="1:4" ht="18" customHeight="1" x14ac:dyDescent="0.15">
      <c r="A46" s="8">
        <v>34</v>
      </c>
      <c r="B46" s="21">
        <v>27</v>
      </c>
      <c r="C46" s="6">
        <v>18</v>
      </c>
      <c r="D46" s="5">
        <v>45</v>
      </c>
    </row>
    <row r="47" spans="1:4" ht="18" customHeight="1" x14ac:dyDescent="0.15">
      <c r="A47" s="8" t="s">
        <v>18</v>
      </c>
      <c r="B47" s="21">
        <v>154</v>
      </c>
      <c r="C47" s="6">
        <v>118</v>
      </c>
      <c r="D47" s="5">
        <v>272</v>
      </c>
    </row>
    <row r="48" spans="1:4" ht="18" customHeight="1" x14ac:dyDescent="0.15">
      <c r="A48" s="8">
        <v>35</v>
      </c>
      <c r="B48" s="21">
        <v>40</v>
      </c>
      <c r="C48" s="6">
        <v>29</v>
      </c>
      <c r="D48" s="5">
        <v>69</v>
      </c>
    </row>
    <row r="49" spans="1:4" ht="18" customHeight="1" x14ac:dyDescent="0.15">
      <c r="A49" s="8">
        <v>36</v>
      </c>
      <c r="B49" s="21">
        <v>19</v>
      </c>
      <c r="C49" s="6">
        <v>27</v>
      </c>
      <c r="D49" s="5">
        <v>46</v>
      </c>
    </row>
    <row r="50" spans="1:4" ht="18" customHeight="1" x14ac:dyDescent="0.15">
      <c r="A50" s="8">
        <v>37</v>
      </c>
      <c r="B50" s="21">
        <v>34</v>
      </c>
      <c r="C50" s="6">
        <v>20</v>
      </c>
      <c r="D50" s="5">
        <v>54</v>
      </c>
    </row>
    <row r="51" spans="1:4" ht="18" customHeight="1" x14ac:dyDescent="0.15">
      <c r="A51" s="8">
        <v>38</v>
      </c>
      <c r="B51" s="21">
        <v>34</v>
      </c>
      <c r="C51" s="6">
        <v>31</v>
      </c>
      <c r="D51" s="5">
        <v>65</v>
      </c>
    </row>
    <row r="52" spans="1:4" ht="18" customHeight="1" x14ac:dyDescent="0.15">
      <c r="A52" s="8">
        <v>39</v>
      </c>
      <c r="B52" s="21">
        <v>43</v>
      </c>
      <c r="C52" s="6">
        <v>34</v>
      </c>
      <c r="D52" s="5">
        <v>77</v>
      </c>
    </row>
    <row r="53" spans="1:4" ht="18" customHeight="1" x14ac:dyDescent="0.15">
      <c r="A53" s="8" t="s">
        <v>17</v>
      </c>
      <c r="B53" s="21">
        <v>170</v>
      </c>
      <c r="C53" s="6">
        <v>141</v>
      </c>
      <c r="D53" s="5">
        <v>311</v>
      </c>
    </row>
    <row r="54" spans="1:4" ht="18" customHeight="1" x14ac:dyDescent="0.15">
      <c r="A54" s="8">
        <v>40</v>
      </c>
      <c r="B54" s="21">
        <v>36</v>
      </c>
      <c r="C54" s="6">
        <v>29</v>
      </c>
      <c r="D54" s="5">
        <v>65</v>
      </c>
    </row>
    <row r="55" spans="1:4" ht="18" customHeight="1" x14ac:dyDescent="0.15">
      <c r="A55" s="8">
        <v>41</v>
      </c>
      <c r="B55" s="21">
        <v>30</v>
      </c>
      <c r="C55" s="6">
        <v>35</v>
      </c>
      <c r="D55" s="5">
        <v>65</v>
      </c>
    </row>
    <row r="56" spans="1:4" ht="18" customHeight="1" x14ac:dyDescent="0.15">
      <c r="A56" s="8">
        <v>42</v>
      </c>
      <c r="B56" s="21">
        <v>34</v>
      </c>
      <c r="C56" s="6">
        <v>29</v>
      </c>
      <c r="D56" s="5">
        <v>63</v>
      </c>
    </row>
    <row r="57" spans="1:4" ht="18" customHeight="1" x14ac:dyDescent="0.15">
      <c r="A57" s="8">
        <v>43</v>
      </c>
      <c r="B57" s="21">
        <v>40</v>
      </c>
      <c r="C57" s="6">
        <v>27</v>
      </c>
      <c r="D57" s="5">
        <v>67</v>
      </c>
    </row>
    <row r="58" spans="1:4" ht="18" customHeight="1" x14ac:dyDescent="0.15">
      <c r="A58" s="8">
        <v>44</v>
      </c>
      <c r="B58" s="21">
        <v>31</v>
      </c>
      <c r="C58" s="6">
        <v>34</v>
      </c>
      <c r="D58" s="5">
        <v>65</v>
      </c>
    </row>
    <row r="59" spans="1:4" ht="18" customHeight="1" x14ac:dyDescent="0.15">
      <c r="A59" s="8" t="s">
        <v>16</v>
      </c>
      <c r="B59" s="21">
        <v>171</v>
      </c>
      <c r="C59" s="6">
        <v>154</v>
      </c>
      <c r="D59" s="5">
        <v>325</v>
      </c>
    </row>
    <row r="60" spans="1:4" ht="18" customHeight="1" x14ac:dyDescent="0.15">
      <c r="A60" s="8">
        <v>45</v>
      </c>
      <c r="B60" s="21">
        <v>36</v>
      </c>
      <c r="C60" s="6">
        <v>34</v>
      </c>
      <c r="D60" s="5">
        <v>70</v>
      </c>
    </row>
    <row r="61" spans="1:4" ht="18" customHeight="1" x14ac:dyDescent="0.15">
      <c r="A61" s="8">
        <v>46</v>
      </c>
      <c r="B61" s="21">
        <v>30</v>
      </c>
      <c r="C61" s="6">
        <v>33</v>
      </c>
      <c r="D61" s="5">
        <v>63</v>
      </c>
    </row>
    <row r="62" spans="1:4" ht="18" customHeight="1" x14ac:dyDescent="0.15">
      <c r="A62" s="8">
        <v>47</v>
      </c>
      <c r="B62" s="21">
        <v>35</v>
      </c>
      <c r="C62" s="6">
        <v>37</v>
      </c>
      <c r="D62" s="5">
        <v>72</v>
      </c>
    </row>
    <row r="63" spans="1:4" ht="18" customHeight="1" x14ac:dyDescent="0.15">
      <c r="A63" s="8">
        <v>48</v>
      </c>
      <c r="B63" s="21">
        <v>53</v>
      </c>
      <c r="C63" s="6">
        <v>37</v>
      </c>
      <c r="D63" s="5">
        <v>90</v>
      </c>
    </row>
    <row r="64" spans="1:4" ht="18" customHeight="1" x14ac:dyDescent="0.15">
      <c r="A64" s="8">
        <v>49</v>
      </c>
      <c r="B64" s="21">
        <v>45</v>
      </c>
      <c r="C64" s="6">
        <v>39</v>
      </c>
      <c r="D64" s="5">
        <v>84</v>
      </c>
    </row>
    <row r="65" spans="1:4" ht="18" customHeight="1" x14ac:dyDescent="0.15">
      <c r="A65" s="8" t="s">
        <v>15</v>
      </c>
      <c r="B65" s="21">
        <v>199</v>
      </c>
      <c r="C65" s="6">
        <v>180</v>
      </c>
      <c r="D65" s="5">
        <v>379</v>
      </c>
    </row>
    <row r="66" spans="1:4" ht="18" customHeight="1" x14ac:dyDescent="0.15">
      <c r="A66" s="8">
        <v>50</v>
      </c>
      <c r="B66" s="21">
        <v>47</v>
      </c>
      <c r="C66" s="6">
        <v>43</v>
      </c>
      <c r="D66" s="5">
        <v>90</v>
      </c>
    </row>
    <row r="67" spans="1:4" ht="18" customHeight="1" x14ac:dyDescent="0.15">
      <c r="A67" s="8">
        <v>51</v>
      </c>
      <c r="B67" s="21">
        <v>35</v>
      </c>
      <c r="C67" s="6">
        <v>44</v>
      </c>
      <c r="D67" s="5">
        <v>79</v>
      </c>
    </row>
    <row r="68" spans="1:4" ht="18" customHeight="1" x14ac:dyDescent="0.15">
      <c r="A68" s="8">
        <v>52</v>
      </c>
      <c r="B68" s="21">
        <v>54</v>
      </c>
      <c r="C68" s="6">
        <v>53</v>
      </c>
      <c r="D68" s="5">
        <v>107</v>
      </c>
    </row>
    <row r="69" spans="1:4" ht="18" customHeight="1" x14ac:dyDescent="0.15">
      <c r="A69" s="8">
        <v>53</v>
      </c>
      <c r="B69" s="21">
        <v>46</v>
      </c>
      <c r="C69" s="6">
        <v>36</v>
      </c>
      <c r="D69" s="5">
        <v>82</v>
      </c>
    </row>
    <row r="70" spans="1:4" ht="18" customHeight="1" x14ac:dyDescent="0.15">
      <c r="A70" s="8">
        <v>54</v>
      </c>
      <c r="B70" s="21">
        <v>44</v>
      </c>
      <c r="C70" s="6">
        <v>47</v>
      </c>
      <c r="D70" s="5">
        <v>91</v>
      </c>
    </row>
    <row r="71" spans="1:4" ht="18" customHeight="1" x14ac:dyDescent="0.15">
      <c r="A71" s="8" t="s">
        <v>14</v>
      </c>
      <c r="B71" s="21">
        <v>226</v>
      </c>
      <c r="C71" s="6">
        <v>223</v>
      </c>
      <c r="D71" s="5">
        <v>449</v>
      </c>
    </row>
    <row r="72" spans="1:4" ht="18" customHeight="1" x14ac:dyDescent="0.15">
      <c r="A72" s="8">
        <v>55</v>
      </c>
      <c r="B72" s="21">
        <v>46</v>
      </c>
      <c r="C72" s="6">
        <v>38</v>
      </c>
      <c r="D72" s="5">
        <v>84</v>
      </c>
    </row>
    <row r="73" spans="1:4" ht="18" customHeight="1" x14ac:dyDescent="0.15">
      <c r="A73" s="8">
        <v>56</v>
      </c>
      <c r="B73" s="21">
        <v>56</v>
      </c>
      <c r="C73" s="6">
        <v>31</v>
      </c>
      <c r="D73" s="5">
        <v>87</v>
      </c>
    </row>
    <row r="74" spans="1:4" ht="18" customHeight="1" x14ac:dyDescent="0.15">
      <c r="A74" s="8">
        <v>57</v>
      </c>
      <c r="B74" s="21">
        <v>48</v>
      </c>
      <c r="C74" s="6">
        <v>48</v>
      </c>
      <c r="D74" s="5">
        <v>96</v>
      </c>
    </row>
    <row r="75" spans="1:4" ht="18" customHeight="1" x14ac:dyDescent="0.15">
      <c r="A75" s="8">
        <v>58</v>
      </c>
      <c r="B75" s="21">
        <v>34</v>
      </c>
      <c r="C75" s="6">
        <v>34</v>
      </c>
      <c r="D75" s="5">
        <v>68</v>
      </c>
    </row>
    <row r="76" spans="1:4" ht="18" customHeight="1" x14ac:dyDescent="0.15">
      <c r="A76" s="8">
        <v>59</v>
      </c>
      <c r="B76" s="21">
        <v>29</v>
      </c>
      <c r="C76" s="6">
        <v>36</v>
      </c>
      <c r="D76" s="5">
        <v>65</v>
      </c>
    </row>
    <row r="77" spans="1:4" ht="18" customHeight="1" x14ac:dyDescent="0.15">
      <c r="A77" s="8" t="s">
        <v>13</v>
      </c>
      <c r="B77" s="21">
        <v>213</v>
      </c>
      <c r="C77" s="6">
        <v>187</v>
      </c>
      <c r="D77" s="5">
        <v>400</v>
      </c>
    </row>
    <row r="78" spans="1:4" ht="18" customHeight="1" x14ac:dyDescent="0.15">
      <c r="A78" s="8">
        <v>60</v>
      </c>
      <c r="B78" s="21">
        <v>41</v>
      </c>
      <c r="C78" s="6">
        <v>32</v>
      </c>
      <c r="D78" s="5">
        <v>73</v>
      </c>
    </row>
    <row r="79" spans="1:4" ht="18" customHeight="1" x14ac:dyDescent="0.15">
      <c r="A79" s="8">
        <v>61</v>
      </c>
      <c r="B79" s="21">
        <v>40</v>
      </c>
      <c r="C79" s="6">
        <v>38</v>
      </c>
      <c r="D79" s="5">
        <v>78</v>
      </c>
    </row>
    <row r="80" spans="1:4" ht="18" customHeight="1" x14ac:dyDescent="0.15">
      <c r="A80" s="8">
        <v>62</v>
      </c>
      <c r="B80" s="21">
        <v>39</v>
      </c>
      <c r="C80" s="6">
        <v>35</v>
      </c>
      <c r="D80" s="5">
        <v>74</v>
      </c>
    </row>
    <row r="81" spans="1:4" ht="18" customHeight="1" x14ac:dyDescent="0.15">
      <c r="A81" s="8">
        <v>63</v>
      </c>
      <c r="B81" s="21">
        <v>31</v>
      </c>
      <c r="C81" s="6">
        <v>28</v>
      </c>
      <c r="D81" s="5">
        <v>59</v>
      </c>
    </row>
    <row r="82" spans="1:4" ht="18" customHeight="1" x14ac:dyDescent="0.15">
      <c r="A82" s="8">
        <v>64</v>
      </c>
      <c r="B82" s="21">
        <v>29</v>
      </c>
      <c r="C82" s="6">
        <v>29</v>
      </c>
      <c r="D82" s="5">
        <v>58</v>
      </c>
    </row>
    <row r="83" spans="1:4" ht="18" customHeight="1" x14ac:dyDescent="0.15">
      <c r="A83" s="8" t="s">
        <v>12</v>
      </c>
      <c r="B83" s="21">
        <v>180</v>
      </c>
      <c r="C83" s="6">
        <v>162</v>
      </c>
      <c r="D83" s="5">
        <v>342</v>
      </c>
    </row>
    <row r="84" spans="1:4" ht="18" customHeight="1" x14ac:dyDescent="0.15">
      <c r="A84" s="8" t="s">
        <v>11</v>
      </c>
      <c r="B84" s="21">
        <v>1699</v>
      </c>
      <c r="C84" s="6">
        <v>1532</v>
      </c>
      <c r="D84" s="5">
        <v>3231</v>
      </c>
    </row>
    <row r="85" spans="1:4" ht="18" customHeight="1" x14ac:dyDescent="0.15">
      <c r="A85" s="8">
        <v>65</v>
      </c>
      <c r="B85" s="21">
        <v>24</v>
      </c>
      <c r="C85" s="6">
        <v>35</v>
      </c>
      <c r="D85" s="5">
        <v>59</v>
      </c>
    </row>
    <row r="86" spans="1:4" ht="18" customHeight="1" x14ac:dyDescent="0.15">
      <c r="A86" s="8">
        <v>66</v>
      </c>
      <c r="B86" s="21">
        <v>35</v>
      </c>
      <c r="C86" s="6">
        <v>40</v>
      </c>
      <c r="D86" s="5">
        <v>75</v>
      </c>
    </row>
    <row r="87" spans="1:4" ht="18" customHeight="1" x14ac:dyDescent="0.15">
      <c r="A87" s="8">
        <v>67</v>
      </c>
      <c r="B87" s="21">
        <v>26</v>
      </c>
      <c r="C87" s="6">
        <v>32</v>
      </c>
      <c r="D87" s="5">
        <v>58</v>
      </c>
    </row>
    <row r="88" spans="1:4" ht="18" customHeight="1" x14ac:dyDescent="0.15">
      <c r="A88" s="8">
        <v>68</v>
      </c>
      <c r="B88" s="21">
        <v>29</v>
      </c>
      <c r="C88" s="6">
        <v>25</v>
      </c>
      <c r="D88" s="5">
        <v>54</v>
      </c>
    </row>
    <row r="89" spans="1:4" ht="18" customHeight="1" x14ac:dyDescent="0.15">
      <c r="A89" s="8">
        <v>69</v>
      </c>
      <c r="B89" s="21">
        <v>29</v>
      </c>
      <c r="C89" s="6">
        <v>49</v>
      </c>
      <c r="D89" s="5">
        <v>78</v>
      </c>
    </row>
    <row r="90" spans="1:4" ht="18" customHeight="1" x14ac:dyDescent="0.15">
      <c r="A90" s="8" t="s">
        <v>10</v>
      </c>
      <c r="B90" s="21">
        <v>143</v>
      </c>
      <c r="C90" s="6">
        <v>181</v>
      </c>
      <c r="D90" s="5">
        <v>324</v>
      </c>
    </row>
    <row r="91" spans="1:4" ht="18" customHeight="1" x14ac:dyDescent="0.15">
      <c r="A91" s="8">
        <v>70</v>
      </c>
      <c r="B91" s="21">
        <v>41</v>
      </c>
      <c r="C91" s="6">
        <v>40</v>
      </c>
      <c r="D91" s="5">
        <v>81</v>
      </c>
    </row>
    <row r="92" spans="1:4" ht="18" customHeight="1" x14ac:dyDescent="0.15">
      <c r="A92" s="8">
        <v>71</v>
      </c>
      <c r="B92" s="21">
        <v>37</v>
      </c>
      <c r="C92" s="6">
        <v>27</v>
      </c>
      <c r="D92" s="5">
        <v>64</v>
      </c>
    </row>
    <row r="93" spans="1:4" ht="18" customHeight="1" x14ac:dyDescent="0.15">
      <c r="A93" s="8">
        <v>72</v>
      </c>
      <c r="B93" s="21">
        <v>43</v>
      </c>
      <c r="C93" s="6">
        <v>42</v>
      </c>
      <c r="D93" s="5">
        <v>85</v>
      </c>
    </row>
    <row r="94" spans="1:4" ht="18" customHeight="1" x14ac:dyDescent="0.15">
      <c r="A94" s="8">
        <v>73</v>
      </c>
      <c r="B94" s="21">
        <v>39</v>
      </c>
      <c r="C94" s="6">
        <v>31</v>
      </c>
      <c r="D94" s="5">
        <v>70</v>
      </c>
    </row>
    <row r="95" spans="1:4" ht="18" customHeight="1" x14ac:dyDescent="0.15">
      <c r="A95" s="8">
        <v>74</v>
      </c>
      <c r="B95" s="21">
        <v>42</v>
      </c>
      <c r="C95" s="6">
        <v>60</v>
      </c>
      <c r="D95" s="5">
        <v>102</v>
      </c>
    </row>
    <row r="96" spans="1:4" ht="18" customHeight="1" x14ac:dyDescent="0.15">
      <c r="A96" s="8" t="s">
        <v>9</v>
      </c>
      <c r="B96" s="21">
        <v>202</v>
      </c>
      <c r="C96" s="6">
        <v>200</v>
      </c>
      <c r="D96" s="5">
        <v>402</v>
      </c>
    </row>
    <row r="97" spans="1:4" ht="18" customHeight="1" x14ac:dyDescent="0.15">
      <c r="A97" s="8">
        <v>75</v>
      </c>
      <c r="B97" s="21">
        <v>38</v>
      </c>
      <c r="C97" s="6">
        <v>42</v>
      </c>
      <c r="D97" s="5">
        <v>80</v>
      </c>
    </row>
    <row r="98" spans="1:4" ht="18" customHeight="1" x14ac:dyDescent="0.15">
      <c r="A98" s="8">
        <v>76</v>
      </c>
      <c r="B98" s="21">
        <v>47</v>
      </c>
      <c r="C98" s="6">
        <v>55</v>
      </c>
      <c r="D98" s="5">
        <v>102</v>
      </c>
    </row>
    <row r="99" spans="1:4" ht="18" customHeight="1" x14ac:dyDescent="0.15">
      <c r="A99" s="8">
        <v>77</v>
      </c>
      <c r="B99" s="21">
        <v>45</v>
      </c>
      <c r="C99" s="6">
        <v>62</v>
      </c>
      <c r="D99" s="5">
        <v>107</v>
      </c>
    </row>
    <row r="100" spans="1:4" ht="18" customHeight="1" x14ac:dyDescent="0.15">
      <c r="A100" s="8">
        <v>78</v>
      </c>
      <c r="B100" s="21">
        <v>39</v>
      </c>
      <c r="C100" s="6">
        <v>58</v>
      </c>
      <c r="D100" s="5">
        <v>97</v>
      </c>
    </row>
    <row r="101" spans="1:4" ht="18" customHeight="1" x14ac:dyDescent="0.15">
      <c r="A101" s="8">
        <v>79</v>
      </c>
      <c r="B101" s="21">
        <v>17</v>
      </c>
      <c r="C101" s="6">
        <v>37</v>
      </c>
      <c r="D101" s="5">
        <v>54</v>
      </c>
    </row>
    <row r="102" spans="1:4" ht="18" customHeight="1" x14ac:dyDescent="0.15">
      <c r="A102" s="8" t="s">
        <v>8</v>
      </c>
      <c r="B102" s="21">
        <v>186</v>
      </c>
      <c r="C102" s="6">
        <v>254</v>
      </c>
      <c r="D102" s="5">
        <v>440</v>
      </c>
    </row>
    <row r="103" spans="1:4" ht="18" customHeight="1" x14ac:dyDescent="0.15">
      <c r="A103" s="8">
        <v>80</v>
      </c>
      <c r="B103" s="21">
        <v>27</v>
      </c>
      <c r="C103" s="6">
        <v>25</v>
      </c>
      <c r="D103" s="5">
        <v>52</v>
      </c>
    </row>
    <row r="104" spans="1:4" ht="18" customHeight="1" x14ac:dyDescent="0.15">
      <c r="A104" s="8">
        <v>81</v>
      </c>
      <c r="B104" s="21">
        <v>32</v>
      </c>
      <c r="C104" s="6">
        <v>43</v>
      </c>
      <c r="D104" s="5">
        <v>75</v>
      </c>
    </row>
    <row r="105" spans="1:4" ht="18" customHeight="1" x14ac:dyDescent="0.15">
      <c r="A105" s="8">
        <v>82</v>
      </c>
      <c r="B105" s="21">
        <v>32</v>
      </c>
      <c r="C105" s="6">
        <v>39</v>
      </c>
      <c r="D105" s="5">
        <v>71</v>
      </c>
    </row>
    <row r="106" spans="1:4" ht="18" customHeight="1" x14ac:dyDescent="0.15">
      <c r="A106" s="8">
        <v>83</v>
      </c>
      <c r="B106" s="21">
        <v>32</v>
      </c>
      <c r="C106" s="6">
        <v>36</v>
      </c>
      <c r="D106" s="5">
        <v>68</v>
      </c>
    </row>
    <row r="107" spans="1:4" ht="18" customHeight="1" x14ac:dyDescent="0.15">
      <c r="A107" s="8">
        <v>84</v>
      </c>
      <c r="B107" s="21">
        <v>19</v>
      </c>
      <c r="C107" s="6">
        <v>39</v>
      </c>
      <c r="D107" s="5">
        <v>58</v>
      </c>
    </row>
    <row r="108" spans="1:4" ht="18" customHeight="1" x14ac:dyDescent="0.15">
      <c r="A108" s="8" t="s">
        <v>7</v>
      </c>
      <c r="B108" s="21">
        <v>142</v>
      </c>
      <c r="C108" s="6">
        <v>182</v>
      </c>
      <c r="D108" s="5">
        <v>324</v>
      </c>
    </row>
    <row r="109" spans="1:4" ht="18" customHeight="1" x14ac:dyDescent="0.15">
      <c r="A109" s="8">
        <v>85</v>
      </c>
      <c r="B109" s="21">
        <v>20</v>
      </c>
      <c r="C109" s="6">
        <v>28</v>
      </c>
      <c r="D109" s="5">
        <v>48</v>
      </c>
    </row>
    <row r="110" spans="1:4" ht="18" customHeight="1" x14ac:dyDescent="0.15">
      <c r="A110" s="8">
        <v>86</v>
      </c>
      <c r="B110" s="21">
        <v>12</v>
      </c>
      <c r="C110" s="6">
        <v>22</v>
      </c>
      <c r="D110" s="5">
        <v>34</v>
      </c>
    </row>
    <row r="111" spans="1:4" ht="18" customHeight="1" x14ac:dyDescent="0.15">
      <c r="A111" s="8">
        <v>87</v>
      </c>
      <c r="B111" s="21">
        <v>14</v>
      </c>
      <c r="C111" s="6">
        <v>20</v>
      </c>
      <c r="D111" s="5">
        <v>34</v>
      </c>
    </row>
    <row r="112" spans="1:4" ht="18" customHeight="1" x14ac:dyDescent="0.15">
      <c r="A112" s="8">
        <v>88</v>
      </c>
      <c r="B112" s="21">
        <v>9</v>
      </c>
      <c r="C112" s="6">
        <v>17</v>
      </c>
      <c r="D112" s="5">
        <v>26</v>
      </c>
    </row>
    <row r="113" spans="1:4" ht="18" customHeight="1" x14ac:dyDescent="0.15">
      <c r="A113" s="8">
        <v>89</v>
      </c>
      <c r="B113" s="21">
        <v>11</v>
      </c>
      <c r="C113" s="6">
        <v>17</v>
      </c>
      <c r="D113" s="5">
        <v>28</v>
      </c>
    </row>
    <row r="114" spans="1:4" ht="18" customHeight="1" x14ac:dyDescent="0.15">
      <c r="A114" s="8" t="s">
        <v>6</v>
      </c>
      <c r="B114" s="21">
        <v>66</v>
      </c>
      <c r="C114" s="6">
        <v>104</v>
      </c>
      <c r="D114" s="5">
        <v>170</v>
      </c>
    </row>
    <row r="115" spans="1:4" ht="18" customHeight="1" x14ac:dyDescent="0.15">
      <c r="A115" s="8">
        <v>90</v>
      </c>
      <c r="B115" s="21">
        <v>8</v>
      </c>
      <c r="C115" s="6">
        <v>29</v>
      </c>
      <c r="D115" s="5">
        <v>37</v>
      </c>
    </row>
    <row r="116" spans="1:4" ht="18" customHeight="1" x14ac:dyDescent="0.15">
      <c r="A116" s="8">
        <v>91</v>
      </c>
      <c r="B116" s="21">
        <v>4</v>
      </c>
      <c r="C116" s="6">
        <v>19</v>
      </c>
      <c r="D116" s="5">
        <v>23</v>
      </c>
    </row>
    <row r="117" spans="1:4" ht="18" customHeight="1" x14ac:dyDescent="0.15">
      <c r="A117" s="8">
        <v>92</v>
      </c>
      <c r="B117" s="21">
        <v>5</v>
      </c>
      <c r="C117" s="6">
        <v>15</v>
      </c>
      <c r="D117" s="5">
        <v>20</v>
      </c>
    </row>
    <row r="118" spans="1:4" ht="18" customHeight="1" x14ac:dyDescent="0.15">
      <c r="A118" s="8">
        <v>93</v>
      </c>
      <c r="B118" s="21">
        <v>8</v>
      </c>
      <c r="C118" s="6">
        <v>14</v>
      </c>
      <c r="D118" s="5">
        <v>22</v>
      </c>
    </row>
    <row r="119" spans="1:4" ht="18" customHeight="1" x14ac:dyDescent="0.15">
      <c r="A119" s="8">
        <v>94</v>
      </c>
      <c r="B119" s="21">
        <v>5</v>
      </c>
      <c r="C119" s="6">
        <v>11</v>
      </c>
      <c r="D119" s="5">
        <v>16</v>
      </c>
    </row>
    <row r="120" spans="1:4" ht="18" customHeight="1" x14ac:dyDescent="0.15">
      <c r="A120" s="8" t="s">
        <v>5</v>
      </c>
      <c r="B120" s="21">
        <v>30</v>
      </c>
      <c r="C120" s="6">
        <v>88</v>
      </c>
      <c r="D120" s="5">
        <v>118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3</v>
      </c>
      <c r="C122" s="6">
        <v>4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13</v>
      </c>
      <c r="D123" s="5">
        <v>14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5</v>
      </c>
      <c r="C126" s="6">
        <v>34</v>
      </c>
      <c r="D126" s="5">
        <v>39</v>
      </c>
    </row>
    <row r="127" spans="1:4" ht="18" customHeight="1" x14ac:dyDescent="0.15">
      <c r="A127" s="8">
        <v>100</v>
      </c>
      <c r="B127" s="21">
        <v>2</v>
      </c>
      <c r="C127" s="6">
        <v>4</v>
      </c>
      <c r="D127" s="5">
        <v>6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3</v>
      </c>
      <c r="C129" s="6">
        <v>7</v>
      </c>
      <c r="D129" s="5">
        <v>10</v>
      </c>
    </row>
    <row r="130" spans="1:4" ht="18" customHeight="1" x14ac:dyDescent="0.15">
      <c r="A130" s="8" t="s">
        <v>1</v>
      </c>
      <c r="B130" s="21">
        <v>777</v>
      </c>
      <c r="C130" s="6">
        <v>1050</v>
      </c>
      <c r="D130" s="5">
        <v>1827</v>
      </c>
    </row>
    <row r="131" spans="1:4" ht="18" customHeight="1" x14ac:dyDescent="0.15">
      <c r="A131" s="4" t="s">
        <v>0</v>
      </c>
      <c r="B131" s="20">
        <v>2785</v>
      </c>
      <c r="C131" s="2">
        <v>2890</v>
      </c>
      <c r="D131" s="1">
        <v>567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351FEA-2243-405F-A77F-FF0C20EFC2E7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22</v>
      </c>
      <c r="D5" s="10">
        <v>31</v>
      </c>
    </row>
    <row r="6" spans="1:4" ht="18" customHeight="1" x14ac:dyDescent="0.15">
      <c r="A6" s="8">
        <v>1</v>
      </c>
      <c r="B6" s="21">
        <v>20</v>
      </c>
      <c r="C6" s="6">
        <v>24</v>
      </c>
      <c r="D6" s="5">
        <v>44</v>
      </c>
    </row>
    <row r="7" spans="1:4" ht="18" customHeight="1" x14ac:dyDescent="0.15">
      <c r="A7" s="8">
        <v>2</v>
      </c>
      <c r="B7" s="21">
        <v>22</v>
      </c>
      <c r="C7" s="6">
        <v>21</v>
      </c>
      <c r="D7" s="5">
        <v>43</v>
      </c>
    </row>
    <row r="8" spans="1:4" ht="18" customHeight="1" x14ac:dyDescent="0.15">
      <c r="A8" s="8">
        <v>3</v>
      </c>
      <c r="B8" s="21">
        <v>31</v>
      </c>
      <c r="C8" s="6">
        <v>17</v>
      </c>
      <c r="D8" s="5">
        <v>48</v>
      </c>
    </row>
    <row r="9" spans="1:4" ht="18" customHeight="1" x14ac:dyDescent="0.15">
      <c r="A9" s="8">
        <v>4</v>
      </c>
      <c r="B9" s="21">
        <v>25</v>
      </c>
      <c r="C9" s="6">
        <v>28</v>
      </c>
      <c r="D9" s="5">
        <v>53</v>
      </c>
    </row>
    <row r="10" spans="1:4" ht="18" customHeight="1" x14ac:dyDescent="0.15">
      <c r="A10" s="8" t="s">
        <v>25</v>
      </c>
      <c r="B10" s="21">
        <v>107</v>
      </c>
      <c r="C10" s="6">
        <v>112</v>
      </c>
      <c r="D10" s="5">
        <v>219</v>
      </c>
    </row>
    <row r="11" spans="1:4" ht="18" customHeight="1" x14ac:dyDescent="0.15">
      <c r="A11" s="8">
        <v>5</v>
      </c>
      <c r="B11" s="21">
        <v>23</v>
      </c>
      <c r="C11" s="6">
        <v>16</v>
      </c>
      <c r="D11" s="5">
        <v>39</v>
      </c>
    </row>
    <row r="12" spans="1:4" ht="18" customHeight="1" x14ac:dyDescent="0.15">
      <c r="A12" s="8">
        <v>6</v>
      </c>
      <c r="B12" s="21">
        <v>24</v>
      </c>
      <c r="C12" s="6">
        <v>22</v>
      </c>
      <c r="D12" s="5">
        <v>46</v>
      </c>
    </row>
    <row r="13" spans="1:4" ht="18" customHeight="1" x14ac:dyDescent="0.15">
      <c r="A13" s="8">
        <v>7</v>
      </c>
      <c r="B13" s="21">
        <v>29</v>
      </c>
      <c r="C13" s="6">
        <v>20</v>
      </c>
      <c r="D13" s="5">
        <v>49</v>
      </c>
    </row>
    <row r="14" spans="1:4" ht="18" customHeight="1" x14ac:dyDescent="0.15">
      <c r="A14" s="8">
        <v>8</v>
      </c>
      <c r="B14" s="21">
        <v>22</v>
      </c>
      <c r="C14" s="6">
        <v>22</v>
      </c>
      <c r="D14" s="5">
        <v>44</v>
      </c>
    </row>
    <row r="15" spans="1:4" ht="18" customHeight="1" x14ac:dyDescent="0.15">
      <c r="A15" s="8">
        <v>9</v>
      </c>
      <c r="B15" s="21">
        <v>26</v>
      </c>
      <c r="C15" s="6">
        <v>29</v>
      </c>
      <c r="D15" s="5">
        <v>55</v>
      </c>
    </row>
    <row r="16" spans="1:4" ht="18" customHeight="1" x14ac:dyDescent="0.15">
      <c r="A16" s="8" t="s">
        <v>24</v>
      </c>
      <c r="B16" s="21">
        <v>124</v>
      </c>
      <c r="C16" s="6">
        <v>109</v>
      </c>
      <c r="D16" s="5">
        <v>233</v>
      </c>
    </row>
    <row r="17" spans="1:4" ht="18" customHeight="1" x14ac:dyDescent="0.15">
      <c r="A17" s="8">
        <v>10</v>
      </c>
      <c r="B17" s="21">
        <v>24</v>
      </c>
      <c r="C17" s="6">
        <v>27</v>
      </c>
      <c r="D17" s="5">
        <v>51</v>
      </c>
    </row>
    <row r="18" spans="1:4" ht="18" customHeight="1" x14ac:dyDescent="0.15">
      <c r="A18" s="8">
        <v>11</v>
      </c>
      <c r="B18" s="21">
        <v>29</v>
      </c>
      <c r="C18" s="6">
        <v>31</v>
      </c>
      <c r="D18" s="5">
        <v>60</v>
      </c>
    </row>
    <row r="19" spans="1:4" ht="18" customHeight="1" x14ac:dyDescent="0.15">
      <c r="A19" s="8">
        <v>12</v>
      </c>
      <c r="B19" s="21">
        <v>27</v>
      </c>
      <c r="C19" s="6">
        <v>22</v>
      </c>
      <c r="D19" s="5">
        <v>49</v>
      </c>
    </row>
    <row r="20" spans="1:4" ht="18" customHeight="1" x14ac:dyDescent="0.15">
      <c r="A20" s="8">
        <v>13</v>
      </c>
      <c r="B20" s="21">
        <v>35</v>
      </c>
      <c r="C20" s="6">
        <v>37</v>
      </c>
      <c r="D20" s="5">
        <v>72</v>
      </c>
    </row>
    <row r="21" spans="1:4" ht="18" customHeight="1" x14ac:dyDescent="0.15">
      <c r="A21" s="8">
        <v>14</v>
      </c>
      <c r="B21" s="21">
        <v>35</v>
      </c>
      <c r="C21" s="6">
        <v>30</v>
      </c>
      <c r="D21" s="5">
        <v>65</v>
      </c>
    </row>
    <row r="22" spans="1:4" ht="18" customHeight="1" x14ac:dyDescent="0.15">
      <c r="A22" s="8" t="s">
        <v>23</v>
      </c>
      <c r="B22" s="21">
        <v>150</v>
      </c>
      <c r="C22" s="6">
        <v>147</v>
      </c>
      <c r="D22" s="5">
        <v>297</v>
      </c>
    </row>
    <row r="23" spans="1:4" ht="18" customHeight="1" x14ac:dyDescent="0.15">
      <c r="A23" s="8" t="s">
        <v>22</v>
      </c>
      <c r="B23" s="21">
        <v>381</v>
      </c>
      <c r="C23" s="6">
        <v>368</v>
      </c>
      <c r="D23" s="5">
        <v>749</v>
      </c>
    </row>
    <row r="24" spans="1:4" ht="18" customHeight="1" x14ac:dyDescent="0.15">
      <c r="A24" s="8">
        <v>15</v>
      </c>
      <c r="B24" s="21">
        <v>37</v>
      </c>
      <c r="C24" s="6">
        <v>21</v>
      </c>
      <c r="D24" s="5">
        <v>58</v>
      </c>
    </row>
    <row r="25" spans="1:4" ht="18" customHeight="1" x14ac:dyDescent="0.15">
      <c r="A25" s="8">
        <v>16</v>
      </c>
      <c r="B25" s="21">
        <v>30</v>
      </c>
      <c r="C25" s="6">
        <v>34</v>
      </c>
      <c r="D25" s="5">
        <v>64</v>
      </c>
    </row>
    <row r="26" spans="1:4" ht="18" customHeight="1" x14ac:dyDescent="0.15">
      <c r="A26" s="8">
        <v>17</v>
      </c>
      <c r="B26" s="21">
        <v>29</v>
      </c>
      <c r="C26" s="6">
        <v>23</v>
      </c>
      <c r="D26" s="5">
        <v>52</v>
      </c>
    </row>
    <row r="27" spans="1:4" ht="18" customHeight="1" x14ac:dyDescent="0.15">
      <c r="A27" s="8">
        <v>18</v>
      </c>
      <c r="B27" s="21">
        <v>40</v>
      </c>
      <c r="C27" s="6">
        <v>36</v>
      </c>
      <c r="D27" s="5">
        <v>76</v>
      </c>
    </row>
    <row r="28" spans="1:4" ht="18" customHeight="1" x14ac:dyDescent="0.15">
      <c r="A28" s="8">
        <v>19</v>
      </c>
      <c r="B28" s="21">
        <v>35</v>
      </c>
      <c r="C28" s="6">
        <v>32</v>
      </c>
      <c r="D28" s="5">
        <v>67</v>
      </c>
    </row>
    <row r="29" spans="1:4" ht="18" customHeight="1" x14ac:dyDescent="0.15">
      <c r="A29" s="8" t="s">
        <v>21</v>
      </c>
      <c r="B29" s="21">
        <v>171</v>
      </c>
      <c r="C29" s="6">
        <v>146</v>
      </c>
      <c r="D29" s="5">
        <v>317</v>
      </c>
    </row>
    <row r="30" spans="1:4" ht="18" customHeight="1" x14ac:dyDescent="0.15">
      <c r="A30" s="8">
        <v>20</v>
      </c>
      <c r="B30" s="21">
        <v>37</v>
      </c>
      <c r="C30" s="6">
        <v>30</v>
      </c>
      <c r="D30" s="5">
        <v>67</v>
      </c>
    </row>
    <row r="31" spans="1:4" ht="18" customHeight="1" x14ac:dyDescent="0.15">
      <c r="A31" s="8">
        <v>21</v>
      </c>
      <c r="B31" s="21">
        <v>47</v>
      </c>
      <c r="C31" s="6">
        <v>48</v>
      </c>
      <c r="D31" s="5">
        <v>95</v>
      </c>
    </row>
    <row r="32" spans="1:4" ht="18" customHeight="1" x14ac:dyDescent="0.15">
      <c r="A32" s="8">
        <v>22</v>
      </c>
      <c r="B32" s="21">
        <v>46</v>
      </c>
      <c r="C32" s="6">
        <v>39</v>
      </c>
      <c r="D32" s="5">
        <v>85</v>
      </c>
    </row>
    <row r="33" spans="1:4" ht="18" customHeight="1" x14ac:dyDescent="0.15">
      <c r="A33" s="8">
        <v>23</v>
      </c>
      <c r="B33" s="21">
        <v>55</v>
      </c>
      <c r="C33" s="6">
        <v>34</v>
      </c>
      <c r="D33" s="5">
        <v>89</v>
      </c>
    </row>
    <row r="34" spans="1:4" ht="18" customHeight="1" x14ac:dyDescent="0.15">
      <c r="A34" s="8">
        <v>24</v>
      </c>
      <c r="B34" s="21">
        <v>34</v>
      </c>
      <c r="C34" s="6">
        <v>29</v>
      </c>
      <c r="D34" s="5">
        <v>63</v>
      </c>
    </row>
    <row r="35" spans="1:4" ht="18" customHeight="1" x14ac:dyDescent="0.15">
      <c r="A35" s="8" t="s">
        <v>20</v>
      </c>
      <c r="B35" s="21">
        <v>219</v>
      </c>
      <c r="C35" s="6">
        <v>180</v>
      </c>
      <c r="D35" s="5">
        <v>399</v>
      </c>
    </row>
    <row r="36" spans="1:4" ht="18" customHeight="1" x14ac:dyDescent="0.15">
      <c r="A36" s="8">
        <v>25</v>
      </c>
      <c r="B36" s="21">
        <v>32</v>
      </c>
      <c r="C36" s="6">
        <v>27</v>
      </c>
      <c r="D36" s="5">
        <v>59</v>
      </c>
    </row>
    <row r="37" spans="1:4" ht="18" customHeight="1" x14ac:dyDescent="0.15">
      <c r="A37" s="8">
        <v>26</v>
      </c>
      <c r="B37" s="21">
        <v>42</v>
      </c>
      <c r="C37" s="6">
        <v>40</v>
      </c>
      <c r="D37" s="5">
        <v>82</v>
      </c>
    </row>
    <row r="38" spans="1:4" ht="18" customHeight="1" x14ac:dyDescent="0.15">
      <c r="A38" s="8">
        <v>27</v>
      </c>
      <c r="B38" s="21">
        <v>33</v>
      </c>
      <c r="C38" s="6">
        <v>34</v>
      </c>
      <c r="D38" s="5">
        <v>67</v>
      </c>
    </row>
    <row r="39" spans="1:4" ht="18" customHeight="1" x14ac:dyDescent="0.15">
      <c r="A39" s="8">
        <v>28</v>
      </c>
      <c r="B39" s="21">
        <v>31</v>
      </c>
      <c r="C39" s="6">
        <v>30</v>
      </c>
      <c r="D39" s="5">
        <v>61</v>
      </c>
    </row>
    <row r="40" spans="1:4" ht="18" customHeight="1" x14ac:dyDescent="0.15">
      <c r="A40" s="8">
        <v>29</v>
      </c>
      <c r="B40" s="21">
        <v>46</v>
      </c>
      <c r="C40" s="6">
        <v>28</v>
      </c>
      <c r="D40" s="5">
        <v>74</v>
      </c>
    </row>
    <row r="41" spans="1:4" ht="18" customHeight="1" x14ac:dyDescent="0.15">
      <c r="A41" s="8" t="s">
        <v>19</v>
      </c>
      <c r="B41" s="21">
        <v>184</v>
      </c>
      <c r="C41" s="6">
        <v>159</v>
      </c>
      <c r="D41" s="5">
        <v>343</v>
      </c>
    </row>
    <row r="42" spans="1:4" ht="18" customHeight="1" x14ac:dyDescent="0.15">
      <c r="A42" s="8">
        <v>30</v>
      </c>
      <c r="B42" s="21">
        <v>44</v>
      </c>
      <c r="C42" s="6">
        <v>26</v>
      </c>
      <c r="D42" s="5">
        <v>70</v>
      </c>
    </row>
    <row r="43" spans="1:4" ht="18" customHeight="1" x14ac:dyDescent="0.15">
      <c r="A43" s="8">
        <v>31</v>
      </c>
      <c r="B43" s="21">
        <v>34</v>
      </c>
      <c r="C43" s="6">
        <v>35</v>
      </c>
      <c r="D43" s="5">
        <v>69</v>
      </c>
    </row>
    <row r="44" spans="1:4" ht="18" customHeight="1" x14ac:dyDescent="0.15">
      <c r="A44" s="8">
        <v>32</v>
      </c>
      <c r="B44" s="21">
        <v>27</v>
      </c>
      <c r="C44" s="6">
        <v>22</v>
      </c>
      <c r="D44" s="5">
        <v>49</v>
      </c>
    </row>
    <row r="45" spans="1:4" ht="18" customHeight="1" x14ac:dyDescent="0.15">
      <c r="A45" s="8">
        <v>33</v>
      </c>
      <c r="B45" s="21">
        <v>34</v>
      </c>
      <c r="C45" s="6">
        <v>12</v>
      </c>
      <c r="D45" s="5">
        <v>46</v>
      </c>
    </row>
    <row r="46" spans="1:4" ht="18" customHeight="1" x14ac:dyDescent="0.15">
      <c r="A46" s="8">
        <v>34</v>
      </c>
      <c r="B46" s="21">
        <v>37</v>
      </c>
      <c r="C46" s="6">
        <v>19</v>
      </c>
      <c r="D46" s="5">
        <v>56</v>
      </c>
    </row>
    <row r="47" spans="1:4" ht="18" customHeight="1" x14ac:dyDescent="0.15">
      <c r="A47" s="8" t="s">
        <v>18</v>
      </c>
      <c r="B47" s="21">
        <v>176</v>
      </c>
      <c r="C47" s="6">
        <v>114</v>
      </c>
      <c r="D47" s="5">
        <v>290</v>
      </c>
    </row>
    <row r="48" spans="1:4" ht="18" customHeight="1" x14ac:dyDescent="0.15">
      <c r="A48" s="8">
        <v>35</v>
      </c>
      <c r="B48" s="21">
        <v>34</v>
      </c>
      <c r="C48" s="6">
        <v>30</v>
      </c>
      <c r="D48" s="5">
        <v>64</v>
      </c>
    </row>
    <row r="49" spans="1:4" ht="18" customHeight="1" x14ac:dyDescent="0.15">
      <c r="A49" s="8">
        <v>36</v>
      </c>
      <c r="B49" s="21">
        <v>43</v>
      </c>
      <c r="C49" s="6">
        <v>26</v>
      </c>
      <c r="D49" s="5">
        <v>69</v>
      </c>
    </row>
    <row r="50" spans="1:4" ht="18" customHeight="1" x14ac:dyDescent="0.15">
      <c r="A50" s="8">
        <v>37</v>
      </c>
      <c r="B50" s="21">
        <v>27</v>
      </c>
      <c r="C50" s="6">
        <v>38</v>
      </c>
      <c r="D50" s="5">
        <v>65</v>
      </c>
    </row>
    <row r="51" spans="1:4" ht="18" customHeight="1" x14ac:dyDescent="0.15">
      <c r="A51" s="8">
        <v>38</v>
      </c>
      <c r="B51" s="21">
        <v>32</v>
      </c>
      <c r="C51" s="6">
        <v>45</v>
      </c>
      <c r="D51" s="5">
        <v>77</v>
      </c>
    </row>
    <row r="52" spans="1:4" ht="18" customHeight="1" x14ac:dyDescent="0.15">
      <c r="A52" s="8">
        <v>39</v>
      </c>
      <c r="B52" s="21">
        <v>33</v>
      </c>
      <c r="C52" s="6">
        <v>32</v>
      </c>
      <c r="D52" s="5">
        <v>65</v>
      </c>
    </row>
    <row r="53" spans="1:4" ht="18" customHeight="1" x14ac:dyDescent="0.15">
      <c r="A53" s="8" t="s">
        <v>17</v>
      </c>
      <c r="B53" s="21">
        <v>169</v>
      </c>
      <c r="C53" s="6">
        <v>171</v>
      </c>
      <c r="D53" s="5">
        <v>340</v>
      </c>
    </row>
    <row r="54" spans="1:4" ht="18" customHeight="1" x14ac:dyDescent="0.15">
      <c r="A54" s="8">
        <v>40</v>
      </c>
      <c r="B54" s="21">
        <v>43</v>
      </c>
      <c r="C54" s="6">
        <v>42</v>
      </c>
      <c r="D54" s="5">
        <v>85</v>
      </c>
    </row>
    <row r="55" spans="1:4" ht="18" customHeight="1" x14ac:dyDescent="0.15">
      <c r="A55" s="8">
        <v>41</v>
      </c>
      <c r="B55" s="21">
        <v>51</v>
      </c>
      <c r="C55" s="6">
        <v>39</v>
      </c>
      <c r="D55" s="5">
        <v>90</v>
      </c>
    </row>
    <row r="56" spans="1:4" ht="18" customHeight="1" x14ac:dyDescent="0.15">
      <c r="A56" s="8">
        <v>42</v>
      </c>
      <c r="B56" s="21">
        <v>42</v>
      </c>
      <c r="C56" s="6">
        <v>31</v>
      </c>
      <c r="D56" s="5">
        <v>73</v>
      </c>
    </row>
    <row r="57" spans="1:4" ht="18" customHeight="1" x14ac:dyDescent="0.15">
      <c r="A57" s="8">
        <v>43</v>
      </c>
      <c r="B57" s="21">
        <v>43</v>
      </c>
      <c r="C57" s="6">
        <v>48</v>
      </c>
      <c r="D57" s="5">
        <v>91</v>
      </c>
    </row>
    <row r="58" spans="1:4" ht="18" customHeight="1" x14ac:dyDescent="0.15">
      <c r="A58" s="8">
        <v>44</v>
      </c>
      <c r="B58" s="21">
        <v>42</v>
      </c>
      <c r="C58" s="6">
        <v>45</v>
      </c>
      <c r="D58" s="5">
        <v>87</v>
      </c>
    </row>
    <row r="59" spans="1:4" ht="18" customHeight="1" x14ac:dyDescent="0.15">
      <c r="A59" s="8" t="s">
        <v>16</v>
      </c>
      <c r="B59" s="21">
        <v>221</v>
      </c>
      <c r="C59" s="6">
        <v>205</v>
      </c>
      <c r="D59" s="5">
        <v>426</v>
      </c>
    </row>
    <row r="60" spans="1:4" ht="18" customHeight="1" x14ac:dyDescent="0.15">
      <c r="A60" s="8">
        <v>45</v>
      </c>
      <c r="B60" s="21">
        <v>40</v>
      </c>
      <c r="C60" s="6">
        <v>40</v>
      </c>
      <c r="D60" s="5">
        <v>80</v>
      </c>
    </row>
    <row r="61" spans="1:4" ht="18" customHeight="1" x14ac:dyDescent="0.15">
      <c r="A61" s="8">
        <v>46</v>
      </c>
      <c r="B61" s="21">
        <v>48</v>
      </c>
      <c r="C61" s="6">
        <v>36</v>
      </c>
      <c r="D61" s="5">
        <v>84</v>
      </c>
    </row>
    <row r="62" spans="1:4" ht="18" customHeight="1" x14ac:dyDescent="0.15">
      <c r="A62" s="8">
        <v>47</v>
      </c>
      <c r="B62" s="21">
        <v>47</v>
      </c>
      <c r="C62" s="6">
        <v>46</v>
      </c>
      <c r="D62" s="5">
        <v>93</v>
      </c>
    </row>
    <row r="63" spans="1:4" ht="18" customHeight="1" x14ac:dyDescent="0.15">
      <c r="A63" s="8">
        <v>48</v>
      </c>
      <c r="B63" s="21">
        <v>43</v>
      </c>
      <c r="C63" s="6">
        <v>38</v>
      </c>
      <c r="D63" s="5">
        <v>81</v>
      </c>
    </row>
    <row r="64" spans="1:4" ht="18" customHeight="1" x14ac:dyDescent="0.15">
      <c r="A64" s="8">
        <v>49</v>
      </c>
      <c r="B64" s="21">
        <v>59</v>
      </c>
      <c r="C64" s="6">
        <v>61</v>
      </c>
      <c r="D64" s="5">
        <v>120</v>
      </c>
    </row>
    <row r="65" spans="1:4" ht="18" customHeight="1" x14ac:dyDescent="0.15">
      <c r="A65" s="8" t="s">
        <v>15</v>
      </c>
      <c r="B65" s="21">
        <v>237</v>
      </c>
      <c r="C65" s="6">
        <v>221</v>
      </c>
      <c r="D65" s="5">
        <v>458</v>
      </c>
    </row>
    <row r="66" spans="1:4" ht="18" customHeight="1" x14ac:dyDescent="0.15">
      <c r="A66" s="8">
        <v>50</v>
      </c>
      <c r="B66" s="21">
        <v>56</v>
      </c>
      <c r="C66" s="6">
        <v>57</v>
      </c>
      <c r="D66" s="5">
        <v>113</v>
      </c>
    </row>
    <row r="67" spans="1:4" ht="18" customHeight="1" x14ac:dyDescent="0.15">
      <c r="A67" s="8">
        <v>51</v>
      </c>
      <c r="B67" s="21">
        <v>78</v>
      </c>
      <c r="C67" s="6">
        <v>56</v>
      </c>
      <c r="D67" s="5">
        <v>134</v>
      </c>
    </row>
    <row r="68" spans="1:4" ht="18" customHeight="1" x14ac:dyDescent="0.15">
      <c r="A68" s="8">
        <v>52</v>
      </c>
      <c r="B68" s="21">
        <v>51</v>
      </c>
      <c r="C68" s="6">
        <v>78</v>
      </c>
      <c r="D68" s="5">
        <v>129</v>
      </c>
    </row>
    <row r="69" spans="1:4" ht="18" customHeight="1" x14ac:dyDescent="0.15">
      <c r="A69" s="8">
        <v>53</v>
      </c>
      <c r="B69" s="21">
        <v>64</v>
      </c>
      <c r="C69" s="6">
        <v>73</v>
      </c>
      <c r="D69" s="5">
        <v>137</v>
      </c>
    </row>
    <row r="70" spans="1:4" ht="18" customHeight="1" x14ac:dyDescent="0.15">
      <c r="A70" s="8">
        <v>54</v>
      </c>
      <c r="B70" s="21">
        <v>83</v>
      </c>
      <c r="C70" s="6">
        <v>64</v>
      </c>
      <c r="D70" s="5">
        <v>147</v>
      </c>
    </row>
    <row r="71" spans="1:4" ht="18" customHeight="1" x14ac:dyDescent="0.15">
      <c r="A71" s="8" t="s">
        <v>14</v>
      </c>
      <c r="B71" s="21">
        <v>332</v>
      </c>
      <c r="C71" s="6">
        <v>328</v>
      </c>
      <c r="D71" s="5">
        <v>660</v>
      </c>
    </row>
    <row r="72" spans="1:4" ht="18" customHeight="1" x14ac:dyDescent="0.15">
      <c r="A72" s="8">
        <v>55</v>
      </c>
      <c r="B72" s="21">
        <v>74</v>
      </c>
      <c r="C72" s="6">
        <v>63</v>
      </c>
      <c r="D72" s="5">
        <v>137</v>
      </c>
    </row>
    <row r="73" spans="1:4" ht="18" customHeight="1" x14ac:dyDescent="0.15">
      <c r="A73" s="8">
        <v>56</v>
      </c>
      <c r="B73" s="21">
        <v>51</v>
      </c>
      <c r="C73" s="6">
        <v>56</v>
      </c>
      <c r="D73" s="5">
        <v>107</v>
      </c>
    </row>
    <row r="74" spans="1:4" ht="18" customHeight="1" x14ac:dyDescent="0.15">
      <c r="A74" s="8">
        <v>57</v>
      </c>
      <c r="B74" s="21">
        <v>63</v>
      </c>
      <c r="C74" s="6">
        <v>67</v>
      </c>
      <c r="D74" s="5">
        <v>130</v>
      </c>
    </row>
    <row r="75" spans="1:4" ht="18" customHeight="1" x14ac:dyDescent="0.15">
      <c r="A75" s="8">
        <v>58</v>
      </c>
      <c r="B75" s="21">
        <v>72</v>
      </c>
      <c r="C75" s="6">
        <v>64</v>
      </c>
      <c r="D75" s="5">
        <v>136</v>
      </c>
    </row>
    <row r="76" spans="1:4" ht="18" customHeight="1" x14ac:dyDescent="0.15">
      <c r="A76" s="8">
        <v>59</v>
      </c>
      <c r="B76" s="21">
        <v>33</v>
      </c>
      <c r="C76" s="6">
        <v>45</v>
      </c>
      <c r="D76" s="5">
        <v>78</v>
      </c>
    </row>
    <row r="77" spans="1:4" ht="18" customHeight="1" x14ac:dyDescent="0.15">
      <c r="A77" s="8" t="s">
        <v>13</v>
      </c>
      <c r="B77" s="21">
        <v>293</v>
      </c>
      <c r="C77" s="6">
        <v>295</v>
      </c>
      <c r="D77" s="5">
        <v>588</v>
      </c>
    </row>
    <row r="78" spans="1:4" ht="18" customHeight="1" x14ac:dyDescent="0.15">
      <c r="A78" s="8">
        <v>60</v>
      </c>
      <c r="B78" s="21">
        <v>47</v>
      </c>
      <c r="C78" s="6">
        <v>59</v>
      </c>
      <c r="D78" s="5">
        <v>106</v>
      </c>
    </row>
    <row r="79" spans="1:4" ht="18" customHeight="1" x14ac:dyDescent="0.15">
      <c r="A79" s="8">
        <v>61</v>
      </c>
      <c r="B79" s="21">
        <v>45</v>
      </c>
      <c r="C79" s="6">
        <v>50</v>
      </c>
      <c r="D79" s="5">
        <v>95</v>
      </c>
    </row>
    <row r="80" spans="1:4" ht="18" customHeight="1" x14ac:dyDescent="0.15">
      <c r="A80" s="8">
        <v>62</v>
      </c>
      <c r="B80" s="21">
        <v>41</v>
      </c>
      <c r="C80" s="6">
        <v>45</v>
      </c>
      <c r="D80" s="5">
        <v>86</v>
      </c>
    </row>
    <row r="81" spans="1:4" ht="18" customHeight="1" x14ac:dyDescent="0.15">
      <c r="A81" s="8">
        <v>63</v>
      </c>
      <c r="B81" s="21">
        <v>45</v>
      </c>
      <c r="C81" s="6">
        <v>37</v>
      </c>
      <c r="D81" s="5">
        <v>82</v>
      </c>
    </row>
    <row r="82" spans="1:4" ht="18" customHeight="1" x14ac:dyDescent="0.15">
      <c r="A82" s="8">
        <v>64</v>
      </c>
      <c r="B82" s="21">
        <v>44</v>
      </c>
      <c r="C82" s="6">
        <v>39</v>
      </c>
      <c r="D82" s="5">
        <v>83</v>
      </c>
    </row>
    <row r="83" spans="1:4" ht="18" customHeight="1" x14ac:dyDescent="0.15">
      <c r="A83" s="8" t="s">
        <v>12</v>
      </c>
      <c r="B83" s="21">
        <v>222</v>
      </c>
      <c r="C83" s="6">
        <v>230</v>
      </c>
      <c r="D83" s="5">
        <v>452</v>
      </c>
    </row>
    <row r="84" spans="1:4" ht="18" customHeight="1" x14ac:dyDescent="0.15">
      <c r="A84" s="8" t="s">
        <v>11</v>
      </c>
      <c r="B84" s="21">
        <v>2224</v>
      </c>
      <c r="C84" s="6">
        <v>2049</v>
      </c>
      <c r="D84" s="5">
        <v>4273</v>
      </c>
    </row>
    <row r="85" spans="1:4" ht="18" customHeight="1" x14ac:dyDescent="0.15">
      <c r="A85" s="8">
        <v>65</v>
      </c>
      <c r="B85" s="21">
        <v>55</v>
      </c>
      <c r="C85" s="6">
        <v>42</v>
      </c>
      <c r="D85" s="5">
        <v>97</v>
      </c>
    </row>
    <row r="86" spans="1:4" ht="18" customHeight="1" x14ac:dyDescent="0.15">
      <c r="A86" s="8">
        <v>66</v>
      </c>
      <c r="B86" s="21">
        <v>37</v>
      </c>
      <c r="C86" s="6">
        <v>53</v>
      </c>
      <c r="D86" s="5">
        <v>90</v>
      </c>
    </row>
    <row r="87" spans="1:4" ht="18" customHeight="1" x14ac:dyDescent="0.15">
      <c r="A87" s="8">
        <v>67</v>
      </c>
      <c r="B87" s="21">
        <v>40</v>
      </c>
      <c r="C87" s="6">
        <v>50</v>
      </c>
      <c r="D87" s="5">
        <v>90</v>
      </c>
    </row>
    <row r="88" spans="1:4" ht="18" customHeight="1" x14ac:dyDescent="0.15">
      <c r="A88" s="8">
        <v>68</v>
      </c>
      <c r="B88" s="21">
        <v>42</v>
      </c>
      <c r="C88" s="6">
        <v>37</v>
      </c>
      <c r="D88" s="5">
        <v>79</v>
      </c>
    </row>
    <row r="89" spans="1:4" ht="18" customHeight="1" x14ac:dyDescent="0.15">
      <c r="A89" s="8">
        <v>69</v>
      </c>
      <c r="B89" s="21">
        <v>45</v>
      </c>
      <c r="C89" s="6">
        <v>50</v>
      </c>
      <c r="D89" s="5">
        <v>95</v>
      </c>
    </row>
    <row r="90" spans="1:4" ht="18" customHeight="1" x14ac:dyDescent="0.15">
      <c r="A90" s="8" t="s">
        <v>10</v>
      </c>
      <c r="B90" s="21">
        <v>219</v>
      </c>
      <c r="C90" s="6">
        <v>232</v>
      </c>
      <c r="D90" s="5">
        <v>451</v>
      </c>
    </row>
    <row r="91" spans="1:4" ht="18" customHeight="1" x14ac:dyDescent="0.15">
      <c r="A91" s="8">
        <v>70</v>
      </c>
      <c r="B91" s="21">
        <v>44</v>
      </c>
      <c r="C91" s="6">
        <v>47</v>
      </c>
      <c r="D91" s="5">
        <v>91</v>
      </c>
    </row>
    <row r="92" spans="1:4" ht="18" customHeight="1" x14ac:dyDescent="0.15">
      <c r="A92" s="8">
        <v>71</v>
      </c>
      <c r="B92" s="21">
        <v>41</v>
      </c>
      <c r="C92" s="6">
        <v>57</v>
      </c>
      <c r="D92" s="5">
        <v>98</v>
      </c>
    </row>
    <row r="93" spans="1:4" ht="18" customHeight="1" x14ac:dyDescent="0.15">
      <c r="A93" s="8">
        <v>72</v>
      </c>
      <c r="B93" s="21">
        <v>51</v>
      </c>
      <c r="C93" s="6">
        <v>53</v>
      </c>
      <c r="D93" s="5">
        <v>104</v>
      </c>
    </row>
    <row r="94" spans="1:4" ht="18" customHeight="1" x14ac:dyDescent="0.15">
      <c r="A94" s="8">
        <v>73</v>
      </c>
      <c r="B94" s="21">
        <v>51</v>
      </c>
      <c r="C94" s="6">
        <v>55</v>
      </c>
      <c r="D94" s="5">
        <v>106</v>
      </c>
    </row>
    <row r="95" spans="1:4" ht="18" customHeight="1" x14ac:dyDescent="0.15">
      <c r="A95" s="8">
        <v>74</v>
      </c>
      <c r="B95" s="21">
        <v>57</v>
      </c>
      <c r="C95" s="6">
        <v>55</v>
      </c>
      <c r="D95" s="5">
        <v>112</v>
      </c>
    </row>
    <row r="96" spans="1:4" ht="18" customHeight="1" x14ac:dyDescent="0.15">
      <c r="A96" s="8" t="s">
        <v>9</v>
      </c>
      <c r="B96" s="21">
        <v>244</v>
      </c>
      <c r="C96" s="6">
        <v>267</v>
      </c>
      <c r="D96" s="5">
        <v>511</v>
      </c>
    </row>
    <row r="97" spans="1:4" ht="18" customHeight="1" x14ac:dyDescent="0.15">
      <c r="A97" s="8">
        <v>75</v>
      </c>
      <c r="B97" s="21">
        <v>50</v>
      </c>
      <c r="C97" s="6">
        <v>68</v>
      </c>
      <c r="D97" s="5">
        <v>118</v>
      </c>
    </row>
    <row r="98" spans="1:4" ht="18" customHeight="1" x14ac:dyDescent="0.15">
      <c r="A98" s="8">
        <v>76</v>
      </c>
      <c r="B98" s="21">
        <v>64</v>
      </c>
      <c r="C98" s="6">
        <v>89</v>
      </c>
      <c r="D98" s="5">
        <v>153</v>
      </c>
    </row>
    <row r="99" spans="1:4" ht="18" customHeight="1" x14ac:dyDescent="0.15">
      <c r="A99" s="8">
        <v>77</v>
      </c>
      <c r="B99" s="21">
        <v>68</v>
      </c>
      <c r="C99" s="6">
        <v>84</v>
      </c>
      <c r="D99" s="5">
        <v>152</v>
      </c>
    </row>
    <row r="100" spans="1:4" ht="18" customHeight="1" x14ac:dyDescent="0.15">
      <c r="A100" s="8">
        <v>78</v>
      </c>
      <c r="B100" s="21">
        <v>82</v>
      </c>
      <c r="C100" s="6">
        <v>71</v>
      </c>
      <c r="D100" s="5">
        <v>153</v>
      </c>
    </row>
    <row r="101" spans="1:4" ht="18" customHeight="1" x14ac:dyDescent="0.15">
      <c r="A101" s="8">
        <v>79</v>
      </c>
      <c r="B101" s="21">
        <v>37</v>
      </c>
      <c r="C101" s="6">
        <v>38</v>
      </c>
      <c r="D101" s="5">
        <v>75</v>
      </c>
    </row>
    <row r="102" spans="1:4" ht="18" customHeight="1" x14ac:dyDescent="0.15">
      <c r="A102" s="8" t="s">
        <v>8</v>
      </c>
      <c r="B102" s="21">
        <v>301</v>
      </c>
      <c r="C102" s="6">
        <v>350</v>
      </c>
      <c r="D102" s="5">
        <v>651</v>
      </c>
    </row>
    <row r="103" spans="1:4" ht="18" customHeight="1" x14ac:dyDescent="0.15">
      <c r="A103" s="8">
        <v>80</v>
      </c>
      <c r="B103" s="21">
        <v>36</v>
      </c>
      <c r="C103" s="6">
        <v>39</v>
      </c>
      <c r="D103" s="5">
        <v>75</v>
      </c>
    </row>
    <row r="104" spans="1:4" ht="18" customHeight="1" x14ac:dyDescent="0.15">
      <c r="A104" s="8">
        <v>81</v>
      </c>
      <c r="B104" s="21">
        <v>44</v>
      </c>
      <c r="C104" s="6">
        <v>66</v>
      </c>
      <c r="D104" s="5">
        <v>110</v>
      </c>
    </row>
    <row r="105" spans="1:4" ht="18" customHeight="1" x14ac:dyDescent="0.15">
      <c r="A105" s="8">
        <v>82</v>
      </c>
      <c r="B105" s="21">
        <v>26</v>
      </c>
      <c r="C105" s="6">
        <v>36</v>
      </c>
      <c r="D105" s="5">
        <v>62</v>
      </c>
    </row>
    <row r="106" spans="1:4" ht="18" customHeight="1" x14ac:dyDescent="0.15">
      <c r="A106" s="8">
        <v>83</v>
      </c>
      <c r="B106" s="21">
        <v>45</v>
      </c>
      <c r="C106" s="6">
        <v>49</v>
      </c>
      <c r="D106" s="5">
        <v>94</v>
      </c>
    </row>
    <row r="107" spans="1:4" ht="18" customHeight="1" x14ac:dyDescent="0.15">
      <c r="A107" s="8">
        <v>84</v>
      </c>
      <c r="B107" s="21">
        <v>34</v>
      </c>
      <c r="C107" s="6">
        <v>47</v>
      </c>
      <c r="D107" s="5">
        <v>81</v>
      </c>
    </row>
    <row r="108" spans="1:4" ht="18" customHeight="1" x14ac:dyDescent="0.15">
      <c r="A108" s="8" t="s">
        <v>7</v>
      </c>
      <c r="B108" s="21">
        <v>185</v>
      </c>
      <c r="C108" s="6">
        <v>237</v>
      </c>
      <c r="D108" s="5">
        <v>422</v>
      </c>
    </row>
    <row r="109" spans="1:4" ht="18" customHeight="1" x14ac:dyDescent="0.15">
      <c r="A109" s="8">
        <v>85</v>
      </c>
      <c r="B109" s="21">
        <v>23</v>
      </c>
      <c r="C109" s="6">
        <v>40</v>
      </c>
      <c r="D109" s="5">
        <v>63</v>
      </c>
    </row>
    <row r="110" spans="1:4" ht="18" customHeight="1" x14ac:dyDescent="0.15">
      <c r="A110" s="8">
        <v>86</v>
      </c>
      <c r="B110" s="21">
        <v>14</v>
      </c>
      <c r="C110" s="6">
        <v>26</v>
      </c>
      <c r="D110" s="5">
        <v>40</v>
      </c>
    </row>
    <row r="111" spans="1:4" ht="18" customHeight="1" x14ac:dyDescent="0.15">
      <c r="A111" s="8">
        <v>87</v>
      </c>
      <c r="B111" s="21">
        <v>13</v>
      </c>
      <c r="C111" s="6">
        <v>31</v>
      </c>
      <c r="D111" s="5">
        <v>44</v>
      </c>
    </row>
    <row r="112" spans="1:4" ht="18" customHeight="1" x14ac:dyDescent="0.15">
      <c r="A112" s="8">
        <v>88</v>
      </c>
      <c r="B112" s="21">
        <v>20</v>
      </c>
      <c r="C112" s="6">
        <v>26</v>
      </c>
      <c r="D112" s="5">
        <v>46</v>
      </c>
    </row>
    <row r="113" spans="1:4" ht="18" customHeight="1" x14ac:dyDescent="0.15">
      <c r="A113" s="8">
        <v>89</v>
      </c>
      <c r="B113" s="21">
        <v>17</v>
      </c>
      <c r="C113" s="6">
        <v>31</v>
      </c>
      <c r="D113" s="5">
        <v>48</v>
      </c>
    </row>
    <row r="114" spans="1:4" ht="18" customHeight="1" x14ac:dyDescent="0.15">
      <c r="A114" s="8" t="s">
        <v>6</v>
      </c>
      <c r="B114" s="21">
        <v>87</v>
      </c>
      <c r="C114" s="6">
        <v>154</v>
      </c>
      <c r="D114" s="5">
        <v>241</v>
      </c>
    </row>
    <row r="115" spans="1:4" ht="18" customHeight="1" x14ac:dyDescent="0.15">
      <c r="A115" s="8">
        <v>90</v>
      </c>
      <c r="B115" s="21">
        <v>10</v>
      </c>
      <c r="C115" s="6">
        <v>26</v>
      </c>
      <c r="D115" s="5">
        <v>36</v>
      </c>
    </row>
    <row r="116" spans="1:4" ht="18" customHeight="1" x14ac:dyDescent="0.15">
      <c r="A116" s="8">
        <v>91</v>
      </c>
      <c r="B116" s="21">
        <v>5</v>
      </c>
      <c r="C116" s="6">
        <v>19</v>
      </c>
      <c r="D116" s="5">
        <v>24</v>
      </c>
    </row>
    <row r="117" spans="1:4" ht="18" customHeight="1" x14ac:dyDescent="0.15">
      <c r="A117" s="8">
        <v>92</v>
      </c>
      <c r="B117" s="21">
        <v>2</v>
      </c>
      <c r="C117" s="6">
        <v>15</v>
      </c>
      <c r="D117" s="5">
        <v>17</v>
      </c>
    </row>
    <row r="118" spans="1:4" ht="18" customHeight="1" x14ac:dyDescent="0.15">
      <c r="A118" s="8">
        <v>93</v>
      </c>
      <c r="B118" s="21">
        <v>6</v>
      </c>
      <c r="C118" s="6">
        <v>23</v>
      </c>
      <c r="D118" s="5">
        <v>29</v>
      </c>
    </row>
    <row r="119" spans="1:4" ht="18" customHeight="1" x14ac:dyDescent="0.15">
      <c r="A119" s="8">
        <v>94</v>
      </c>
      <c r="B119" s="21">
        <v>8</v>
      </c>
      <c r="C119" s="6">
        <v>6</v>
      </c>
      <c r="D119" s="5">
        <v>14</v>
      </c>
    </row>
    <row r="120" spans="1:4" ht="18" customHeight="1" x14ac:dyDescent="0.15">
      <c r="A120" s="8" t="s">
        <v>5</v>
      </c>
      <c r="B120" s="21">
        <v>31</v>
      </c>
      <c r="C120" s="6">
        <v>89</v>
      </c>
      <c r="D120" s="5">
        <v>120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3</v>
      </c>
      <c r="C126" s="6">
        <v>27</v>
      </c>
      <c r="D126" s="5">
        <v>30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070</v>
      </c>
      <c r="C130" s="6">
        <v>1360</v>
      </c>
      <c r="D130" s="5">
        <v>2430</v>
      </c>
    </row>
    <row r="131" spans="1:4" ht="18" customHeight="1" x14ac:dyDescent="0.15">
      <c r="A131" s="4" t="s">
        <v>0</v>
      </c>
      <c r="B131" s="20">
        <v>3675</v>
      </c>
      <c r="C131" s="2">
        <v>3777</v>
      </c>
      <c r="D131" s="1">
        <v>745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CB0E5A-EF64-4242-9881-E19C9BD6A006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3</v>
      </c>
      <c r="D5" s="10">
        <v>8</v>
      </c>
    </row>
    <row r="6" spans="1:4" ht="18" customHeight="1" x14ac:dyDescent="0.15">
      <c r="A6" s="8">
        <v>1</v>
      </c>
      <c r="B6" s="21">
        <v>6</v>
      </c>
      <c r="C6" s="6">
        <v>6</v>
      </c>
      <c r="D6" s="5">
        <v>12</v>
      </c>
    </row>
    <row r="7" spans="1:4" ht="18" customHeight="1" x14ac:dyDescent="0.15">
      <c r="A7" s="8">
        <v>2</v>
      </c>
      <c r="B7" s="21">
        <v>8</v>
      </c>
      <c r="C7" s="6">
        <v>4</v>
      </c>
      <c r="D7" s="5">
        <v>12</v>
      </c>
    </row>
    <row r="8" spans="1:4" ht="18" customHeight="1" x14ac:dyDescent="0.15">
      <c r="A8" s="8">
        <v>3</v>
      </c>
      <c r="B8" s="21">
        <v>5</v>
      </c>
      <c r="C8" s="6">
        <v>3</v>
      </c>
      <c r="D8" s="5">
        <v>8</v>
      </c>
    </row>
    <row r="9" spans="1:4" ht="18" customHeight="1" x14ac:dyDescent="0.15">
      <c r="A9" s="8">
        <v>4</v>
      </c>
      <c r="B9" s="21">
        <v>5</v>
      </c>
      <c r="C9" s="6">
        <v>2</v>
      </c>
      <c r="D9" s="5">
        <v>7</v>
      </c>
    </row>
    <row r="10" spans="1:4" ht="18" customHeight="1" x14ac:dyDescent="0.15">
      <c r="A10" s="8" t="s">
        <v>25</v>
      </c>
      <c r="B10" s="21">
        <v>29</v>
      </c>
      <c r="C10" s="6">
        <v>18</v>
      </c>
      <c r="D10" s="5">
        <v>47</v>
      </c>
    </row>
    <row r="11" spans="1:4" ht="18" customHeight="1" x14ac:dyDescent="0.15">
      <c r="A11" s="8">
        <v>5</v>
      </c>
      <c r="B11" s="21">
        <v>7</v>
      </c>
      <c r="C11" s="6">
        <v>2</v>
      </c>
      <c r="D11" s="5">
        <v>9</v>
      </c>
    </row>
    <row r="12" spans="1:4" ht="18" customHeight="1" x14ac:dyDescent="0.15">
      <c r="A12" s="8">
        <v>6</v>
      </c>
      <c r="B12" s="21">
        <v>7</v>
      </c>
      <c r="C12" s="6">
        <v>4</v>
      </c>
      <c r="D12" s="5">
        <v>11</v>
      </c>
    </row>
    <row r="13" spans="1:4" ht="18" customHeight="1" x14ac:dyDescent="0.15">
      <c r="A13" s="8">
        <v>7</v>
      </c>
      <c r="B13" s="21">
        <v>4</v>
      </c>
      <c r="C13" s="6">
        <v>4</v>
      </c>
      <c r="D13" s="5">
        <v>8</v>
      </c>
    </row>
    <row r="14" spans="1:4" ht="18" customHeight="1" x14ac:dyDescent="0.15">
      <c r="A14" s="8">
        <v>8</v>
      </c>
      <c r="B14" s="21">
        <v>7</v>
      </c>
      <c r="C14" s="6">
        <v>5</v>
      </c>
      <c r="D14" s="5">
        <v>12</v>
      </c>
    </row>
    <row r="15" spans="1:4" ht="18" customHeight="1" x14ac:dyDescent="0.15">
      <c r="A15" s="8">
        <v>9</v>
      </c>
      <c r="B15" s="21">
        <v>2</v>
      </c>
      <c r="C15" s="6">
        <v>3</v>
      </c>
      <c r="D15" s="5">
        <v>5</v>
      </c>
    </row>
    <row r="16" spans="1:4" ht="18" customHeight="1" x14ac:dyDescent="0.15">
      <c r="A16" s="8" t="s">
        <v>24</v>
      </c>
      <c r="B16" s="21">
        <v>27</v>
      </c>
      <c r="C16" s="6">
        <v>18</v>
      </c>
      <c r="D16" s="5">
        <v>45</v>
      </c>
    </row>
    <row r="17" spans="1:4" ht="18" customHeight="1" x14ac:dyDescent="0.15">
      <c r="A17" s="8">
        <v>10</v>
      </c>
      <c r="B17" s="21">
        <v>13</v>
      </c>
      <c r="C17" s="6">
        <v>6</v>
      </c>
      <c r="D17" s="5">
        <v>19</v>
      </c>
    </row>
    <row r="18" spans="1:4" ht="18" customHeight="1" x14ac:dyDescent="0.15">
      <c r="A18" s="8">
        <v>11</v>
      </c>
      <c r="B18" s="21">
        <v>3</v>
      </c>
      <c r="C18" s="6">
        <v>7</v>
      </c>
      <c r="D18" s="5">
        <v>10</v>
      </c>
    </row>
    <row r="19" spans="1:4" ht="18" customHeight="1" x14ac:dyDescent="0.15">
      <c r="A19" s="8">
        <v>12</v>
      </c>
      <c r="B19" s="21">
        <v>5</v>
      </c>
      <c r="C19" s="6">
        <v>10</v>
      </c>
      <c r="D19" s="5">
        <v>15</v>
      </c>
    </row>
    <row r="20" spans="1:4" ht="18" customHeight="1" x14ac:dyDescent="0.15">
      <c r="A20" s="8">
        <v>13</v>
      </c>
      <c r="B20" s="21">
        <v>10</v>
      </c>
      <c r="C20" s="6">
        <v>8</v>
      </c>
      <c r="D20" s="5">
        <v>18</v>
      </c>
    </row>
    <row r="21" spans="1:4" ht="18" customHeight="1" x14ac:dyDescent="0.15">
      <c r="A21" s="8">
        <v>14</v>
      </c>
      <c r="B21" s="21">
        <v>9</v>
      </c>
      <c r="C21" s="6">
        <v>11</v>
      </c>
      <c r="D21" s="5">
        <v>20</v>
      </c>
    </row>
    <row r="22" spans="1:4" ht="18" customHeight="1" x14ac:dyDescent="0.15">
      <c r="A22" s="8" t="s">
        <v>23</v>
      </c>
      <c r="B22" s="21">
        <v>40</v>
      </c>
      <c r="C22" s="6">
        <v>42</v>
      </c>
      <c r="D22" s="5">
        <v>82</v>
      </c>
    </row>
    <row r="23" spans="1:4" ht="18" customHeight="1" x14ac:dyDescent="0.15">
      <c r="A23" s="8" t="s">
        <v>22</v>
      </c>
      <c r="B23" s="21">
        <v>96</v>
      </c>
      <c r="C23" s="6">
        <v>78</v>
      </c>
      <c r="D23" s="5">
        <v>174</v>
      </c>
    </row>
    <row r="24" spans="1:4" ht="18" customHeight="1" x14ac:dyDescent="0.15">
      <c r="A24" s="8">
        <v>15</v>
      </c>
      <c r="B24" s="21">
        <v>8</v>
      </c>
      <c r="C24" s="6">
        <v>9</v>
      </c>
      <c r="D24" s="5">
        <v>17</v>
      </c>
    </row>
    <row r="25" spans="1:4" ht="18" customHeight="1" x14ac:dyDescent="0.15">
      <c r="A25" s="8">
        <v>16</v>
      </c>
      <c r="B25" s="21">
        <v>5</v>
      </c>
      <c r="C25" s="6">
        <v>8</v>
      </c>
      <c r="D25" s="5">
        <v>13</v>
      </c>
    </row>
    <row r="26" spans="1:4" ht="18" customHeight="1" x14ac:dyDescent="0.15">
      <c r="A26" s="8">
        <v>17</v>
      </c>
      <c r="B26" s="21">
        <v>9</v>
      </c>
      <c r="C26" s="6">
        <v>9</v>
      </c>
      <c r="D26" s="5">
        <v>18</v>
      </c>
    </row>
    <row r="27" spans="1:4" ht="18" customHeight="1" x14ac:dyDescent="0.15">
      <c r="A27" s="8">
        <v>18</v>
      </c>
      <c r="B27" s="21">
        <v>7</v>
      </c>
      <c r="C27" s="6">
        <v>8</v>
      </c>
      <c r="D27" s="5">
        <v>15</v>
      </c>
    </row>
    <row r="28" spans="1:4" ht="18" customHeight="1" x14ac:dyDescent="0.15">
      <c r="A28" s="8">
        <v>19</v>
      </c>
      <c r="B28" s="21">
        <v>9</v>
      </c>
      <c r="C28" s="6">
        <v>12</v>
      </c>
      <c r="D28" s="5">
        <v>21</v>
      </c>
    </row>
    <row r="29" spans="1:4" ht="18" customHeight="1" x14ac:dyDescent="0.15">
      <c r="A29" s="8" t="s">
        <v>21</v>
      </c>
      <c r="B29" s="21">
        <v>38</v>
      </c>
      <c r="C29" s="6">
        <v>46</v>
      </c>
      <c r="D29" s="5">
        <v>84</v>
      </c>
    </row>
    <row r="30" spans="1:4" ht="18" customHeight="1" x14ac:dyDescent="0.15">
      <c r="A30" s="8">
        <v>20</v>
      </c>
      <c r="B30" s="21">
        <v>13</v>
      </c>
      <c r="C30" s="6">
        <v>15</v>
      </c>
      <c r="D30" s="5">
        <v>28</v>
      </c>
    </row>
    <row r="31" spans="1:4" ht="18" customHeight="1" x14ac:dyDescent="0.15">
      <c r="A31" s="8">
        <v>21</v>
      </c>
      <c r="B31" s="21">
        <v>12</v>
      </c>
      <c r="C31" s="6">
        <v>5</v>
      </c>
      <c r="D31" s="5">
        <v>17</v>
      </c>
    </row>
    <row r="32" spans="1:4" ht="18" customHeight="1" x14ac:dyDescent="0.15">
      <c r="A32" s="8">
        <v>22</v>
      </c>
      <c r="B32" s="21">
        <v>12</v>
      </c>
      <c r="C32" s="6">
        <v>9</v>
      </c>
      <c r="D32" s="5">
        <v>21</v>
      </c>
    </row>
    <row r="33" spans="1:4" ht="18" customHeight="1" x14ac:dyDescent="0.15">
      <c r="A33" s="8">
        <v>23</v>
      </c>
      <c r="B33" s="21">
        <v>8</v>
      </c>
      <c r="C33" s="6">
        <v>7</v>
      </c>
      <c r="D33" s="5">
        <v>15</v>
      </c>
    </row>
    <row r="34" spans="1:4" ht="18" customHeight="1" x14ac:dyDescent="0.15">
      <c r="A34" s="8">
        <v>24</v>
      </c>
      <c r="B34" s="21">
        <v>10</v>
      </c>
      <c r="C34" s="6">
        <v>6</v>
      </c>
      <c r="D34" s="5">
        <v>16</v>
      </c>
    </row>
    <row r="35" spans="1:4" ht="18" customHeight="1" x14ac:dyDescent="0.15">
      <c r="A35" s="8" t="s">
        <v>20</v>
      </c>
      <c r="B35" s="21">
        <v>55</v>
      </c>
      <c r="C35" s="6">
        <v>42</v>
      </c>
      <c r="D35" s="5">
        <v>97</v>
      </c>
    </row>
    <row r="36" spans="1:4" ht="18" customHeight="1" x14ac:dyDescent="0.15">
      <c r="A36" s="8">
        <v>25</v>
      </c>
      <c r="B36" s="21">
        <v>3</v>
      </c>
      <c r="C36" s="6">
        <v>8</v>
      </c>
      <c r="D36" s="5">
        <v>11</v>
      </c>
    </row>
    <row r="37" spans="1:4" ht="18" customHeight="1" x14ac:dyDescent="0.15">
      <c r="A37" s="8">
        <v>26</v>
      </c>
      <c r="B37" s="21">
        <v>8</v>
      </c>
      <c r="C37" s="6">
        <v>9</v>
      </c>
      <c r="D37" s="5">
        <v>17</v>
      </c>
    </row>
    <row r="38" spans="1:4" ht="18" customHeight="1" x14ac:dyDescent="0.15">
      <c r="A38" s="8">
        <v>27</v>
      </c>
      <c r="B38" s="21">
        <v>6</v>
      </c>
      <c r="C38" s="6">
        <v>4</v>
      </c>
      <c r="D38" s="5">
        <v>10</v>
      </c>
    </row>
    <row r="39" spans="1:4" ht="18" customHeight="1" x14ac:dyDescent="0.15">
      <c r="A39" s="8">
        <v>28</v>
      </c>
      <c r="B39" s="21">
        <v>7</v>
      </c>
      <c r="C39" s="6">
        <v>9</v>
      </c>
      <c r="D39" s="5">
        <v>16</v>
      </c>
    </row>
    <row r="40" spans="1:4" ht="18" customHeight="1" x14ac:dyDescent="0.15">
      <c r="A40" s="8">
        <v>29</v>
      </c>
      <c r="B40" s="21">
        <v>6</v>
      </c>
      <c r="C40" s="6">
        <v>3</v>
      </c>
      <c r="D40" s="5">
        <v>9</v>
      </c>
    </row>
    <row r="41" spans="1:4" ht="18" customHeight="1" x14ac:dyDescent="0.15">
      <c r="A41" s="8" t="s">
        <v>19</v>
      </c>
      <c r="B41" s="21">
        <v>30</v>
      </c>
      <c r="C41" s="6">
        <v>33</v>
      </c>
      <c r="D41" s="5">
        <v>63</v>
      </c>
    </row>
    <row r="42" spans="1:4" ht="18" customHeight="1" x14ac:dyDescent="0.15">
      <c r="A42" s="8">
        <v>30</v>
      </c>
      <c r="B42" s="21">
        <v>6</v>
      </c>
      <c r="C42" s="6">
        <v>5</v>
      </c>
      <c r="D42" s="5">
        <v>11</v>
      </c>
    </row>
    <row r="43" spans="1:4" ht="18" customHeight="1" x14ac:dyDescent="0.15">
      <c r="A43" s="8">
        <v>31</v>
      </c>
      <c r="B43" s="21">
        <v>4</v>
      </c>
      <c r="C43" s="6">
        <v>7</v>
      </c>
      <c r="D43" s="5">
        <v>11</v>
      </c>
    </row>
    <row r="44" spans="1:4" ht="18" customHeight="1" x14ac:dyDescent="0.15">
      <c r="A44" s="8">
        <v>32</v>
      </c>
      <c r="B44" s="21">
        <v>6</v>
      </c>
      <c r="C44" s="6">
        <v>5</v>
      </c>
      <c r="D44" s="5">
        <v>11</v>
      </c>
    </row>
    <row r="45" spans="1:4" ht="18" customHeight="1" x14ac:dyDescent="0.15">
      <c r="A45" s="8">
        <v>33</v>
      </c>
      <c r="B45" s="21">
        <v>9</v>
      </c>
      <c r="C45" s="6">
        <v>11</v>
      </c>
      <c r="D45" s="5">
        <v>20</v>
      </c>
    </row>
    <row r="46" spans="1:4" ht="18" customHeight="1" x14ac:dyDescent="0.15">
      <c r="A46" s="8">
        <v>34</v>
      </c>
      <c r="B46" s="21">
        <v>8</v>
      </c>
      <c r="C46" s="6">
        <v>10</v>
      </c>
      <c r="D46" s="5">
        <v>18</v>
      </c>
    </row>
    <row r="47" spans="1:4" ht="18" customHeight="1" x14ac:dyDescent="0.15">
      <c r="A47" s="8" t="s">
        <v>18</v>
      </c>
      <c r="B47" s="21">
        <v>33</v>
      </c>
      <c r="C47" s="6">
        <v>38</v>
      </c>
      <c r="D47" s="5">
        <v>71</v>
      </c>
    </row>
    <row r="48" spans="1:4" ht="18" customHeight="1" x14ac:dyDescent="0.15">
      <c r="A48" s="8">
        <v>35</v>
      </c>
      <c r="B48" s="21">
        <v>8</v>
      </c>
      <c r="C48" s="6">
        <v>8</v>
      </c>
      <c r="D48" s="5">
        <v>16</v>
      </c>
    </row>
    <row r="49" spans="1:4" ht="18" customHeight="1" x14ac:dyDescent="0.15">
      <c r="A49" s="8">
        <v>36</v>
      </c>
      <c r="B49" s="21">
        <v>5</v>
      </c>
      <c r="C49" s="6">
        <v>7</v>
      </c>
      <c r="D49" s="5">
        <v>12</v>
      </c>
    </row>
    <row r="50" spans="1:4" ht="18" customHeight="1" x14ac:dyDescent="0.15">
      <c r="A50" s="8">
        <v>37</v>
      </c>
      <c r="B50" s="21">
        <v>7</v>
      </c>
      <c r="C50" s="6">
        <v>8</v>
      </c>
      <c r="D50" s="5">
        <v>15</v>
      </c>
    </row>
    <row r="51" spans="1:4" ht="18" customHeight="1" x14ac:dyDescent="0.15">
      <c r="A51" s="8">
        <v>38</v>
      </c>
      <c r="B51" s="21">
        <v>7</v>
      </c>
      <c r="C51" s="6">
        <v>8</v>
      </c>
      <c r="D51" s="5">
        <v>15</v>
      </c>
    </row>
    <row r="52" spans="1:4" ht="18" customHeight="1" x14ac:dyDescent="0.15">
      <c r="A52" s="8">
        <v>39</v>
      </c>
      <c r="B52" s="21">
        <v>8</v>
      </c>
      <c r="C52" s="6">
        <v>6</v>
      </c>
      <c r="D52" s="5">
        <v>14</v>
      </c>
    </row>
    <row r="53" spans="1:4" ht="18" customHeight="1" x14ac:dyDescent="0.15">
      <c r="A53" s="8" t="s">
        <v>17</v>
      </c>
      <c r="B53" s="21">
        <v>35</v>
      </c>
      <c r="C53" s="6">
        <v>37</v>
      </c>
      <c r="D53" s="5">
        <v>72</v>
      </c>
    </row>
    <row r="54" spans="1:4" ht="18" customHeight="1" x14ac:dyDescent="0.15">
      <c r="A54" s="8">
        <v>40</v>
      </c>
      <c r="B54" s="21">
        <v>8</v>
      </c>
      <c r="C54" s="6">
        <v>8</v>
      </c>
      <c r="D54" s="5">
        <v>16</v>
      </c>
    </row>
    <row r="55" spans="1:4" ht="18" customHeight="1" x14ac:dyDescent="0.15">
      <c r="A55" s="8">
        <v>41</v>
      </c>
      <c r="B55" s="21">
        <v>14</v>
      </c>
      <c r="C55" s="6">
        <v>6</v>
      </c>
      <c r="D55" s="5">
        <v>20</v>
      </c>
    </row>
    <row r="56" spans="1:4" ht="18" customHeight="1" x14ac:dyDescent="0.15">
      <c r="A56" s="8">
        <v>42</v>
      </c>
      <c r="B56" s="21">
        <v>9</v>
      </c>
      <c r="C56" s="6">
        <v>11</v>
      </c>
      <c r="D56" s="5">
        <v>20</v>
      </c>
    </row>
    <row r="57" spans="1:4" ht="18" customHeight="1" x14ac:dyDescent="0.15">
      <c r="A57" s="8">
        <v>43</v>
      </c>
      <c r="B57" s="21">
        <v>14</v>
      </c>
      <c r="C57" s="6">
        <v>12</v>
      </c>
      <c r="D57" s="5">
        <v>26</v>
      </c>
    </row>
    <row r="58" spans="1:4" ht="18" customHeight="1" x14ac:dyDescent="0.15">
      <c r="A58" s="8">
        <v>44</v>
      </c>
      <c r="B58" s="21">
        <v>3</v>
      </c>
      <c r="C58" s="6">
        <v>13</v>
      </c>
      <c r="D58" s="5">
        <v>16</v>
      </c>
    </row>
    <row r="59" spans="1:4" ht="18" customHeight="1" x14ac:dyDescent="0.15">
      <c r="A59" s="8" t="s">
        <v>16</v>
      </c>
      <c r="B59" s="21">
        <v>48</v>
      </c>
      <c r="C59" s="6">
        <v>50</v>
      </c>
      <c r="D59" s="5">
        <v>98</v>
      </c>
    </row>
    <row r="60" spans="1:4" ht="18" customHeight="1" x14ac:dyDescent="0.15">
      <c r="A60" s="8">
        <v>45</v>
      </c>
      <c r="B60" s="21">
        <v>15</v>
      </c>
      <c r="C60" s="6">
        <v>13</v>
      </c>
      <c r="D60" s="5">
        <v>28</v>
      </c>
    </row>
    <row r="61" spans="1:4" ht="18" customHeight="1" x14ac:dyDescent="0.15">
      <c r="A61" s="8">
        <v>46</v>
      </c>
      <c r="B61" s="21">
        <v>23</v>
      </c>
      <c r="C61" s="6">
        <v>15</v>
      </c>
      <c r="D61" s="5">
        <v>38</v>
      </c>
    </row>
    <row r="62" spans="1:4" ht="18" customHeight="1" x14ac:dyDescent="0.15">
      <c r="A62" s="8">
        <v>47</v>
      </c>
      <c r="B62" s="21">
        <v>15</v>
      </c>
      <c r="C62" s="6">
        <v>14</v>
      </c>
      <c r="D62" s="5">
        <v>29</v>
      </c>
    </row>
    <row r="63" spans="1:4" ht="18" customHeight="1" x14ac:dyDescent="0.15">
      <c r="A63" s="8">
        <v>48</v>
      </c>
      <c r="B63" s="21">
        <v>17</v>
      </c>
      <c r="C63" s="6">
        <v>16</v>
      </c>
      <c r="D63" s="5">
        <v>33</v>
      </c>
    </row>
    <row r="64" spans="1:4" ht="18" customHeight="1" x14ac:dyDescent="0.15">
      <c r="A64" s="8">
        <v>49</v>
      </c>
      <c r="B64" s="21">
        <v>12</v>
      </c>
      <c r="C64" s="6">
        <v>11</v>
      </c>
      <c r="D64" s="5">
        <v>23</v>
      </c>
    </row>
    <row r="65" spans="1:4" ht="18" customHeight="1" x14ac:dyDescent="0.15">
      <c r="A65" s="8" t="s">
        <v>15</v>
      </c>
      <c r="B65" s="21">
        <v>82</v>
      </c>
      <c r="C65" s="6">
        <v>69</v>
      </c>
      <c r="D65" s="5">
        <v>151</v>
      </c>
    </row>
    <row r="66" spans="1:4" ht="18" customHeight="1" x14ac:dyDescent="0.15">
      <c r="A66" s="8">
        <v>50</v>
      </c>
      <c r="B66" s="21">
        <v>18</v>
      </c>
      <c r="C66" s="6">
        <v>12</v>
      </c>
      <c r="D66" s="5">
        <v>30</v>
      </c>
    </row>
    <row r="67" spans="1:4" ht="18" customHeight="1" x14ac:dyDescent="0.15">
      <c r="A67" s="8">
        <v>51</v>
      </c>
      <c r="B67" s="21">
        <v>19</v>
      </c>
      <c r="C67" s="6">
        <v>22</v>
      </c>
      <c r="D67" s="5">
        <v>41</v>
      </c>
    </row>
    <row r="68" spans="1:4" ht="18" customHeight="1" x14ac:dyDescent="0.15">
      <c r="A68" s="8">
        <v>52</v>
      </c>
      <c r="B68" s="21">
        <v>17</v>
      </c>
      <c r="C68" s="6">
        <v>25</v>
      </c>
      <c r="D68" s="5">
        <v>42</v>
      </c>
    </row>
    <row r="69" spans="1:4" ht="18" customHeight="1" x14ac:dyDescent="0.15">
      <c r="A69" s="8">
        <v>53</v>
      </c>
      <c r="B69" s="21">
        <v>19</v>
      </c>
      <c r="C69" s="6">
        <v>15</v>
      </c>
      <c r="D69" s="5">
        <v>34</v>
      </c>
    </row>
    <row r="70" spans="1:4" ht="18" customHeight="1" x14ac:dyDescent="0.15">
      <c r="A70" s="8">
        <v>54</v>
      </c>
      <c r="B70" s="21">
        <v>28</v>
      </c>
      <c r="C70" s="6">
        <v>24</v>
      </c>
      <c r="D70" s="5">
        <v>52</v>
      </c>
    </row>
    <row r="71" spans="1:4" ht="18" customHeight="1" x14ac:dyDescent="0.15">
      <c r="A71" s="8" t="s">
        <v>14</v>
      </c>
      <c r="B71" s="21">
        <v>101</v>
      </c>
      <c r="C71" s="6">
        <v>98</v>
      </c>
      <c r="D71" s="5">
        <v>199</v>
      </c>
    </row>
    <row r="72" spans="1:4" ht="18" customHeight="1" x14ac:dyDescent="0.15">
      <c r="A72" s="8">
        <v>55</v>
      </c>
      <c r="B72" s="21">
        <v>16</v>
      </c>
      <c r="C72" s="6">
        <v>16</v>
      </c>
      <c r="D72" s="5">
        <v>32</v>
      </c>
    </row>
    <row r="73" spans="1:4" ht="18" customHeight="1" x14ac:dyDescent="0.15">
      <c r="A73" s="8">
        <v>56</v>
      </c>
      <c r="B73" s="21">
        <v>9</v>
      </c>
      <c r="C73" s="6">
        <v>14</v>
      </c>
      <c r="D73" s="5">
        <v>23</v>
      </c>
    </row>
    <row r="74" spans="1:4" ht="18" customHeight="1" x14ac:dyDescent="0.15">
      <c r="A74" s="8">
        <v>57</v>
      </c>
      <c r="B74" s="21">
        <v>20</v>
      </c>
      <c r="C74" s="6">
        <v>14</v>
      </c>
      <c r="D74" s="5">
        <v>34</v>
      </c>
    </row>
    <row r="75" spans="1:4" ht="18" customHeight="1" x14ac:dyDescent="0.15">
      <c r="A75" s="8">
        <v>58</v>
      </c>
      <c r="B75" s="21">
        <v>15</v>
      </c>
      <c r="C75" s="6">
        <v>15</v>
      </c>
      <c r="D75" s="5">
        <v>30</v>
      </c>
    </row>
    <row r="76" spans="1:4" ht="18" customHeight="1" x14ac:dyDescent="0.15">
      <c r="A76" s="8">
        <v>59</v>
      </c>
      <c r="B76" s="21">
        <v>12</v>
      </c>
      <c r="C76" s="6">
        <v>13</v>
      </c>
      <c r="D76" s="5">
        <v>25</v>
      </c>
    </row>
    <row r="77" spans="1:4" ht="18" customHeight="1" x14ac:dyDescent="0.15">
      <c r="A77" s="8" t="s">
        <v>13</v>
      </c>
      <c r="B77" s="21">
        <v>72</v>
      </c>
      <c r="C77" s="6">
        <v>72</v>
      </c>
      <c r="D77" s="5">
        <v>144</v>
      </c>
    </row>
    <row r="78" spans="1:4" ht="18" customHeight="1" x14ac:dyDescent="0.15">
      <c r="A78" s="8">
        <v>60</v>
      </c>
      <c r="B78" s="21">
        <v>22</v>
      </c>
      <c r="C78" s="6">
        <v>20</v>
      </c>
      <c r="D78" s="5">
        <v>42</v>
      </c>
    </row>
    <row r="79" spans="1:4" ht="18" customHeight="1" x14ac:dyDescent="0.15">
      <c r="A79" s="8">
        <v>61</v>
      </c>
      <c r="B79" s="21">
        <v>14</v>
      </c>
      <c r="C79" s="6">
        <v>9</v>
      </c>
      <c r="D79" s="5">
        <v>23</v>
      </c>
    </row>
    <row r="80" spans="1:4" ht="18" customHeight="1" x14ac:dyDescent="0.15">
      <c r="A80" s="8">
        <v>62</v>
      </c>
      <c r="B80" s="21">
        <v>17</v>
      </c>
      <c r="C80" s="6">
        <v>9</v>
      </c>
      <c r="D80" s="5">
        <v>26</v>
      </c>
    </row>
    <row r="81" spans="1:4" ht="18" customHeight="1" x14ac:dyDescent="0.15">
      <c r="A81" s="8">
        <v>63</v>
      </c>
      <c r="B81" s="21">
        <v>11</v>
      </c>
      <c r="C81" s="6">
        <v>10</v>
      </c>
      <c r="D81" s="5">
        <v>21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73</v>
      </c>
      <c r="C83" s="6">
        <v>59</v>
      </c>
      <c r="D83" s="5">
        <v>132</v>
      </c>
    </row>
    <row r="84" spans="1:4" ht="18" customHeight="1" x14ac:dyDescent="0.15">
      <c r="A84" s="8" t="s">
        <v>11</v>
      </c>
      <c r="B84" s="21">
        <v>567</v>
      </c>
      <c r="C84" s="6">
        <v>544</v>
      </c>
      <c r="D84" s="5">
        <v>1111</v>
      </c>
    </row>
    <row r="85" spans="1:4" ht="18" customHeight="1" x14ac:dyDescent="0.15">
      <c r="A85" s="8">
        <v>65</v>
      </c>
      <c r="B85" s="21">
        <v>19</v>
      </c>
      <c r="C85" s="6">
        <v>11</v>
      </c>
      <c r="D85" s="5">
        <v>30</v>
      </c>
    </row>
    <row r="86" spans="1:4" ht="18" customHeight="1" x14ac:dyDescent="0.15">
      <c r="A86" s="8">
        <v>66</v>
      </c>
      <c r="B86" s="21">
        <v>12</v>
      </c>
      <c r="C86" s="6">
        <v>13</v>
      </c>
      <c r="D86" s="5">
        <v>25</v>
      </c>
    </row>
    <row r="87" spans="1:4" ht="18" customHeight="1" x14ac:dyDescent="0.15">
      <c r="A87" s="8">
        <v>67</v>
      </c>
      <c r="B87" s="21">
        <v>17</v>
      </c>
      <c r="C87" s="6">
        <v>17</v>
      </c>
      <c r="D87" s="5">
        <v>34</v>
      </c>
    </row>
    <row r="88" spans="1:4" ht="18" customHeight="1" x14ac:dyDescent="0.15">
      <c r="A88" s="8">
        <v>68</v>
      </c>
      <c r="B88" s="21">
        <v>9</v>
      </c>
      <c r="C88" s="6">
        <v>13</v>
      </c>
      <c r="D88" s="5">
        <v>22</v>
      </c>
    </row>
    <row r="89" spans="1:4" ht="18" customHeight="1" x14ac:dyDescent="0.15">
      <c r="A89" s="8">
        <v>69</v>
      </c>
      <c r="B89" s="21">
        <v>4</v>
      </c>
      <c r="C89" s="6">
        <v>19</v>
      </c>
      <c r="D89" s="5">
        <v>23</v>
      </c>
    </row>
    <row r="90" spans="1:4" ht="18" customHeight="1" x14ac:dyDescent="0.15">
      <c r="A90" s="8" t="s">
        <v>10</v>
      </c>
      <c r="B90" s="21">
        <v>61</v>
      </c>
      <c r="C90" s="6">
        <v>73</v>
      </c>
      <c r="D90" s="5">
        <v>134</v>
      </c>
    </row>
    <row r="91" spans="1:4" ht="18" customHeight="1" x14ac:dyDescent="0.15">
      <c r="A91" s="8">
        <v>70</v>
      </c>
      <c r="B91" s="21">
        <v>17</v>
      </c>
      <c r="C91" s="6">
        <v>17</v>
      </c>
      <c r="D91" s="5">
        <v>34</v>
      </c>
    </row>
    <row r="92" spans="1:4" ht="18" customHeight="1" x14ac:dyDescent="0.15">
      <c r="A92" s="8">
        <v>71</v>
      </c>
      <c r="B92" s="21">
        <v>11</v>
      </c>
      <c r="C92" s="6">
        <v>26</v>
      </c>
      <c r="D92" s="5">
        <v>37</v>
      </c>
    </row>
    <row r="93" spans="1:4" ht="18" customHeight="1" x14ac:dyDescent="0.15">
      <c r="A93" s="8">
        <v>72</v>
      </c>
      <c r="B93" s="21">
        <v>14</v>
      </c>
      <c r="C93" s="6">
        <v>29</v>
      </c>
      <c r="D93" s="5">
        <v>43</v>
      </c>
    </row>
    <row r="94" spans="1:4" ht="18" customHeight="1" x14ac:dyDescent="0.15">
      <c r="A94" s="8">
        <v>73</v>
      </c>
      <c r="B94" s="21">
        <v>27</v>
      </c>
      <c r="C94" s="6">
        <v>20</v>
      </c>
      <c r="D94" s="5">
        <v>47</v>
      </c>
    </row>
    <row r="95" spans="1:4" ht="18" customHeight="1" x14ac:dyDescent="0.15">
      <c r="A95" s="8">
        <v>74</v>
      </c>
      <c r="B95" s="21">
        <v>32</v>
      </c>
      <c r="C95" s="6">
        <v>23</v>
      </c>
      <c r="D95" s="5">
        <v>55</v>
      </c>
    </row>
    <row r="96" spans="1:4" ht="18" customHeight="1" x14ac:dyDescent="0.15">
      <c r="A96" s="8" t="s">
        <v>9</v>
      </c>
      <c r="B96" s="21">
        <v>101</v>
      </c>
      <c r="C96" s="6">
        <v>115</v>
      </c>
      <c r="D96" s="5">
        <v>216</v>
      </c>
    </row>
    <row r="97" spans="1:4" ht="18" customHeight="1" x14ac:dyDescent="0.15">
      <c r="A97" s="8">
        <v>75</v>
      </c>
      <c r="B97" s="21">
        <v>22</v>
      </c>
      <c r="C97" s="6">
        <v>25</v>
      </c>
      <c r="D97" s="5">
        <v>47</v>
      </c>
    </row>
    <row r="98" spans="1:4" ht="18" customHeight="1" x14ac:dyDescent="0.15">
      <c r="A98" s="8">
        <v>76</v>
      </c>
      <c r="B98" s="21">
        <v>30</v>
      </c>
      <c r="C98" s="6">
        <v>33</v>
      </c>
      <c r="D98" s="5">
        <v>63</v>
      </c>
    </row>
    <row r="99" spans="1:4" ht="18" customHeight="1" x14ac:dyDescent="0.15">
      <c r="A99" s="8">
        <v>77</v>
      </c>
      <c r="B99" s="21">
        <v>30</v>
      </c>
      <c r="C99" s="6">
        <v>28</v>
      </c>
      <c r="D99" s="5">
        <v>58</v>
      </c>
    </row>
    <row r="100" spans="1:4" ht="18" customHeight="1" x14ac:dyDescent="0.15">
      <c r="A100" s="8">
        <v>78</v>
      </c>
      <c r="B100" s="21">
        <v>22</v>
      </c>
      <c r="C100" s="6">
        <v>30</v>
      </c>
      <c r="D100" s="5">
        <v>52</v>
      </c>
    </row>
    <row r="101" spans="1:4" ht="18" customHeight="1" x14ac:dyDescent="0.15">
      <c r="A101" s="8">
        <v>79</v>
      </c>
      <c r="B101" s="21">
        <v>20</v>
      </c>
      <c r="C101" s="6">
        <v>30</v>
      </c>
      <c r="D101" s="5">
        <v>50</v>
      </c>
    </row>
    <row r="102" spans="1:4" ht="18" customHeight="1" x14ac:dyDescent="0.15">
      <c r="A102" s="8" t="s">
        <v>8</v>
      </c>
      <c r="B102" s="21">
        <v>124</v>
      </c>
      <c r="C102" s="6">
        <v>146</v>
      </c>
      <c r="D102" s="5">
        <v>270</v>
      </c>
    </row>
    <row r="103" spans="1:4" ht="18" customHeight="1" x14ac:dyDescent="0.15">
      <c r="A103" s="8">
        <v>80</v>
      </c>
      <c r="B103" s="21">
        <v>9</v>
      </c>
      <c r="C103" s="6">
        <v>25</v>
      </c>
      <c r="D103" s="5">
        <v>34</v>
      </c>
    </row>
    <row r="104" spans="1:4" ht="18" customHeight="1" x14ac:dyDescent="0.15">
      <c r="A104" s="8">
        <v>81</v>
      </c>
      <c r="B104" s="21">
        <v>15</v>
      </c>
      <c r="C104" s="6">
        <v>25</v>
      </c>
      <c r="D104" s="5">
        <v>40</v>
      </c>
    </row>
    <row r="105" spans="1:4" ht="18" customHeight="1" x14ac:dyDescent="0.15">
      <c r="A105" s="8">
        <v>82</v>
      </c>
      <c r="B105" s="21">
        <v>15</v>
      </c>
      <c r="C105" s="6">
        <v>21</v>
      </c>
      <c r="D105" s="5">
        <v>36</v>
      </c>
    </row>
    <row r="106" spans="1:4" ht="18" customHeight="1" x14ac:dyDescent="0.15">
      <c r="A106" s="8">
        <v>83</v>
      </c>
      <c r="B106" s="21">
        <v>12</v>
      </c>
      <c r="C106" s="6">
        <v>24</v>
      </c>
      <c r="D106" s="5">
        <v>36</v>
      </c>
    </row>
    <row r="107" spans="1:4" ht="18" customHeight="1" x14ac:dyDescent="0.15">
      <c r="A107" s="8">
        <v>84</v>
      </c>
      <c r="B107" s="21">
        <v>12</v>
      </c>
      <c r="C107" s="6">
        <v>22</v>
      </c>
      <c r="D107" s="5">
        <v>34</v>
      </c>
    </row>
    <row r="108" spans="1:4" ht="18" customHeight="1" x14ac:dyDescent="0.15">
      <c r="A108" s="8" t="s">
        <v>7</v>
      </c>
      <c r="B108" s="21">
        <v>63</v>
      </c>
      <c r="C108" s="6">
        <v>117</v>
      </c>
      <c r="D108" s="5">
        <v>180</v>
      </c>
    </row>
    <row r="109" spans="1:4" ht="18" customHeight="1" x14ac:dyDescent="0.15">
      <c r="A109" s="8">
        <v>85</v>
      </c>
      <c r="B109" s="21">
        <v>13</v>
      </c>
      <c r="C109" s="6">
        <v>15</v>
      </c>
      <c r="D109" s="5">
        <v>28</v>
      </c>
    </row>
    <row r="110" spans="1:4" ht="18" customHeight="1" x14ac:dyDescent="0.15">
      <c r="A110" s="8">
        <v>86</v>
      </c>
      <c r="B110" s="21">
        <v>6</v>
      </c>
      <c r="C110" s="6">
        <v>12</v>
      </c>
      <c r="D110" s="5">
        <v>18</v>
      </c>
    </row>
    <row r="111" spans="1:4" ht="18" customHeight="1" x14ac:dyDescent="0.15">
      <c r="A111" s="8">
        <v>87</v>
      </c>
      <c r="B111" s="21">
        <v>12</v>
      </c>
      <c r="C111" s="6">
        <v>13</v>
      </c>
      <c r="D111" s="5">
        <v>25</v>
      </c>
    </row>
    <row r="112" spans="1:4" ht="18" customHeight="1" x14ac:dyDescent="0.15">
      <c r="A112" s="8">
        <v>88</v>
      </c>
      <c r="B112" s="21">
        <v>10</v>
      </c>
      <c r="C112" s="6">
        <v>15</v>
      </c>
      <c r="D112" s="5">
        <v>25</v>
      </c>
    </row>
    <row r="113" spans="1:4" ht="18" customHeight="1" x14ac:dyDescent="0.15">
      <c r="A113" s="8">
        <v>89</v>
      </c>
      <c r="B113" s="21">
        <v>4</v>
      </c>
      <c r="C113" s="6">
        <v>13</v>
      </c>
      <c r="D113" s="5">
        <v>17</v>
      </c>
    </row>
    <row r="114" spans="1:4" ht="18" customHeight="1" x14ac:dyDescent="0.15">
      <c r="A114" s="8" t="s">
        <v>6</v>
      </c>
      <c r="B114" s="21">
        <v>45</v>
      </c>
      <c r="C114" s="6">
        <v>68</v>
      </c>
      <c r="D114" s="5">
        <v>113</v>
      </c>
    </row>
    <row r="115" spans="1:4" ht="18" customHeight="1" x14ac:dyDescent="0.15">
      <c r="A115" s="8">
        <v>90</v>
      </c>
      <c r="B115" s="21">
        <v>4</v>
      </c>
      <c r="C115" s="6">
        <v>13</v>
      </c>
      <c r="D115" s="5">
        <v>17</v>
      </c>
    </row>
    <row r="116" spans="1:4" ht="18" customHeight="1" x14ac:dyDescent="0.15">
      <c r="A116" s="8">
        <v>91</v>
      </c>
      <c r="B116" s="21">
        <v>1</v>
      </c>
      <c r="C116" s="6">
        <v>13</v>
      </c>
      <c r="D116" s="5">
        <v>14</v>
      </c>
    </row>
    <row r="117" spans="1:4" ht="18" customHeight="1" x14ac:dyDescent="0.15">
      <c r="A117" s="8">
        <v>92</v>
      </c>
      <c r="B117" s="21">
        <v>3</v>
      </c>
      <c r="C117" s="6">
        <v>6</v>
      </c>
      <c r="D117" s="5">
        <v>9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4</v>
      </c>
      <c r="C119" s="6">
        <v>8</v>
      </c>
      <c r="D119" s="5">
        <v>12</v>
      </c>
    </row>
    <row r="120" spans="1:4" ht="18" customHeight="1" x14ac:dyDescent="0.15">
      <c r="A120" s="8" t="s">
        <v>5</v>
      </c>
      <c r="B120" s="21">
        <v>14</v>
      </c>
      <c r="C120" s="6">
        <v>46</v>
      </c>
      <c r="D120" s="5">
        <v>60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6</v>
      </c>
      <c r="D122" s="5">
        <v>7</v>
      </c>
    </row>
    <row r="123" spans="1:4" ht="18" customHeight="1" x14ac:dyDescent="0.15">
      <c r="A123" s="8">
        <v>97</v>
      </c>
      <c r="B123" s="21">
        <v>2</v>
      </c>
      <c r="C123" s="6">
        <v>2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4</v>
      </c>
      <c r="C126" s="6">
        <v>18</v>
      </c>
      <c r="D126" s="5">
        <v>2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412</v>
      </c>
      <c r="C130" s="6">
        <v>585</v>
      </c>
      <c r="D130" s="5">
        <v>997</v>
      </c>
    </row>
    <row r="131" spans="1:4" ht="18" customHeight="1" x14ac:dyDescent="0.15">
      <c r="A131" s="4" t="s">
        <v>0</v>
      </c>
      <c r="B131" s="20">
        <v>1075</v>
      </c>
      <c r="C131" s="2">
        <v>1207</v>
      </c>
      <c r="D131" s="1">
        <v>228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7EC6D7-A9B6-4FD6-8295-B733BCA76B49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11</v>
      </c>
      <c r="D5" s="10">
        <v>22</v>
      </c>
    </row>
    <row r="6" spans="1:4" ht="18" customHeight="1" x14ac:dyDescent="0.15">
      <c r="A6" s="8">
        <v>1</v>
      </c>
      <c r="B6" s="21">
        <v>6</v>
      </c>
      <c r="C6" s="6">
        <v>12</v>
      </c>
      <c r="D6" s="5">
        <v>18</v>
      </c>
    </row>
    <row r="7" spans="1:4" ht="18" customHeight="1" x14ac:dyDescent="0.15">
      <c r="A7" s="8">
        <v>2</v>
      </c>
      <c r="B7" s="21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21">
        <v>9</v>
      </c>
      <c r="C8" s="6">
        <v>13</v>
      </c>
      <c r="D8" s="5">
        <v>22</v>
      </c>
    </row>
    <row r="9" spans="1:4" ht="18" customHeight="1" x14ac:dyDescent="0.15">
      <c r="A9" s="8">
        <v>4</v>
      </c>
      <c r="B9" s="21">
        <v>12</v>
      </c>
      <c r="C9" s="6">
        <v>9</v>
      </c>
      <c r="D9" s="5">
        <v>21</v>
      </c>
    </row>
    <row r="10" spans="1:4" ht="18" customHeight="1" x14ac:dyDescent="0.15">
      <c r="A10" s="8" t="s">
        <v>25</v>
      </c>
      <c r="B10" s="21">
        <v>46</v>
      </c>
      <c r="C10" s="6">
        <v>54</v>
      </c>
      <c r="D10" s="5">
        <v>100</v>
      </c>
    </row>
    <row r="11" spans="1:4" ht="18" customHeight="1" x14ac:dyDescent="0.15">
      <c r="A11" s="8">
        <v>5</v>
      </c>
      <c r="B11" s="21">
        <v>6</v>
      </c>
      <c r="C11" s="6">
        <v>7</v>
      </c>
      <c r="D11" s="5">
        <v>13</v>
      </c>
    </row>
    <row r="12" spans="1:4" ht="18" customHeight="1" x14ac:dyDescent="0.15">
      <c r="A12" s="8">
        <v>6</v>
      </c>
      <c r="B12" s="21">
        <v>14</v>
      </c>
      <c r="C12" s="6">
        <v>3</v>
      </c>
      <c r="D12" s="5">
        <v>17</v>
      </c>
    </row>
    <row r="13" spans="1:4" ht="18" customHeight="1" x14ac:dyDescent="0.15">
      <c r="A13" s="8">
        <v>7</v>
      </c>
      <c r="B13" s="21">
        <v>12</v>
      </c>
      <c r="C13" s="6">
        <v>16</v>
      </c>
      <c r="D13" s="5">
        <v>28</v>
      </c>
    </row>
    <row r="14" spans="1:4" ht="18" customHeight="1" x14ac:dyDescent="0.15">
      <c r="A14" s="8">
        <v>8</v>
      </c>
      <c r="B14" s="21">
        <v>11</v>
      </c>
      <c r="C14" s="6">
        <v>14</v>
      </c>
      <c r="D14" s="5">
        <v>25</v>
      </c>
    </row>
    <row r="15" spans="1:4" ht="18" customHeight="1" x14ac:dyDescent="0.15">
      <c r="A15" s="8">
        <v>9</v>
      </c>
      <c r="B15" s="21">
        <v>14</v>
      </c>
      <c r="C15" s="6">
        <v>14</v>
      </c>
      <c r="D15" s="5">
        <v>28</v>
      </c>
    </row>
    <row r="16" spans="1:4" ht="18" customHeight="1" x14ac:dyDescent="0.15">
      <c r="A16" s="8" t="s">
        <v>24</v>
      </c>
      <c r="B16" s="21">
        <v>57</v>
      </c>
      <c r="C16" s="6">
        <v>54</v>
      </c>
      <c r="D16" s="5">
        <v>111</v>
      </c>
    </row>
    <row r="17" spans="1:4" ht="18" customHeight="1" x14ac:dyDescent="0.15">
      <c r="A17" s="8">
        <v>10</v>
      </c>
      <c r="B17" s="21">
        <v>11</v>
      </c>
      <c r="C17" s="6">
        <v>7</v>
      </c>
      <c r="D17" s="5">
        <v>18</v>
      </c>
    </row>
    <row r="18" spans="1:4" ht="18" customHeight="1" x14ac:dyDescent="0.15">
      <c r="A18" s="8">
        <v>11</v>
      </c>
      <c r="B18" s="21">
        <v>12</v>
      </c>
      <c r="C18" s="6">
        <v>9</v>
      </c>
      <c r="D18" s="5">
        <v>21</v>
      </c>
    </row>
    <row r="19" spans="1:4" ht="18" customHeight="1" x14ac:dyDescent="0.15">
      <c r="A19" s="8">
        <v>12</v>
      </c>
      <c r="B19" s="21">
        <v>10</v>
      </c>
      <c r="C19" s="6">
        <v>14</v>
      </c>
      <c r="D19" s="5">
        <v>24</v>
      </c>
    </row>
    <row r="20" spans="1:4" ht="18" customHeight="1" x14ac:dyDescent="0.15">
      <c r="A20" s="8">
        <v>13</v>
      </c>
      <c r="B20" s="21">
        <v>11</v>
      </c>
      <c r="C20" s="6">
        <v>10</v>
      </c>
      <c r="D20" s="5">
        <v>21</v>
      </c>
    </row>
    <row r="21" spans="1:4" ht="18" customHeight="1" x14ac:dyDescent="0.15">
      <c r="A21" s="8">
        <v>14</v>
      </c>
      <c r="B21" s="21">
        <v>10</v>
      </c>
      <c r="C21" s="6">
        <v>15</v>
      </c>
      <c r="D21" s="5">
        <v>25</v>
      </c>
    </row>
    <row r="22" spans="1:4" ht="18" customHeight="1" x14ac:dyDescent="0.15">
      <c r="A22" s="8" t="s">
        <v>23</v>
      </c>
      <c r="B22" s="21">
        <v>54</v>
      </c>
      <c r="C22" s="6">
        <v>55</v>
      </c>
      <c r="D22" s="5">
        <v>109</v>
      </c>
    </row>
    <row r="23" spans="1:4" ht="18" customHeight="1" x14ac:dyDescent="0.15">
      <c r="A23" s="8" t="s">
        <v>22</v>
      </c>
      <c r="B23" s="21">
        <v>157</v>
      </c>
      <c r="C23" s="6">
        <v>163</v>
      </c>
      <c r="D23" s="5">
        <v>320</v>
      </c>
    </row>
    <row r="24" spans="1:4" ht="18" customHeight="1" x14ac:dyDescent="0.15">
      <c r="A24" s="8">
        <v>15</v>
      </c>
      <c r="B24" s="21">
        <v>13</v>
      </c>
      <c r="C24" s="6">
        <v>11</v>
      </c>
      <c r="D24" s="5">
        <v>24</v>
      </c>
    </row>
    <row r="25" spans="1:4" ht="18" customHeight="1" x14ac:dyDescent="0.15">
      <c r="A25" s="8">
        <v>16</v>
      </c>
      <c r="B25" s="21">
        <v>11</v>
      </c>
      <c r="C25" s="6">
        <v>15</v>
      </c>
      <c r="D25" s="5">
        <v>26</v>
      </c>
    </row>
    <row r="26" spans="1:4" ht="18" customHeight="1" x14ac:dyDescent="0.15">
      <c r="A26" s="8">
        <v>17</v>
      </c>
      <c r="B26" s="21">
        <v>16</v>
      </c>
      <c r="C26" s="6">
        <v>17</v>
      </c>
      <c r="D26" s="5">
        <v>33</v>
      </c>
    </row>
    <row r="27" spans="1:4" ht="18" customHeight="1" x14ac:dyDescent="0.15">
      <c r="A27" s="8">
        <v>18</v>
      </c>
      <c r="B27" s="21">
        <v>21</v>
      </c>
      <c r="C27" s="6">
        <v>21</v>
      </c>
      <c r="D27" s="5">
        <v>42</v>
      </c>
    </row>
    <row r="28" spans="1:4" ht="18" customHeight="1" x14ac:dyDescent="0.15">
      <c r="A28" s="8">
        <v>19</v>
      </c>
      <c r="B28" s="21">
        <v>20</v>
      </c>
      <c r="C28" s="6">
        <v>16</v>
      </c>
      <c r="D28" s="5">
        <v>36</v>
      </c>
    </row>
    <row r="29" spans="1:4" ht="18" customHeight="1" x14ac:dyDescent="0.15">
      <c r="A29" s="8" t="s">
        <v>21</v>
      </c>
      <c r="B29" s="21">
        <v>81</v>
      </c>
      <c r="C29" s="6">
        <v>80</v>
      </c>
      <c r="D29" s="5">
        <v>161</v>
      </c>
    </row>
    <row r="30" spans="1:4" ht="18" customHeight="1" x14ac:dyDescent="0.15">
      <c r="A30" s="8">
        <v>20</v>
      </c>
      <c r="B30" s="21">
        <v>15</v>
      </c>
      <c r="C30" s="6">
        <v>26</v>
      </c>
      <c r="D30" s="5">
        <v>41</v>
      </c>
    </row>
    <row r="31" spans="1:4" ht="18" customHeight="1" x14ac:dyDescent="0.15">
      <c r="A31" s="8">
        <v>21</v>
      </c>
      <c r="B31" s="21">
        <v>28</v>
      </c>
      <c r="C31" s="6">
        <v>17</v>
      </c>
      <c r="D31" s="5">
        <v>45</v>
      </c>
    </row>
    <row r="32" spans="1:4" ht="18" customHeight="1" x14ac:dyDescent="0.15">
      <c r="A32" s="8">
        <v>22</v>
      </c>
      <c r="B32" s="21">
        <v>22</v>
      </c>
      <c r="C32" s="6">
        <v>22</v>
      </c>
      <c r="D32" s="5">
        <v>44</v>
      </c>
    </row>
    <row r="33" spans="1:4" ht="18" customHeight="1" x14ac:dyDescent="0.15">
      <c r="A33" s="8">
        <v>23</v>
      </c>
      <c r="B33" s="21">
        <v>28</v>
      </c>
      <c r="C33" s="6">
        <v>18</v>
      </c>
      <c r="D33" s="5">
        <v>46</v>
      </c>
    </row>
    <row r="34" spans="1:4" ht="18" customHeight="1" x14ac:dyDescent="0.15">
      <c r="A34" s="8">
        <v>24</v>
      </c>
      <c r="B34" s="21">
        <v>25</v>
      </c>
      <c r="C34" s="6">
        <v>22</v>
      </c>
      <c r="D34" s="5">
        <v>47</v>
      </c>
    </row>
    <row r="35" spans="1:4" ht="18" customHeight="1" x14ac:dyDescent="0.15">
      <c r="A35" s="8" t="s">
        <v>20</v>
      </c>
      <c r="B35" s="21">
        <v>118</v>
      </c>
      <c r="C35" s="6">
        <v>105</v>
      </c>
      <c r="D35" s="5">
        <v>223</v>
      </c>
    </row>
    <row r="36" spans="1:4" ht="18" customHeight="1" x14ac:dyDescent="0.15">
      <c r="A36" s="8">
        <v>25</v>
      </c>
      <c r="B36" s="21">
        <v>31</v>
      </c>
      <c r="C36" s="6">
        <v>21</v>
      </c>
      <c r="D36" s="5">
        <v>52</v>
      </c>
    </row>
    <row r="37" spans="1:4" ht="18" customHeight="1" x14ac:dyDescent="0.15">
      <c r="A37" s="8">
        <v>26</v>
      </c>
      <c r="B37" s="21">
        <v>20</v>
      </c>
      <c r="C37" s="6">
        <v>25</v>
      </c>
      <c r="D37" s="5">
        <v>45</v>
      </c>
    </row>
    <row r="38" spans="1:4" ht="18" customHeight="1" x14ac:dyDescent="0.15">
      <c r="A38" s="8">
        <v>27</v>
      </c>
      <c r="B38" s="21">
        <v>15</v>
      </c>
      <c r="C38" s="6">
        <v>10</v>
      </c>
      <c r="D38" s="5">
        <v>25</v>
      </c>
    </row>
    <row r="39" spans="1:4" ht="18" customHeight="1" x14ac:dyDescent="0.15">
      <c r="A39" s="8">
        <v>28</v>
      </c>
      <c r="B39" s="21">
        <v>21</v>
      </c>
      <c r="C39" s="6">
        <v>13</v>
      </c>
      <c r="D39" s="5">
        <v>34</v>
      </c>
    </row>
    <row r="40" spans="1:4" ht="18" customHeight="1" x14ac:dyDescent="0.15">
      <c r="A40" s="8">
        <v>29</v>
      </c>
      <c r="B40" s="21">
        <v>28</v>
      </c>
      <c r="C40" s="6">
        <v>14</v>
      </c>
      <c r="D40" s="5">
        <v>42</v>
      </c>
    </row>
    <row r="41" spans="1:4" ht="18" customHeight="1" x14ac:dyDescent="0.15">
      <c r="A41" s="8" t="s">
        <v>19</v>
      </c>
      <c r="B41" s="21">
        <v>115</v>
      </c>
      <c r="C41" s="6">
        <v>83</v>
      </c>
      <c r="D41" s="5">
        <v>198</v>
      </c>
    </row>
    <row r="42" spans="1:4" ht="18" customHeight="1" x14ac:dyDescent="0.15">
      <c r="A42" s="8">
        <v>30</v>
      </c>
      <c r="B42" s="21">
        <v>23</v>
      </c>
      <c r="C42" s="6">
        <v>20</v>
      </c>
      <c r="D42" s="5">
        <v>43</v>
      </c>
    </row>
    <row r="43" spans="1:4" ht="18" customHeight="1" x14ac:dyDescent="0.15">
      <c r="A43" s="8">
        <v>31</v>
      </c>
      <c r="B43" s="21">
        <v>21</v>
      </c>
      <c r="C43" s="6">
        <v>17</v>
      </c>
      <c r="D43" s="5">
        <v>38</v>
      </c>
    </row>
    <row r="44" spans="1:4" ht="18" customHeight="1" x14ac:dyDescent="0.15">
      <c r="A44" s="8">
        <v>32</v>
      </c>
      <c r="B44" s="21">
        <v>17</v>
      </c>
      <c r="C44" s="6">
        <v>18</v>
      </c>
      <c r="D44" s="5">
        <v>35</v>
      </c>
    </row>
    <row r="45" spans="1:4" ht="18" customHeight="1" x14ac:dyDescent="0.15">
      <c r="A45" s="8">
        <v>33</v>
      </c>
      <c r="B45" s="21">
        <v>13</v>
      </c>
      <c r="C45" s="6">
        <v>9</v>
      </c>
      <c r="D45" s="5">
        <v>22</v>
      </c>
    </row>
    <row r="46" spans="1:4" ht="18" customHeight="1" x14ac:dyDescent="0.15">
      <c r="A46" s="8">
        <v>34</v>
      </c>
      <c r="B46" s="21">
        <v>17</v>
      </c>
      <c r="C46" s="6">
        <v>12</v>
      </c>
      <c r="D46" s="5">
        <v>29</v>
      </c>
    </row>
    <row r="47" spans="1:4" ht="18" customHeight="1" x14ac:dyDescent="0.15">
      <c r="A47" s="8" t="s">
        <v>18</v>
      </c>
      <c r="B47" s="21">
        <v>91</v>
      </c>
      <c r="C47" s="6">
        <v>76</v>
      </c>
      <c r="D47" s="5">
        <v>167</v>
      </c>
    </row>
    <row r="48" spans="1:4" ht="18" customHeight="1" x14ac:dyDescent="0.15">
      <c r="A48" s="8">
        <v>35</v>
      </c>
      <c r="B48" s="21">
        <v>22</v>
      </c>
      <c r="C48" s="6">
        <v>15</v>
      </c>
      <c r="D48" s="5">
        <v>37</v>
      </c>
    </row>
    <row r="49" spans="1:4" ht="18" customHeight="1" x14ac:dyDescent="0.15">
      <c r="A49" s="8">
        <v>36</v>
      </c>
      <c r="B49" s="21">
        <v>18</v>
      </c>
      <c r="C49" s="6">
        <v>7</v>
      </c>
      <c r="D49" s="5">
        <v>25</v>
      </c>
    </row>
    <row r="50" spans="1:4" ht="18" customHeight="1" x14ac:dyDescent="0.15">
      <c r="A50" s="8">
        <v>37</v>
      </c>
      <c r="B50" s="21">
        <v>17</v>
      </c>
      <c r="C50" s="6">
        <v>12</v>
      </c>
      <c r="D50" s="5">
        <v>29</v>
      </c>
    </row>
    <row r="51" spans="1:4" ht="18" customHeight="1" x14ac:dyDescent="0.15">
      <c r="A51" s="8">
        <v>38</v>
      </c>
      <c r="B51" s="21">
        <v>17</v>
      </c>
      <c r="C51" s="6">
        <v>21</v>
      </c>
      <c r="D51" s="5">
        <v>38</v>
      </c>
    </row>
    <row r="52" spans="1:4" ht="18" customHeight="1" x14ac:dyDescent="0.15">
      <c r="A52" s="8">
        <v>39</v>
      </c>
      <c r="B52" s="21">
        <v>16</v>
      </c>
      <c r="C52" s="6">
        <v>16</v>
      </c>
      <c r="D52" s="5">
        <v>32</v>
      </c>
    </row>
    <row r="53" spans="1:4" ht="18" customHeight="1" x14ac:dyDescent="0.15">
      <c r="A53" s="8" t="s">
        <v>17</v>
      </c>
      <c r="B53" s="21">
        <v>90</v>
      </c>
      <c r="C53" s="6">
        <v>71</v>
      </c>
      <c r="D53" s="5">
        <v>161</v>
      </c>
    </row>
    <row r="54" spans="1:4" ht="18" customHeight="1" x14ac:dyDescent="0.15">
      <c r="A54" s="8">
        <v>40</v>
      </c>
      <c r="B54" s="21">
        <v>18</v>
      </c>
      <c r="C54" s="6">
        <v>18</v>
      </c>
      <c r="D54" s="5">
        <v>36</v>
      </c>
    </row>
    <row r="55" spans="1:4" ht="18" customHeight="1" x14ac:dyDescent="0.15">
      <c r="A55" s="8">
        <v>41</v>
      </c>
      <c r="B55" s="21">
        <v>21</v>
      </c>
      <c r="C55" s="6">
        <v>18</v>
      </c>
      <c r="D55" s="5">
        <v>39</v>
      </c>
    </row>
    <row r="56" spans="1:4" ht="18" customHeight="1" x14ac:dyDescent="0.15">
      <c r="A56" s="8">
        <v>42</v>
      </c>
      <c r="B56" s="21">
        <v>15</v>
      </c>
      <c r="C56" s="6">
        <v>17</v>
      </c>
      <c r="D56" s="5">
        <v>32</v>
      </c>
    </row>
    <row r="57" spans="1:4" ht="18" customHeight="1" x14ac:dyDescent="0.15">
      <c r="A57" s="8">
        <v>43</v>
      </c>
      <c r="B57" s="21">
        <v>18</v>
      </c>
      <c r="C57" s="6">
        <v>19</v>
      </c>
      <c r="D57" s="5">
        <v>37</v>
      </c>
    </row>
    <row r="58" spans="1:4" ht="18" customHeight="1" x14ac:dyDescent="0.15">
      <c r="A58" s="8">
        <v>44</v>
      </c>
      <c r="B58" s="21">
        <v>15</v>
      </c>
      <c r="C58" s="6">
        <v>23</v>
      </c>
      <c r="D58" s="5">
        <v>38</v>
      </c>
    </row>
    <row r="59" spans="1:4" ht="18" customHeight="1" x14ac:dyDescent="0.15">
      <c r="A59" s="8" t="s">
        <v>16</v>
      </c>
      <c r="B59" s="21">
        <v>87</v>
      </c>
      <c r="C59" s="6">
        <v>95</v>
      </c>
      <c r="D59" s="5">
        <v>182</v>
      </c>
    </row>
    <row r="60" spans="1:4" ht="18" customHeight="1" x14ac:dyDescent="0.15">
      <c r="A60" s="8">
        <v>45</v>
      </c>
      <c r="B60" s="21">
        <v>13</v>
      </c>
      <c r="C60" s="6">
        <v>16</v>
      </c>
      <c r="D60" s="5">
        <v>29</v>
      </c>
    </row>
    <row r="61" spans="1:4" ht="18" customHeight="1" x14ac:dyDescent="0.15">
      <c r="A61" s="8">
        <v>46</v>
      </c>
      <c r="B61" s="21">
        <v>22</v>
      </c>
      <c r="C61" s="6">
        <v>28</v>
      </c>
      <c r="D61" s="5">
        <v>50</v>
      </c>
    </row>
    <row r="62" spans="1:4" ht="18" customHeight="1" x14ac:dyDescent="0.15">
      <c r="A62" s="8">
        <v>47</v>
      </c>
      <c r="B62" s="21">
        <v>34</v>
      </c>
      <c r="C62" s="6">
        <v>25</v>
      </c>
      <c r="D62" s="5">
        <v>59</v>
      </c>
    </row>
    <row r="63" spans="1:4" ht="18" customHeight="1" x14ac:dyDescent="0.15">
      <c r="A63" s="8">
        <v>48</v>
      </c>
      <c r="B63" s="21">
        <v>23</v>
      </c>
      <c r="C63" s="6">
        <v>19</v>
      </c>
      <c r="D63" s="5">
        <v>42</v>
      </c>
    </row>
    <row r="64" spans="1:4" ht="18" customHeight="1" x14ac:dyDescent="0.15">
      <c r="A64" s="8">
        <v>49</v>
      </c>
      <c r="B64" s="21">
        <v>31</v>
      </c>
      <c r="C64" s="6">
        <v>27</v>
      </c>
      <c r="D64" s="5">
        <v>58</v>
      </c>
    </row>
    <row r="65" spans="1:4" ht="18" customHeight="1" x14ac:dyDescent="0.15">
      <c r="A65" s="8" t="s">
        <v>15</v>
      </c>
      <c r="B65" s="21">
        <v>123</v>
      </c>
      <c r="C65" s="6">
        <v>115</v>
      </c>
      <c r="D65" s="5">
        <v>238</v>
      </c>
    </row>
    <row r="66" spans="1:4" ht="18" customHeight="1" x14ac:dyDescent="0.15">
      <c r="A66" s="8">
        <v>50</v>
      </c>
      <c r="B66" s="21">
        <v>38</v>
      </c>
      <c r="C66" s="6">
        <v>40</v>
      </c>
      <c r="D66" s="5">
        <v>78</v>
      </c>
    </row>
    <row r="67" spans="1:4" ht="18" customHeight="1" x14ac:dyDescent="0.15">
      <c r="A67" s="8">
        <v>51</v>
      </c>
      <c r="B67" s="21">
        <v>42</v>
      </c>
      <c r="C67" s="6">
        <v>39</v>
      </c>
      <c r="D67" s="5">
        <v>81</v>
      </c>
    </row>
    <row r="68" spans="1:4" ht="18" customHeight="1" x14ac:dyDescent="0.15">
      <c r="A68" s="8">
        <v>52</v>
      </c>
      <c r="B68" s="21">
        <v>33</v>
      </c>
      <c r="C68" s="6">
        <v>32</v>
      </c>
      <c r="D68" s="5">
        <v>65</v>
      </c>
    </row>
    <row r="69" spans="1:4" ht="18" customHeight="1" x14ac:dyDescent="0.15">
      <c r="A69" s="8">
        <v>53</v>
      </c>
      <c r="B69" s="21">
        <v>26</v>
      </c>
      <c r="C69" s="6">
        <v>40</v>
      </c>
      <c r="D69" s="5">
        <v>66</v>
      </c>
    </row>
    <row r="70" spans="1:4" ht="18" customHeight="1" x14ac:dyDescent="0.15">
      <c r="A70" s="8">
        <v>54</v>
      </c>
      <c r="B70" s="21">
        <v>45</v>
      </c>
      <c r="C70" s="6">
        <v>42</v>
      </c>
      <c r="D70" s="5">
        <v>87</v>
      </c>
    </row>
    <row r="71" spans="1:4" ht="18" customHeight="1" x14ac:dyDescent="0.15">
      <c r="A71" s="8" t="s">
        <v>14</v>
      </c>
      <c r="B71" s="21">
        <v>184</v>
      </c>
      <c r="C71" s="6">
        <v>193</v>
      </c>
      <c r="D71" s="5">
        <v>377</v>
      </c>
    </row>
    <row r="72" spans="1:4" ht="18" customHeight="1" x14ac:dyDescent="0.15">
      <c r="A72" s="8">
        <v>55</v>
      </c>
      <c r="B72" s="21">
        <v>33</v>
      </c>
      <c r="C72" s="6">
        <v>23</v>
      </c>
      <c r="D72" s="5">
        <v>56</v>
      </c>
    </row>
    <row r="73" spans="1:4" ht="18" customHeight="1" x14ac:dyDescent="0.15">
      <c r="A73" s="8">
        <v>56</v>
      </c>
      <c r="B73" s="21">
        <v>33</v>
      </c>
      <c r="C73" s="6">
        <v>32</v>
      </c>
      <c r="D73" s="5">
        <v>65</v>
      </c>
    </row>
    <row r="74" spans="1:4" ht="18" customHeight="1" x14ac:dyDescent="0.15">
      <c r="A74" s="8">
        <v>57</v>
      </c>
      <c r="B74" s="21">
        <v>36</v>
      </c>
      <c r="C74" s="6">
        <v>41</v>
      </c>
      <c r="D74" s="5">
        <v>77</v>
      </c>
    </row>
    <row r="75" spans="1:4" ht="18" customHeight="1" x14ac:dyDescent="0.15">
      <c r="A75" s="8">
        <v>58</v>
      </c>
      <c r="B75" s="21">
        <v>27</v>
      </c>
      <c r="C75" s="6">
        <v>34</v>
      </c>
      <c r="D75" s="5">
        <v>61</v>
      </c>
    </row>
    <row r="76" spans="1:4" ht="18" customHeight="1" x14ac:dyDescent="0.15">
      <c r="A76" s="8">
        <v>59</v>
      </c>
      <c r="B76" s="21">
        <v>26</v>
      </c>
      <c r="C76" s="6">
        <v>22</v>
      </c>
      <c r="D76" s="5">
        <v>48</v>
      </c>
    </row>
    <row r="77" spans="1:4" ht="18" customHeight="1" x14ac:dyDescent="0.15">
      <c r="A77" s="8" t="s">
        <v>13</v>
      </c>
      <c r="B77" s="21">
        <v>155</v>
      </c>
      <c r="C77" s="6">
        <v>152</v>
      </c>
      <c r="D77" s="5">
        <v>307</v>
      </c>
    </row>
    <row r="78" spans="1:4" ht="18" customHeight="1" x14ac:dyDescent="0.15">
      <c r="A78" s="8">
        <v>60</v>
      </c>
      <c r="B78" s="21">
        <v>28</v>
      </c>
      <c r="C78" s="6">
        <v>41</v>
      </c>
      <c r="D78" s="5">
        <v>69</v>
      </c>
    </row>
    <row r="79" spans="1:4" ht="18" customHeight="1" x14ac:dyDescent="0.15">
      <c r="A79" s="8">
        <v>61</v>
      </c>
      <c r="B79" s="21">
        <v>21</v>
      </c>
      <c r="C79" s="6">
        <v>24</v>
      </c>
      <c r="D79" s="5">
        <v>45</v>
      </c>
    </row>
    <row r="80" spans="1:4" ht="18" customHeight="1" x14ac:dyDescent="0.15">
      <c r="A80" s="8">
        <v>62</v>
      </c>
      <c r="B80" s="21">
        <v>22</v>
      </c>
      <c r="C80" s="6">
        <v>21</v>
      </c>
      <c r="D80" s="5">
        <v>43</v>
      </c>
    </row>
    <row r="81" spans="1:4" ht="18" customHeight="1" x14ac:dyDescent="0.15">
      <c r="A81" s="8">
        <v>63</v>
      </c>
      <c r="B81" s="21">
        <v>23</v>
      </c>
      <c r="C81" s="6">
        <v>24</v>
      </c>
      <c r="D81" s="5">
        <v>47</v>
      </c>
    </row>
    <row r="82" spans="1:4" ht="18" customHeight="1" x14ac:dyDescent="0.15">
      <c r="A82" s="8">
        <v>64</v>
      </c>
      <c r="B82" s="21">
        <v>27</v>
      </c>
      <c r="C82" s="6">
        <v>25</v>
      </c>
      <c r="D82" s="5">
        <v>52</v>
      </c>
    </row>
    <row r="83" spans="1:4" ht="18" customHeight="1" x14ac:dyDescent="0.15">
      <c r="A83" s="8" t="s">
        <v>12</v>
      </c>
      <c r="B83" s="21">
        <v>121</v>
      </c>
      <c r="C83" s="6">
        <v>135</v>
      </c>
      <c r="D83" s="5">
        <v>256</v>
      </c>
    </row>
    <row r="84" spans="1:4" ht="18" customHeight="1" x14ac:dyDescent="0.15">
      <c r="A84" s="8" t="s">
        <v>11</v>
      </c>
      <c r="B84" s="21">
        <v>1165</v>
      </c>
      <c r="C84" s="6">
        <v>1105</v>
      </c>
      <c r="D84" s="5">
        <v>2270</v>
      </c>
    </row>
    <row r="85" spans="1:4" ht="18" customHeight="1" x14ac:dyDescent="0.15">
      <c r="A85" s="8">
        <v>65</v>
      </c>
      <c r="B85" s="21">
        <v>27</v>
      </c>
      <c r="C85" s="6">
        <v>19</v>
      </c>
      <c r="D85" s="5">
        <v>46</v>
      </c>
    </row>
    <row r="86" spans="1:4" ht="18" customHeight="1" x14ac:dyDescent="0.15">
      <c r="A86" s="8">
        <v>66</v>
      </c>
      <c r="B86" s="21">
        <v>23</v>
      </c>
      <c r="C86" s="6">
        <v>17</v>
      </c>
      <c r="D86" s="5">
        <v>40</v>
      </c>
    </row>
    <row r="87" spans="1:4" ht="18" customHeight="1" x14ac:dyDescent="0.15">
      <c r="A87" s="8">
        <v>67</v>
      </c>
      <c r="B87" s="21">
        <v>23</v>
      </c>
      <c r="C87" s="6">
        <v>23</v>
      </c>
      <c r="D87" s="5">
        <v>46</v>
      </c>
    </row>
    <row r="88" spans="1:4" ht="18" customHeight="1" x14ac:dyDescent="0.15">
      <c r="A88" s="8">
        <v>68</v>
      </c>
      <c r="B88" s="21">
        <v>20</v>
      </c>
      <c r="C88" s="6">
        <v>16</v>
      </c>
      <c r="D88" s="5">
        <v>36</v>
      </c>
    </row>
    <row r="89" spans="1:4" ht="18" customHeight="1" x14ac:dyDescent="0.15">
      <c r="A89" s="8">
        <v>69</v>
      </c>
      <c r="B89" s="21">
        <v>12</v>
      </c>
      <c r="C89" s="6">
        <v>28</v>
      </c>
      <c r="D89" s="5">
        <v>40</v>
      </c>
    </row>
    <row r="90" spans="1:4" ht="18" customHeight="1" x14ac:dyDescent="0.15">
      <c r="A90" s="8" t="s">
        <v>10</v>
      </c>
      <c r="B90" s="21">
        <v>105</v>
      </c>
      <c r="C90" s="6">
        <v>103</v>
      </c>
      <c r="D90" s="5">
        <v>208</v>
      </c>
    </row>
    <row r="91" spans="1:4" ht="18" customHeight="1" x14ac:dyDescent="0.15">
      <c r="A91" s="8">
        <v>70</v>
      </c>
      <c r="B91" s="21">
        <v>26</v>
      </c>
      <c r="C91" s="6">
        <v>24</v>
      </c>
      <c r="D91" s="5">
        <v>50</v>
      </c>
    </row>
    <row r="92" spans="1:4" ht="18" customHeight="1" x14ac:dyDescent="0.15">
      <c r="A92" s="8">
        <v>71</v>
      </c>
      <c r="B92" s="21">
        <v>21</v>
      </c>
      <c r="C92" s="6">
        <v>18</v>
      </c>
      <c r="D92" s="5">
        <v>39</v>
      </c>
    </row>
    <row r="93" spans="1:4" ht="18" customHeight="1" x14ac:dyDescent="0.15">
      <c r="A93" s="8">
        <v>72</v>
      </c>
      <c r="B93" s="21">
        <v>36</v>
      </c>
      <c r="C93" s="6">
        <v>25</v>
      </c>
      <c r="D93" s="5">
        <v>61</v>
      </c>
    </row>
    <row r="94" spans="1:4" ht="18" customHeight="1" x14ac:dyDescent="0.15">
      <c r="A94" s="8">
        <v>73</v>
      </c>
      <c r="B94" s="21">
        <v>23</v>
      </c>
      <c r="C94" s="6">
        <v>28</v>
      </c>
      <c r="D94" s="5">
        <v>51</v>
      </c>
    </row>
    <row r="95" spans="1:4" ht="18" customHeight="1" x14ac:dyDescent="0.15">
      <c r="A95" s="8">
        <v>74</v>
      </c>
      <c r="B95" s="21">
        <v>17</v>
      </c>
      <c r="C95" s="6">
        <v>34</v>
      </c>
      <c r="D95" s="5">
        <v>51</v>
      </c>
    </row>
    <row r="96" spans="1:4" ht="18" customHeight="1" x14ac:dyDescent="0.15">
      <c r="A96" s="8" t="s">
        <v>9</v>
      </c>
      <c r="B96" s="21">
        <v>123</v>
      </c>
      <c r="C96" s="6">
        <v>129</v>
      </c>
      <c r="D96" s="5">
        <v>252</v>
      </c>
    </row>
    <row r="97" spans="1:4" ht="18" customHeight="1" x14ac:dyDescent="0.15">
      <c r="A97" s="8">
        <v>75</v>
      </c>
      <c r="B97" s="21">
        <v>29</v>
      </c>
      <c r="C97" s="6">
        <v>31</v>
      </c>
      <c r="D97" s="5">
        <v>60</v>
      </c>
    </row>
    <row r="98" spans="1:4" ht="18" customHeight="1" x14ac:dyDescent="0.15">
      <c r="A98" s="8">
        <v>76</v>
      </c>
      <c r="B98" s="21">
        <v>30</v>
      </c>
      <c r="C98" s="6">
        <v>46</v>
      </c>
      <c r="D98" s="5">
        <v>76</v>
      </c>
    </row>
    <row r="99" spans="1:4" ht="18" customHeight="1" x14ac:dyDescent="0.15">
      <c r="A99" s="8">
        <v>77</v>
      </c>
      <c r="B99" s="21">
        <v>33</v>
      </c>
      <c r="C99" s="6">
        <v>47</v>
      </c>
      <c r="D99" s="5">
        <v>80</v>
      </c>
    </row>
    <row r="100" spans="1:4" ht="18" customHeight="1" x14ac:dyDescent="0.15">
      <c r="A100" s="8">
        <v>78</v>
      </c>
      <c r="B100" s="21">
        <v>36</v>
      </c>
      <c r="C100" s="6">
        <v>42</v>
      </c>
      <c r="D100" s="5">
        <v>78</v>
      </c>
    </row>
    <row r="101" spans="1:4" ht="18" customHeight="1" x14ac:dyDescent="0.15">
      <c r="A101" s="8">
        <v>79</v>
      </c>
      <c r="B101" s="21">
        <v>18</v>
      </c>
      <c r="C101" s="6">
        <v>15</v>
      </c>
      <c r="D101" s="5">
        <v>33</v>
      </c>
    </row>
    <row r="102" spans="1:4" ht="18" customHeight="1" x14ac:dyDescent="0.15">
      <c r="A102" s="8" t="s">
        <v>8</v>
      </c>
      <c r="B102" s="21">
        <v>146</v>
      </c>
      <c r="C102" s="6">
        <v>181</v>
      </c>
      <c r="D102" s="5">
        <v>327</v>
      </c>
    </row>
    <row r="103" spans="1:4" ht="18" customHeight="1" x14ac:dyDescent="0.15">
      <c r="A103" s="8">
        <v>80</v>
      </c>
      <c r="B103" s="21">
        <v>20</v>
      </c>
      <c r="C103" s="6">
        <v>23</v>
      </c>
      <c r="D103" s="5">
        <v>43</v>
      </c>
    </row>
    <row r="104" spans="1:4" ht="18" customHeight="1" x14ac:dyDescent="0.15">
      <c r="A104" s="8">
        <v>81</v>
      </c>
      <c r="B104" s="21">
        <v>26</v>
      </c>
      <c r="C104" s="6">
        <v>27</v>
      </c>
      <c r="D104" s="5">
        <v>53</v>
      </c>
    </row>
    <row r="105" spans="1:4" ht="18" customHeight="1" x14ac:dyDescent="0.15">
      <c r="A105" s="8">
        <v>82</v>
      </c>
      <c r="B105" s="21">
        <v>12</v>
      </c>
      <c r="C105" s="6">
        <v>40</v>
      </c>
      <c r="D105" s="5">
        <v>52</v>
      </c>
    </row>
    <row r="106" spans="1:4" ht="18" customHeight="1" x14ac:dyDescent="0.15">
      <c r="A106" s="8">
        <v>83</v>
      </c>
      <c r="B106" s="21">
        <v>20</v>
      </c>
      <c r="C106" s="6">
        <v>31</v>
      </c>
      <c r="D106" s="5">
        <v>51</v>
      </c>
    </row>
    <row r="107" spans="1:4" ht="18" customHeight="1" x14ac:dyDescent="0.15">
      <c r="A107" s="8">
        <v>84</v>
      </c>
      <c r="B107" s="21">
        <v>18</v>
      </c>
      <c r="C107" s="6">
        <v>37</v>
      </c>
      <c r="D107" s="5">
        <v>55</v>
      </c>
    </row>
    <row r="108" spans="1:4" ht="18" customHeight="1" x14ac:dyDescent="0.15">
      <c r="A108" s="8" t="s">
        <v>7</v>
      </c>
      <c r="B108" s="21">
        <v>96</v>
      </c>
      <c r="C108" s="6">
        <v>158</v>
      </c>
      <c r="D108" s="5">
        <v>254</v>
      </c>
    </row>
    <row r="109" spans="1:4" ht="18" customHeight="1" x14ac:dyDescent="0.15">
      <c r="A109" s="8">
        <v>85</v>
      </c>
      <c r="B109" s="21">
        <v>17</v>
      </c>
      <c r="C109" s="6">
        <v>21</v>
      </c>
      <c r="D109" s="5">
        <v>38</v>
      </c>
    </row>
    <row r="110" spans="1:4" ht="18" customHeight="1" x14ac:dyDescent="0.15">
      <c r="A110" s="8">
        <v>86</v>
      </c>
      <c r="B110" s="21">
        <v>8</v>
      </c>
      <c r="C110" s="6">
        <v>22</v>
      </c>
      <c r="D110" s="5">
        <v>30</v>
      </c>
    </row>
    <row r="111" spans="1:4" ht="18" customHeight="1" x14ac:dyDescent="0.15">
      <c r="A111" s="8">
        <v>87</v>
      </c>
      <c r="B111" s="21">
        <v>11</v>
      </c>
      <c r="C111" s="6">
        <v>22</v>
      </c>
      <c r="D111" s="5">
        <v>33</v>
      </c>
    </row>
    <row r="112" spans="1:4" ht="18" customHeight="1" x14ac:dyDescent="0.15">
      <c r="A112" s="8">
        <v>88</v>
      </c>
      <c r="B112" s="21">
        <v>11</v>
      </c>
      <c r="C112" s="6">
        <v>21</v>
      </c>
      <c r="D112" s="5">
        <v>32</v>
      </c>
    </row>
    <row r="113" spans="1:4" ht="18" customHeight="1" x14ac:dyDescent="0.15">
      <c r="A113" s="8">
        <v>89</v>
      </c>
      <c r="B113" s="21">
        <v>1</v>
      </c>
      <c r="C113" s="6">
        <v>19</v>
      </c>
      <c r="D113" s="5">
        <v>20</v>
      </c>
    </row>
    <row r="114" spans="1:4" ht="18" customHeight="1" x14ac:dyDescent="0.15">
      <c r="A114" s="8" t="s">
        <v>6</v>
      </c>
      <c r="B114" s="21">
        <v>48</v>
      </c>
      <c r="C114" s="6">
        <v>105</v>
      </c>
      <c r="D114" s="5">
        <v>153</v>
      </c>
    </row>
    <row r="115" spans="1:4" ht="18" customHeight="1" x14ac:dyDescent="0.15">
      <c r="A115" s="8">
        <v>90</v>
      </c>
      <c r="B115" s="21">
        <v>6</v>
      </c>
      <c r="C115" s="6">
        <v>21</v>
      </c>
      <c r="D115" s="5">
        <v>27</v>
      </c>
    </row>
    <row r="116" spans="1:4" ht="18" customHeight="1" x14ac:dyDescent="0.15">
      <c r="A116" s="8">
        <v>91</v>
      </c>
      <c r="B116" s="21">
        <v>4</v>
      </c>
      <c r="C116" s="6">
        <v>10</v>
      </c>
      <c r="D116" s="5">
        <v>14</v>
      </c>
    </row>
    <row r="117" spans="1:4" ht="18" customHeight="1" x14ac:dyDescent="0.15">
      <c r="A117" s="8">
        <v>92</v>
      </c>
      <c r="B117" s="21">
        <v>0</v>
      </c>
      <c r="C117" s="6">
        <v>11</v>
      </c>
      <c r="D117" s="5">
        <v>11</v>
      </c>
    </row>
    <row r="118" spans="1:4" ht="18" customHeight="1" x14ac:dyDescent="0.15">
      <c r="A118" s="8">
        <v>93</v>
      </c>
      <c r="B118" s="21">
        <v>6</v>
      </c>
      <c r="C118" s="6">
        <v>9</v>
      </c>
      <c r="D118" s="5">
        <v>15</v>
      </c>
    </row>
    <row r="119" spans="1:4" ht="18" customHeight="1" x14ac:dyDescent="0.15">
      <c r="A119" s="8">
        <v>94</v>
      </c>
      <c r="B119" s="21">
        <v>4</v>
      </c>
      <c r="C119" s="6">
        <v>10</v>
      </c>
      <c r="D119" s="5">
        <v>14</v>
      </c>
    </row>
    <row r="120" spans="1:4" ht="18" customHeight="1" x14ac:dyDescent="0.15">
      <c r="A120" s="8" t="s">
        <v>5</v>
      </c>
      <c r="B120" s="21">
        <v>20</v>
      </c>
      <c r="C120" s="6">
        <v>61</v>
      </c>
      <c r="D120" s="5">
        <v>81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540</v>
      </c>
      <c r="C130" s="6">
        <v>755</v>
      </c>
      <c r="D130" s="5">
        <v>1295</v>
      </c>
    </row>
    <row r="131" spans="1:4" ht="18" customHeight="1" x14ac:dyDescent="0.15">
      <c r="A131" s="4" t="s">
        <v>0</v>
      </c>
      <c r="B131" s="20">
        <v>1862</v>
      </c>
      <c r="C131" s="2">
        <v>2023</v>
      </c>
      <c r="D131" s="1">
        <v>38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D45E8B-4173-4B71-896F-13CF1388DC14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7</v>
      </c>
      <c r="C5" s="11">
        <v>39</v>
      </c>
      <c r="D5" s="10">
        <v>86</v>
      </c>
    </row>
    <row r="6" spans="1:4" ht="18" customHeight="1" x14ac:dyDescent="0.15">
      <c r="A6" s="8">
        <v>1</v>
      </c>
      <c r="B6" s="21">
        <v>53</v>
      </c>
      <c r="C6" s="6">
        <v>49</v>
      </c>
      <c r="D6" s="5">
        <v>102</v>
      </c>
    </row>
    <row r="7" spans="1:4" ht="18" customHeight="1" x14ac:dyDescent="0.15">
      <c r="A7" s="8">
        <v>2</v>
      </c>
      <c r="B7" s="21">
        <v>60</v>
      </c>
      <c r="C7" s="6">
        <v>44</v>
      </c>
      <c r="D7" s="5">
        <v>104</v>
      </c>
    </row>
    <row r="8" spans="1:4" ht="18" customHeight="1" x14ac:dyDescent="0.15">
      <c r="A8" s="8">
        <v>3</v>
      </c>
      <c r="B8" s="21">
        <v>64</v>
      </c>
      <c r="C8" s="6">
        <v>53</v>
      </c>
      <c r="D8" s="5">
        <v>117</v>
      </c>
    </row>
    <row r="9" spans="1:4" ht="18" customHeight="1" x14ac:dyDescent="0.15">
      <c r="A9" s="8">
        <v>4</v>
      </c>
      <c r="B9" s="21">
        <v>74</v>
      </c>
      <c r="C9" s="6">
        <v>57</v>
      </c>
      <c r="D9" s="5">
        <v>131</v>
      </c>
    </row>
    <row r="10" spans="1:4" ht="18" customHeight="1" x14ac:dyDescent="0.15">
      <c r="A10" s="8" t="s">
        <v>25</v>
      </c>
      <c r="B10" s="21">
        <v>298</v>
      </c>
      <c r="C10" s="6">
        <v>242</v>
      </c>
      <c r="D10" s="5">
        <v>540</v>
      </c>
    </row>
    <row r="11" spans="1:4" ht="18" customHeight="1" x14ac:dyDescent="0.15">
      <c r="A11" s="8">
        <v>5</v>
      </c>
      <c r="B11" s="21">
        <v>55</v>
      </c>
      <c r="C11" s="6">
        <v>65</v>
      </c>
      <c r="D11" s="5">
        <v>120</v>
      </c>
    </row>
    <row r="12" spans="1:4" ht="18" customHeight="1" x14ac:dyDescent="0.15">
      <c r="A12" s="8">
        <v>6</v>
      </c>
      <c r="B12" s="21">
        <v>82</v>
      </c>
      <c r="C12" s="6">
        <v>63</v>
      </c>
      <c r="D12" s="5">
        <v>145</v>
      </c>
    </row>
    <row r="13" spans="1:4" ht="18" customHeight="1" x14ac:dyDescent="0.15">
      <c r="A13" s="8">
        <v>7</v>
      </c>
      <c r="B13" s="21">
        <v>81</v>
      </c>
      <c r="C13" s="6">
        <v>59</v>
      </c>
      <c r="D13" s="5">
        <v>140</v>
      </c>
    </row>
    <row r="14" spans="1:4" ht="18" customHeight="1" x14ac:dyDescent="0.15">
      <c r="A14" s="8">
        <v>8</v>
      </c>
      <c r="B14" s="21">
        <v>60</v>
      </c>
      <c r="C14" s="6">
        <v>73</v>
      </c>
      <c r="D14" s="5">
        <v>133</v>
      </c>
    </row>
    <row r="15" spans="1:4" ht="18" customHeight="1" x14ac:dyDescent="0.15">
      <c r="A15" s="8">
        <v>9</v>
      </c>
      <c r="B15" s="21">
        <v>58</v>
      </c>
      <c r="C15" s="6">
        <v>69</v>
      </c>
      <c r="D15" s="5">
        <v>127</v>
      </c>
    </row>
    <row r="16" spans="1:4" ht="18" customHeight="1" x14ac:dyDescent="0.15">
      <c r="A16" s="8" t="s">
        <v>24</v>
      </c>
      <c r="B16" s="21">
        <v>336</v>
      </c>
      <c r="C16" s="6">
        <v>329</v>
      </c>
      <c r="D16" s="5">
        <v>665</v>
      </c>
    </row>
    <row r="17" spans="1:4" ht="18" customHeight="1" x14ac:dyDescent="0.15">
      <c r="A17" s="8">
        <v>10</v>
      </c>
      <c r="B17" s="21">
        <v>52</v>
      </c>
      <c r="C17" s="6">
        <v>75</v>
      </c>
      <c r="D17" s="5">
        <v>127</v>
      </c>
    </row>
    <row r="18" spans="1:4" ht="18" customHeight="1" x14ac:dyDescent="0.15">
      <c r="A18" s="8">
        <v>11</v>
      </c>
      <c r="B18" s="21">
        <v>68</v>
      </c>
      <c r="C18" s="6">
        <v>60</v>
      </c>
      <c r="D18" s="5">
        <v>128</v>
      </c>
    </row>
    <row r="19" spans="1:4" ht="18" customHeight="1" x14ac:dyDescent="0.15">
      <c r="A19" s="8">
        <v>12</v>
      </c>
      <c r="B19" s="21">
        <v>76</v>
      </c>
      <c r="C19" s="6">
        <v>66</v>
      </c>
      <c r="D19" s="5">
        <v>142</v>
      </c>
    </row>
    <row r="20" spans="1:4" ht="18" customHeight="1" x14ac:dyDescent="0.15">
      <c r="A20" s="8">
        <v>13</v>
      </c>
      <c r="B20" s="21">
        <v>66</v>
      </c>
      <c r="C20" s="6">
        <v>66</v>
      </c>
      <c r="D20" s="5">
        <v>132</v>
      </c>
    </row>
    <row r="21" spans="1:4" ht="18" customHeight="1" x14ac:dyDescent="0.15">
      <c r="A21" s="8">
        <v>14</v>
      </c>
      <c r="B21" s="21">
        <v>66</v>
      </c>
      <c r="C21" s="6">
        <v>68</v>
      </c>
      <c r="D21" s="5">
        <v>134</v>
      </c>
    </row>
    <row r="22" spans="1:4" ht="18" customHeight="1" x14ac:dyDescent="0.15">
      <c r="A22" s="8" t="s">
        <v>23</v>
      </c>
      <c r="B22" s="21">
        <v>328</v>
      </c>
      <c r="C22" s="6">
        <v>335</v>
      </c>
      <c r="D22" s="5">
        <v>663</v>
      </c>
    </row>
    <row r="23" spans="1:4" ht="18" customHeight="1" x14ac:dyDescent="0.15">
      <c r="A23" s="8" t="s">
        <v>22</v>
      </c>
      <c r="B23" s="21">
        <v>962</v>
      </c>
      <c r="C23" s="6">
        <v>906</v>
      </c>
      <c r="D23" s="5">
        <v>1868</v>
      </c>
    </row>
    <row r="24" spans="1:4" ht="18" customHeight="1" x14ac:dyDescent="0.15">
      <c r="A24" s="8">
        <v>15</v>
      </c>
      <c r="B24" s="21">
        <v>68</v>
      </c>
      <c r="C24" s="6">
        <v>60</v>
      </c>
      <c r="D24" s="5">
        <v>128</v>
      </c>
    </row>
    <row r="25" spans="1:4" ht="18" customHeight="1" x14ac:dyDescent="0.15">
      <c r="A25" s="8">
        <v>16</v>
      </c>
      <c r="B25" s="21">
        <v>78</v>
      </c>
      <c r="C25" s="6">
        <v>59</v>
      </c>
      <c r="D25" s="5">
        <v>137</v>
      </c>
    </row>
    <row r="26" spans="1:4" ht="18" customHeight="1" x14ac:dyDescent="0.15">
      <c r="A26" s="8">
        <v>17</v>
      </c>
      <c r="B26" s="21">
        <v>60</v>
      </c>
      <c r="C26" s="6">
        <v>68</v>
      </c>
      <c r="D26" s="5">
        <v>128</v>
      </c>
    </row>
    <row r="27" spans="1:4" ht="18" customHeight="1" x14ac:dyDescent="0.15">
      <c r="A27" s="8">
        <v>18</v>
      </c>
      <c r="B27" s="21">
        <v>67</v>
      </c>
      <c r="C27" s="6">
        <v>54</v>
      </c>
      <c r="D27" s="5">
        <v>121</v>
      </c>
    </row>
    <row r="28" spans="1:4" ht="18" customHeight="1" x14ac:dyDescent="0.15">
      <c r="A28" s="8">
        <v>19</v>
      </c>
      <c r="B28" s="21">
        <v>59</v>
      </c>
      <c r="C28" s="6">
        <v>56</v>
      </c>
      <c r="D28" s="5">
        <v>115</v>
      </c>
    </row>
    <row r="29" spans="1:4" ht="18" customHeight="1" x14ac:dyDescent="0.15">
      <c r="A29" s="8" t="s">
        <v>21</v>
      </c>
      <c r="B29" s="21">
        <v>332</v>
      </c>
      <c r="C29" s="6">
        <v>297</v>
      </c>
      <c r="D29" s="5">
        <v>629</v>
      </c>
    </row>
    <row r="30" spans="1:4" ht="18" customHeight="1" x14ac:dyDescent="0.15">
      <c r="A30" s="8">
        <v>20</v>
      </c>
      <c r="B30" s="21">
        <v>60</v>
      </c>
      <c r="C30" s="6">
        <v>70</v>
      </c>
      <c r="D30" s="5">
        <v>130</v>
      </c>
    </row>
    <row r="31" spans="1:4" ht="18" customHeight="1" x14ac:dyDescent="0.15">
      <c r="A31" s="8">
        <v>21</v>
      </c>
      <c r="B31" s="21">
        <v>55</v>
      </c>
      <c r="C31" s="6">
        <v>69</v>
      </c>
      <c r="D31" s="5">
        <v>124</v>
      </c>
    </row>
    <row r="32" spans="1:4" ht="18" customHeight="1" x14ac:dyDescent="0.15">
      <c r="A32" s="8">
        <v>22</v>
      </c>
      <c r="B32" s="21">
        <v>61</v>
      </c>
      <c r="C32" s="6">
        <v>60</v>
      </c>
      <c r="D32" s="5">
        <v>121</v>
      </c>
    </row>
    <row r="33" spans="1:4" ht="18" customHeight="1" x14ac:dyDescent="0.15">
      <c r="A33" s="8">
        <v>23</v>
      </c>
      <c r="B33" s="21">
        <v>66</v>
      </c>
      <c r="C33" s="6">
        <v>71</v>
      </c>
      <c r="D33" s="5">
        <v>137</v>
      </c>
    </row>
    <row r="34" spans="1:4" ht="18" customHeight="1" x14ac:dyDescent="0.15">
      <c r="A34" s="8">
        <v>24</v>
      </c>
      <c r="B34" s="21">
        <v>68</v>
      </c>
      <c r="C34" s="6">
        <v>64</v>
      </c>
      <c r="D34" s="5">
        <v>132</v>
      </c>
    </row>
    <row r="35" spans="1:4" ht="18" customHeight="1" x14ac:dyDescent="0.15">
      <c r="A35" s="8" t="s">
        <v>20</v>
      </c>
      <c r="B35" s="21">
        <v>310</v>
      </c>
      <c r="C35" s="6">
        <v>334</v>
      </c>
      <c r="D35" s="5">
        <v>644</v>
      </c>
    </row>
    <row r="36" spans="1:4" ht="18" customHeight="1" x14ac:dyDescent="0.15">
      <c r="A36" s="8">
        <v>25</v>
      </c>
      <c r="B36" s="21">
        <v>80</v>
      </c>
      <c r="C36" s="6">
        <v>83</v>
      </c>
      <c r="D36" s="5">
        <v>163</v>
      </c>
    </row>
    <row r="37" spans="1:4" ht="18" customHeight="1" x14ac:dyDescent="0.15">
      <c r="A37" s="8">
        <v>26</v>
      </c>
      <c r="B37" s="21">
        <v>84</v>
      </c>
      <c r="C37" s="6">
        <v>74</v>
      </c>
      <c r="D37" s="5">
        <v>158</v>
      </c>
    </row>
    <row r="38" spans="1:4" ht="18" customHeight="1" x14ac:dyDescent="0.15">
      <c r="A38" s="8">
        <v>27</v>
      </c>
      <c r="B38" s="21">
        <v>80</v>
      </c>
      <c r="C38" s="6">
        <v>73</v>
      </c>
      <c r="D38" s="5">
        <v>153</v>
      </c>
    </row>
    <row r="39" spans="1:4" ht="18" customHeight="1" x14ac:dyDescent="0.15">
      <c r="A39" s="8">
        <v>28</v>
      </c>
      <c r="B39" s="21">
        <v>79</v>
      </c>
      <c r="C39" s="6">
        <v>65</v>
      </c>
      <c r="D39" s="5">
        <v>144</v>
      </c>
    </row>
    <row r="40" spans="1:4" ht="18" customHeight="1" x14ac:dyDescent="0.15">
      <c r="A40" s="8">
        <v>29</v>
      </c>
      <c r="B40" s="21">
        <v>96</v>
      </c>
      <c r="C40" s="6">
        <v>76</v>
      </c>
      <c r="D40" s="5">
        <v>172</v>
      </c>
    </row>
    <row r="41" spans="1:4" ht="18" customHeight="1" x14ac:dyDescent="0.15">
      <c r="A41" s="8" t="s">
        <v>19</v>
      </c>
      <c r="B41" s="21">
        <v>419</v>
      </c>
      <c r="C41" s="6">
        <v>371</v>
      </c>
      <c r="D41" s="5">
        <v>790</v>
      </c>
    </row>
    <row r="42" spans="1:4" ht="18" customHeight="1" x14ac:dyDescent="0.15">
      <c r="A42" s="8">
        <v>30</v>
      </c>
      <c r="B42" s="21">
        <v>72</v>
      </c>
      <c r="C42" s="6">
        <v>76</v>
      </c>
      <c r="D42" s="5">
        <v>148</v>
      </c>
    </row>
    <row r="43" spans="1:4" ht="18" customHeight="1" x14ac:dyDescent="0.15">
      <c r="A43" s="8">
        <v>31</v>
      </c>
      <c r="B43" s="21">
        <v>68</v>
      </c>
      <c r="C43" s="6">
        <v>75</v>
      </c>
      <c r="D43" s="5">
        <v>143</v>
      </c>
    </row>
    <row r="44" spans="1:4" ht="18" customHeight="1" x14ac:dyDescent="0.15">
      <c r="A44" s="8">
        <v>32</v>
      </c>
      <c r="B44" s="21">
        <v>93</v>
      </c>
      <c r="C44" s="6">
        <v>82</v>
      </c>
      <c r="D44" s="5">
        <v>175</v>
      </c>
    </row>
    <row r="45" spans="1:4" ht="18" customHeight="1" x14ac:dyDescent="0.15">
      <c r="A45" s="8">
        <v>33</v>
      </c>
      <c r="B45" s="21">
        <v>80</v>
      </c>
      <c r="C45" s="6">
        <v>74</v>
      </c>
      <c r="D45" s="5">
        <v>154</v>
      </c>
    </row>
    <row r="46" spans="1:4" ht="18" customHeight="1" x14ac:dyDescent="0.15">
      <c r="A46" s="8">
        <v>34</v>
      </c>
      <c r="B46" s="21">
        <v>90</v>
      </c>
      <c r="C46" s="6">
        <v>78</v>
      </c>
      <c r="D46" s="5">
        <v>168</v>
      </c>
    </row>
    <row r="47" spans="1:4" ht="18" customHeight="1" x14ac:dyDescent="0.15">
      <c r="A47" s="8" t="s">
        <v>18</v>
      </c>
      <c r="B47" s="21">
        <v>403</v>
      </c>
      <c r="C47" s="6">
        <v>385</v>
      </c>
      <c r="D47" s="5">
        <v>788</v>
      </c>
    </row>
    <row r="48" spans="1:4" ht="18" customHeight="1" x14ac:dyDescent="0.15">
      <c r="A48" s="8">
        <v>35</v>
      </c>
      <c r="B48" s="21">
        <v>90</v>
      </c>
      <c r="C48" s="6">
        <v>63</v>
      </c>
      <c r="D48" s="5">
        <v>153</v>
      </c>
    </row>
    <row r="49" spans="1:4" ht="18" customHeight="1" x14ac:dyDescent="0.15">
      <c r="A49" s="8">
        <v>36</v>
      </c>
      <c r="B49" s="21">
        <v>74</v>
      </c>
      <c r="C49" s="6">
        <v>70</v>
      </c>
      <c r="D49" s="5">
        <v>144</v>
      </c>
    </row>
    <row r="50" spans="1:4" ht="18" customHeight="1" x14ac:dyDescent="0.15">
      <c r="A50" s="8">
        <v>37</v>
      </c>
      <c r="B50" s="21">
        <v>103</v>
      </c>
      <c r="C50" s="6">
        <v>93</v>
      </c>
      <c r="D50" s="5">
        <v>196</v>
      </c>
    </row>
    <row r="51" spans="1:4" ht="18" customHeight="1" x14ac:dyDescent="0.15">
      <c r="A51" s="8">
        <v>38</v>
      </c>
      <c r="B51" s="21">
        <v>78</v>
      </c>
      <c r="C51" s="6">
        <v>86</v>
      </c>
      <c r="D51" s="5">
        <v>164</v>
      </c>
    </row>
    <row r="52" spans="1:4" ht="18" customHeight="1" x14ac:dyDescent="0.15">
      <c r="A52" s="8">
        <v>39</v>
      </c>
      <c r="B52" s="21">
        <v>82</v>
      </c>
      <c r="C52" s="6">
        <v>78</v>
      </c>
      <c r="D52" s="5">
        <v>160</v>
      </c>
    </row>
    <row r="53" spans="1:4" ht="18" customHeight="1" x14ac:dyDescent="0.15">
      <c r="A53" s="8" t="s">
        <v>17</v>
      </c>
      <c r="B53" s="21">
        <v>427</v>
      </c>
      <c r="C53" s="6">
        <v>390</v>
      </c>
      <c r="D53" s="5">
        <v>817</v>
      </c>
    </row>
    <row r="54" spans="1:4" ht="18" customHeight="1" x14ac:dyDescent="0.15">
      <c r="A54" s="8">
        <v>40</v>
      </c>
      <c r="B54" s="21">
        <v>90</v>
      </c>
      <c r="C54" s="6">
        <v>103</v>
      </c>
      <c r="D54" s="5">
        <v>193</v>
      </c>
    </row>
    <row r="55" spans="1:4" ht="18" customHeight="1" x14ac:dyDescent="0.15">
      <c r="A55" s="8">
        <v>41</v>
      </c>
      <c r="B55" s="21">
        <v>103</v>
      </c>
      <c r="C55" s="6">
        <v>96</v>
      </c>
      <c r="D55" s="5">
        <v>199</v>
      </c>
    </row>
    <row r="56" spans="1:4" ht="18" customHeight="1" x14ac:dyDescent="0.15">
      <c r="A56" s="8">
        <v>42</v>
      </c>
      <c r="B56" s="21">
        <v>99</v>
      </c>
      <c r="C56" s="6">
        <v>91</v>
      </c>
      <c r="D56" s="5">
        <v>190</v>
      </c>
    </row>
    <row r="57" spans="1:4" ht="18" customHeight="1" x14ac:dyDescent="0.15">
      <c r="A57" s="8">
        <v>43</v>
      </c>
      <c r="B57" s="21">
        <v>84</v>
      </c>
      <c r="C57" s="6">
        <v>75</v>
      </c>
      <c r="D57" s="5">
        <v>159</v>
      </c>
    </row>
    <row r="58" spans="1:4" ht="18" customHeight="1" x14ac:dyDescent="0.15">
      <c r="A58" s="8">
        <v>44</v>
      </c>
      <c r="B58" s="21">
        <v>97</v>
      </c>
      <c r="C58" s="6">
        <v>95</v>
      </c>
      <c r="D58" s="5">
        <v>192</v>
      </c>
    </row>
    <row r="59" spans="1:4" ht="18" customHeight="1" x14ac:dyDescent="0.15">
      <c r="A59" s="8" t="s">
        <v>16</v>
      </c>
      <c r="B59" s="21">
        <v>473</v>
      </c>
      <c r="C59" s="6">
        <v>460</v>
      </c>
      <c r="D59" s="5">
        <v>933</v>
      </c>
    </row>
    <row r="60" spans="1:4" ht="18" customHeight="1" x14ac:dyDescent="0.15">
      <c r="A60" s="8">
        <v>45</v>
      </c>
      <c r="B60" s="21">
        <v>99</v>
      </c>
      <c r="C60" s="6">
        <v>100</v>
      </c>
      <c r="D60" s="5">
        <v>199</v>
      </c>
    </row>
    <row r="61" spans="1:4" ht="18" customHeight="1" x14ac:dyDescent="0.15">
      <c r="A61" s="8">
        <v>46</v>
      </c>
      <c r="B61" s="21">
        <v>106</v>
      </c>
      <c r="C61" s="6">
        <v>88</v>
      </c>
      <c r="D61" s="5">
        <v>194</v>
      </c>
    </row>
    <row r="62" spans="1:4" ht="18" customHeight="1" x14ac:dyDescent="0.15">
      <c r="A62" s="8">
        <v>47</v>
      </c>
      <c r="B62" s="21">
        <v>107</v>
      </c>
      <c r="C62" s="6">
        <v>101</v>
      </c>
      <c r="D62" s="5">
        <v>208</v>
      </c>
    </row>
    <row r="63" spans="1:4" ht="18" customHeight="1" x14ac:dyDescent="0.15">
      <c r="A63" s="8">
        <v>48</v>
      </c>
      <c r="B63" s="21">
        <v>103</v>
      </c>
      <c r="C63" s="6">
        <v>81</v>
      </c>
      <c r="D63" s="5">
        <v>184</v>
      </c>
    </row>
    <row r="64" spans="1:4" ht="18" customHeight="1" x14ac:dyDescent="0.15">
      <c r="A64" s="8">
        <v>49</v>
      </c>
      <c r="B64" s="21">
        <v>119</v>
      </c>
      <c r="C64" s="6">
        <v>109</v>
      </c>
      <c r="D64" s="5">
        <v>228</v>
      </c>
    </row>
    <row r="65" spans="1:4" ht="18" customHeight="1" x14ac:dyDescent="0.15">
      <c r="A65" s="8" t="s">
        <v>15</v>
      </c>
      <c r="B65" s="21">
        <v>534</v>
      </c>
      <c r="C65" s="6">
        <v>479</v>
      </c>
      <c r="D65" s="5">
        <v>1013</v>
      </c>
    </row>
    <row r="66" spans="1:4" ht="18" customHeight="1" x14ac:dyDescent="0.15">
      <c r="A66" s="8">
        <v>50</v>
      </c>
      <c r="B66" s="21">
        <v>120</v>
      </c>
      <c r="C66" s="6">
        <v>135</v>
      </c>
      <c r="D66" s="5">
        <v>255</v>
      </c>
    </row>
    <row r="67" spans="1:4" ht="18" customHeight="1" x14ac:dyDescent="0.15">
      <c r="A67" s="8">
        <v>51</v>
      </c>
      <c r="B67" s="21">
        <v>122</v>
      </c>
      <c r="C67" s="6">
        <v>134</v>
      </c>
      <c r="D67" s="5">
        <v>256</v>
      </c>
    </row>
    <row r="68" spans="1:4" ht="18" customHeight="1" x14ac:dyDescent="0.15">
      <c r="A68" s="8">
        <v>52</v>
      </c>
      <c r="B68" s="21">
        <v>114</v>
      </c>
      <c r="C68" s="6">
        <v>111</v>
      </c>
      <c r="D68" s="5">
        <v>225</v>
      </c>
    </row>
    <row r="69" spans="1:4" ht="18" customHeight="1" x14ac:dyDescent="0.15">
      <c r="A69" s="8">
        <v>53</v>
      </c>
      <c r="B69" s="21">
        <v>124</v>
      </c>
      <c r="C69" s="6">
        <v>121</v>
      </c>
      <c r="D69" s="5">
        <v>245</v>
      </c>
    </row>
    <row r="70" spans="1:4" ht="18" customHeight="1" x14ac:dyDescent="0.15">
      <c r="A70" s="8">
        <v>54</v>
      </c>
      <c r="B70" s="21">
        <v>117</v>
      </c>
      <c r="C70" s="6">
        <v>113</v>
      </c>
      <c r="D70" s="5">
        <v>230</v>
      </c>
    </row>
    <row r="71" spans="1:4" ht="18" customHeight="1" x14ac:dyDescent="0.15">
      <c r="A71" s="8" t="s">
        <v>14</v>
      </c>
      <c r="B71" s="21">
        <v>597</v>
      </c>
      <c r="C71" s="6">
        <v>614</v>
      </c>
      <c r="D71" s="5">
        <v>1211</v>
      </c>
    </row>
    <row r="72" spans="1:4" ht="18" customHeight="1" x14ac:dyDescent="0.15">
      <c r="A72" s="8">
        <v>55</v>
      </c>
      <c r="B72" s="21">
        <v>117</v>
      </c>
      <c r="C72" s="6">
        <v>93</v>
      </c>
      <c r="D72" s="5">
        <v>210</v>
      </c>
    </row>
    <row r="73" spans="1:4" ht="18" customHeight="1" x14ac:dyDescent="0.15">
      <c r="A73" s="8">
        <v>56</v>
      </c>
      <c r="B73" s="21">
        <v>110</v>
      </c>
      <c r="C73" s="6">
        <v>107</v>
      </c>
      <c r="D73" s="5">
        <v>217</v>
      </c>
    </row>
    <row r="74" spans="1:4" ht="18" customHeight="1" x14ac:dyDescent="0.15">
      <c r="A74" s="8">
        <v>57</v>
      </c>
      <c r="B74" s="21">
        <v>113</v>
      </c>
      <c r="C74" s="6">
        <v>117</v>
      </c>
      <c r="D74" s="5">
        <v>230</v>
      </c>
    </row>
    <row r="75" spans="1:4" ht="18" customHeight="1" x14ac:dyDescent="0.15">
      <c r="A75" s="8">
        <v>58</v>
      </c>
      <c r="B75" s="21">
        <v>114</v>
      </c>
      <c r="C75" s="6">
        <v>111</v>
      </c>
      <c r="D75" s="5">
        <v>225</v>
      </c>
    </row>
    <row r="76" spans="1:4" ht="18" customHeight="1" x14ac:dyDescent="0.15">
      <c r="A76" s="8">
        <v>59</v>
      </c>
      <c r="B76" s="21">
        <v>86</v>
      </c>
      <c r="C76" s="6">
        <v>75</v>
      </c>
      <c r="D76" s="5">
        <v>161</v>
      </c>
    </row>
    <row r="77" spans="1:4" ht="18" customHeight="1" x14ac:dyDescent="0.15">
      <c r="A77" s="8" t="s">
        <v>13</v>
      </c>
      <c r="B77" s="21">
        <v>540</v>
      </c>
      <c r="C77" s="6">
        <v>503</v>
      </c>
      <c r="D77" s="5">
        <v>1043</v>
      </c>
    </row>
    <row r="78" spans="1:4" ht="18" customHeight="1" x14ac:dyDescent="0.15">
      <c r="A78" s="8">
        <v>60</v>
      </c>
      <c r="B78" s="21">
        <v>101</v>
      </c>
      <c r="C78" s="6">
        <v>112</v>
      </c>
      <c r="D78" s="5">
        <v>213</v>
      </c>
    </row>
    <row r="79" spans="1:4" ht="18" customHeight="1" x14ac:dyDescent="0.15">
      <c r="A79" s="8">
        <v>61</v>
      </c>
      <c r="B79" s="21">
        <v>96</v>
      </c>
      <c r="C79" s="6">
        <v>93</v>
      </c>
      <c r="D79" s="5">
        <v>189</v>
      </c>
    </row>
    <row r="80" spans="1:4" ht="18" customHeight="1" x14ac:dyDescent="0.15">
      <c r="A80" s="8">
        <v>62</v>
      </c>
      <c r="B80" s="21">
        <v>96</v>
      </c>
      <c r="C80" s="6">
        <v>103</v>
      </c>
      <c r="D80" s="5">
        <v>199</v>
      </c>
    </row>
    <row r="81" spans="1:4" ht="18" customHeight="1" x14ac:dyDescent="0.15">
      <c r="A81" s="8">
        <v>63</v>
      </c>
      <c r="B81" s="21">
        <v>101</v>
      </c>
      <c r="C81" s="6">
        <v>105</v>
      </c>
      <c r="D81" s="5">
        <v>206</v>
      </c>
    </row>
    <row r="82" spans="1:4" ht="18" customHeight="1" x14ac:dyDescent="0.15">
      <c r="A82" s="8">
        <v>64</v>
      </c>
      <c r="B82" s="21">
        <v>86</v>
      </c>
      <c r="C82" s="6">
        <v>89</v>
      </c>
      <c r="D82" s="5">
        <v>175</v>
      </c>
    </row>
    <row r="83" spans="1:4" ht="18" customHeight="1" x14ac:dyDescent="0.15">
      <c r="A83" s="8" t="s">
        <v>12</v>
      </c>
      <c r="B83" s="21">
        <v>480</v>
      </c>
      <c r="C83" s="6">
        <v>502</v>
      </c>
      <c r="D83" s="5">
        <v>982</v>
      </c>
    </row>
    <row r="84" spans="1:4" ht="18" customHeight="1" x14ac:dyDescent="0.15">
      <c r="A84" s="8" t="s">
        <v>11</v>
      </c>
      <c r="B84" s="21">
        <v>4515</v>
      </c>
      <c r="C84" s="6">
        <v>4335</v>
      </c>
      <c r="D84" s="5">
        <v>8850</v>
      </c>
    </row>
    <row r="85" spans="1:4" ht="18" customHeight="1" x14ac:dyDescent="0.15">
      <c r="A85" s="8">
        <v>65</v>
      </c>
      <c r="B85" s="21">
        <v>97</v>
      </c>
      <c r="C85" s="6">
        <v>91</v>
      </c>
      <c r="D85" s="5">
        <v>188</v>
      </c>
    </row>
    <row r="86" spans="1:4" ht="18" customHeight="1" x14ac:dyDescent="0.15">
      <c r="A86" s="8">
        <v>66</v>
      </c>
      <c r="B86" s="21">
        <v>83</v>
      </c>
      <c r="C86" s="6">
        <v>85</v>
      </c>
      <c r="D86" s="5">
        <v>168</v>
      </c>
    </row>
    <row r="87" spans="1:4" ht="18" customHeight="1" x14ac:dyDescent="0.15">
      <c r="A87" s="8">
        <v>67</v>
      </c>
      <c r="B87" s="21">
        <v>76</v>
      </c>
      <c r="C87" s="6">
        <v>83</v>
      </c>
      <c r="D87" s="5">
        <v>159</v>
      </c>
    </row>
    <row r="88" spans="1:4" ht="18" customHeight="1" x14ac:dyDescent="0.15">
      <c r="A88" s="8">
        <v>68</v>
      </c>
      <c r="B88" s="21">
        <v>82</v>
      </c>
      <c r="C88" s="6">
        <v>84</v>
      </c>
      <c r="D88" s="5">
        <v>166</v>
      </c>
    </row>
    <row r="89" spans="1:4" ht="18" customHeight="1" x14ac:dyDescent="0.15">
      <c r="A89" s="8">
        <v>69</v>
      </c>
      <c r="B89" s="21">
        <v>81</v>
      </c>
      <c r="C89" s="6">
        <v>89</v>
      </c>
      <c r="D89" s="5">
        <v>170</v>
      </c>
    </row>
    <row r="90" spans="1:4" ht="18" customHeight="1" x14ac:dyDescent="0.15">
      <c r="A90" s="8" t="s">
        <v>10</v>
      </c>
      <c r="B90" s="21">
        <v>419</v>
      </c>
      <c r="C90" s="6">
        <v>432</v>
      </c>
      <c r="D90" s="5">
        <v>851</v>
      </c>
    </row>
    <row r="91" spans="1:4" ht="18" customHeight="1" x14ac:dyDescent="0.15">
      <c r="A91" s="8">
        <v>70</v>
      </c>
      <c r="B91" s="21">
        <v>87</v>
      </c>
      <c r="C91" s="6">
        <v>98</v>
      </c>
      <c r="D91" s="5">
        <v>185</v>
      </c>
    </row>
    <row r="92" spans="1:4" ht="18" customHeight="1" x14ac:dyDescent="0.15">
      <c r="A92" s="8">
        <v>71</v>
      </c>
      <c r="B92" s="21">
        <v>79</v>
      </c>
      <c r="C92" s="6">
        <v>90</v>
      </c>
      <c r="D92" s="5">
        <v>169</v>
      </c>
    </row>
    <row r="93" spans="1:4" ht="18" customHeight="1" x14ac:dyDescent="0.15">
      <c r="A93" s="8">
        <v>72</v>
      </c>
      <c r="B93" s="21">
        <v>99</v>
      </c>
      <c r="C93" s="6">
        <v>110</v>
      </c>
      <c r="D93" s="5">
        <v>209</v>
      </c>
    </row>
    <row r="94" spans="1:4" ht="18" customHeight="1" x14ac:dyDescent="0.15">
      <c r="A94" s="8">
        <v>73</v>
      </c>
      <c r="B94" s="21">
        <v>97</v>
      </c>
      <c r="C94" s="6">
        <v>111</v>
      </c>
      <c r="D94" s="5">
        <v>208</v>
      </c>
    </row>
    <row r="95" spans="1:4" ht="18" customHeight="1" x14ac:dyDescent="0.15">
      <c r="A95" s="8">
        <v>74</v>
      </c>
      <c r="B95" s="21">
        <v>80</v>
      </c>
      <c r="C95" s="6">
        <v>111</v>
      </c>
      <c r="D95" s="5">
        <v>191</v>
      </c>
    </row>
    <row r="96" spans="1:4" ht="18" customHeight="1" x14ac:dyDescent="0.15">
      <c r="A96" s="8" t="s">
        <v>9</v>
      </c>
      <c r="B96" s="21">
        <v>442</v>
      </c>
      <c r="C96" s="6">
        <v>520</v>
      </c>
      <c r="D96" s="5">
        <v>962</v>
      </c>
    </row>
    <row r="97" spans="1:4" ht="18" customHeight="1" x14ac:dyDescent="0.15">
      <c r="A97" s="8">
        <v>75</v>
      </c>
      <c r="B97" s="21">
        <v>98</v>
      </c>
      <c r="C97" s="6">
        <v>137</v>
      </c>
      <c r="D97" s="5">
        <v>235</v>
      </c>
    </row>
    <row r="98" spans="1:4" ht="18" customHeight="1" x14ac:dyDescent="0.15">
      <c r="A98" s="8">
        <v>76</v>
      </c>
      <c r="B98" s="21">
        <v>117</v>
      </c>
      <c r="C98" s="6">
        <v>129</v>
      </c>
      <c r="D98" s="5">
        <v>246</v>
      </c>
    </row>
    <row r="99" spans="1:4" ht="18" customHeight="1" x14ac:dyDescent="0.15">
      <c r="A99" s="8">
        <v>77</v>
      </c>
      <c r="B99" s="21">
        <v>117</v>
      </c>
      <c r="C99" s="6">
        <v>133</v>
      </c>
      <c r="D99" s="5">
        <v>250</v>
      </c>
    </row>
    <row r="100" spans="1:4" ht="18" customHeight="1" x14ac:dyDescent="0.15">
      <c r="A100" s="8">
        <v>78</v>
      </c>
      <c r="B100" s="21">
        <v>108</v>
      </c>
      <c r="C100" s="6">
        <v>130</v>
      </c>
      <c r="D100" s="5">
        <v>238</v>
      </c>
    </row>
    <row r="101" spans="1:4" ht="18" customHeight="1" x14ac:dyDescent="0.15">
      <c r="A101" s="8">
        <v>79</v>
      </c>
      <c r="B101" s="21">
        <v>67</v>
      </c>
      <c r="C101" s="6">
        <v>90</v>
      </c>
      <c r="D101" s="5">
        <v>157</v>
      </c>
    </row>
    <row r="102" spans="1:4" ht="18" customHeight="1" x14ac:dyDescent="0.15">
      <c r="A102" s="8" t="s">
        <v>8</v>
      </c>
      <c r="B102" s="21">
        <v>507</v>
      </c>
      <c r="C102" s="6">
        <v>619</v>
      </c>
      <c r="D102" s="5">
        <v>1126</v>
      </c>
    </row>
    <row r="103" spans="1:4" ht="18" customHeight="1" x14ac:dyDescent="0.15">
      <c r="A103" s="8">
        <v>80</v>
      </c>
      <c r="B103" s="21">
        <v>50</v>
      </c>
      <c r="C103" s="6">
        <v>78</v>
      </c>
      <c r="D103" s="5">
        <v>128</v>
      </c>
    </row>
    <row r="104" spans="1:4" ht="18" customHeight="1" x14ac:dyDescent="0.15">
      <c r="A104" s="8">
        <v>81</v>
      </c>
      <c r="B104" s="21">
        <v>73</v>
      </c>
      <c r="C104" s="6">
        <v>99</v>
      </c>
      <c r="D104" s="5">
        <v>172</v>
      </c>
    </row>
    <row r="105" spans="1:4" ht="18" customHeight="1" x14ac:dyDescent="0.15">
      <c r="A105" s="8">
        <v>82</v>
      </c>
      <c r="B105" s="21">
        <v>67</v>
      </c>
      <c r="C105" s="6">
        <v>98</v>
      </c>
      <c r="D105" s="5">
        <v>165</v>
      </c>
    </row>
    <row r="106" spans="1:4" ht="18" customHeight="1" x14ac:dyDescent="0.15">
      <c r="A106" s="8">
        <v>83</v>
      </c>
      <c r="B106" s="21">
        <v>62</v>
      </c>
      <c r="C106" s="6">
        <v>88</v>
      </c>
      <c r="D106" s="5">
        <v>150</v>
      </c>
    </row>
    <row r="107" spans="1:4" ht="18" customHeight="1" x14ac:dyDescent="0.15">
      <c r="A107" s="8">
        <v>84</v>
      </c>
      <c r="B107" s="21">
        <v>54</v>
      </c>
      <c r="C107" s="6">
        <v>65</v>
      </c>
      <c r="D107" s="5">
        <v>119</v>
      </c>
    </row>
    <row r="108" spans="1:4" ht="18" customHeight="1" x14ac:dyDescent="0.15">
      <c r="A108" s="8" t="s">
        <v>7</v>
      </c>
      <c r="B108" s="21">
        <v>306</v>
      </c>
      <c r="C108" s="6">
        <v>428</v>
      </c>
      <c r="D108" s="5">
        <v>734</v>
      </c>
    </row>
    <row r="109" spans="1:4" ht="18" customHeight="1" x14ac:dyDescent="0.15">
      <c r="A109" s="8">
        <v>85</v>
      </c>
      <c r="B109" s="21">
        <v>47</v>
      </c>
      <c r="C109" s="6">
        <v>67</v>
      </c>
      <c r="D109" s="5">
        <v>114</v>
      </c>
    </row>
    <row r="110" spans="1:4" ht="18" customHeight="1" x14ac:dyDescent="0.15">
      <c r="A110" s="8">
        <v>86</v>
      </c>
      <c r="B110" s="21">
        <v>46</v>
      </c>
      <c r="C110" s="6">
        <v>64</v>
      </c>
      <c r="D110" s="5">
        <v>110</v>
      </c>
    </row>
    <row r="111" spans="1:4" ht="18" customHeight="1" x14ac:dyDescent="0.15">
      <c r="A111" s="8">
        <v>87</v>
      </c>
      <c r="B111" s="21">
        <v>34</v>
      </c>
      <c r="C111" s="6">
        <v>59</v>
      </c>
      <c r="D111" s="5">
        <v>93</v>
      </c>
    </row>
    <row r="112" spans="1:4" ht="18" customHeight="1" x14ac:dyDescent="0.15">
      <c r="A112" s="8">
        <v>88</v>
      </c>
      <c r="B112" s="21">
        <v>29</v>
      </c>
      <c r="C112" s="6">
        <v>59</v>
      </c>
      <c r="D112" s="5">
        <v>88</v>
      </c>
    </row>
    <row r="113" spans="1:4" ht="18" customHeight="1" x14ac:dyDescent="0.15">
      <c r="A113" s="8">
        <v>89</v>
      </c>
      <c r="B113" s="21">
        <v>31</v>
      </c>
      <c r="C113" s="6">
        <v>53</v>
      </c>
      <c r="D113" s="5">
        <v>84</v>
      </c>
    </row>
    <row r="114" spans="1:4" ht="18" customHeight="1" x14ac:dyDescent="0.15">
      <c r="A114" s="8" t="s">
        <v>6</v>
      </c>
      <c r="B114" s="21">
        <v>187</v>
      </c>
      <c r="C114" s="6">
        <v>302</v>
      </c>
      <c r="D114" s="5">
        <v>489</v>
      </c>
    </row>
    <row r="115" spans="1:4" ht="18" customHeight="1" x14ac:dyDescent="0.15">
      <c r="A115" s="8">
        <v>90</v>
      </c>
      <c r="B115" s="21">
        <v>23</v>
      </c>
      <c r="C115" s="6">
        <v>38</v>
      </c>
      <c r="D115" s="5">
        <v>61</v>
      </c>
    </row>
    <row r="116" spans="1:4" ht="18" customHeight="1" x14ac:dyDescent="0.15">
      <c r="A116" s="8">
        <v>91</v>
      </c>
      <c r="B116" s="21">
        <v>13</v>
      </c>
      <c r="C116" s="6">
        <v>37</v>
      </c>
      <c r="D116" s="5">
        <v>50</v>
      </c>
    </row>
    <row r="117" spans="1:4" ht="18" customHeight="1" x14ac:dyDescent="0.15">
      <c r="A117" s="8">
        <v>92</v>
      </c>
      <c r="B117" s="21">
        <v>10</v>
      </c>
      <c r="C117" s="6">
        <v>34</v>
      </c>
      <c r="D117" s="5">
        <v>44</v>
      </c>
    </row>
    <row r="118" spans="1:4" ht="18" customHeight="1" x14ac:dyDescent="0.15">
      <c r="A118" s="8">
        <v>93</v>
      </c>
      <c r="B118" s="21">
        <v>6</v>
      </c>
      <c r="C118" s="6">
        <v>26</v>
      </c>
      <c r="D118" s="5">
        <v>32</v>
      </c>
    </row>
    <row r="119" spans="1:4" ht="18" customHeight="1" x14ac:dyDescent="0.15">
      <c r="A119" s="8">
        <v>94</v>
      </c>
      <c r="B119" s="21">
        <v>6</v>
      </c>
      <c r="C119" s="6">
        <v>24</v>
      </c>
      <c r="D119" s="5">
        <v>30</v>
      </c>
    </row>
    <row r="120" spans="1:4" ht="18" customHeight="1" x14ac:dyDescent="0.15">
      <c r="A120" s="8" t="s">
        <v>5</v>
      </c>
      <c r="B120" s="21">
        <v>58</v>
      </c>
      <c r="C120" s="6">
        <v>159</v>
      </c>
      <c r="D120" s="5">
        <v>217</v>
      </c>
    </row>
    <row r="121" spans="1:4" ht="18" customHeight="1" x14ac:dyDescent="0.15">
      <c r="A121" s="8">
        <v>95</v>
      </c>
      <c r="B121" s="21">
        <v>3</v>
      </c>
      <c r="C121" s="6">
        <v>14</v>
      </c>
      <c r="D121" s="5">
        <v>17</v>
      </c>
    </row>
    <row r="122" spans="1:4" ht="18" customHeight="1" x14ac:dyDescent="0.15">
      <c r="A122" s="8">
        <v>96</v>
      </c>
      <c r="B122" s="21">
        <v>4</v>
      </c>
      <c r="C122" s="6">
        <v>15</v>
      </c>
      <c r="D122" s="5">
        <v>19</v>
      </c>
    </row>
    <row r="123" spans="1:4" ht="18" customHeight="1" x14ac:dyDescent="0.15">
      <c r="A123" s="8">
        <v>97</v>
      </c>
      <c r="B123" s="21">
        <v>4</v>
      </c>
      <c r="C123" s="6">
        <v>13</v>
      </c>
      <c r="D123" s="5">
        <v>17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2</v>
      </c>
      <c r="C126" s="6">
        <v>50</v>
      </c>
      <c r="D126" s="5">
        <v>6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1932</v>
      </c>
      <c r="C130" s="6">
        <v>2518</v>
      </c>
      <c r="D130" s="5">
        <v>4450</v>
      </c>
    </row>
    <row r="131" spans="1:4" ht="18" customHeight="1" x14ac:dyDescent="0.15">
      <c r="A131" s="4" t="s">
        <v>0</v>
      </c>
      <c r="B131" s="20">
        <v>7409</v>
      </c>
      <c r="C131" s="2">
        <v>7759</v>
      </c>
      <c r="D131" s="1">
        <v>151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888A22-3967-4CF0-86DC-393F7703D8D4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3</v>
      </c>
      <c r="C5" s="11">
        <v>51</v>
      </c>
      <c r="D5" s="10">
        <v>94</v>
      </c>
    </row>
    <row r="6" spans="1:4" ht="18" customHeight="1" x14ac:dyDescent="0.15">
      <c r="A6" s="8">
        <v>1</v>
      </c>
      <c r="B6" s="21">
        <v>43</v>
      </c>
      <c r="C6" s="6">
        <v>41</v>
      </c>
      <c r="D6" s="5">
        <v>84</v>
      </c>
    </row>
    <row r="7" spans="1:4" ht="18" customHeight="1" x14ac:dyDescent="0.15">
      <c r="A7" s="8">
        <v>2</v>
      </c>
      <c r="B7" s="21">
        <v>54</v>
      </c>
      <c r="C7" s="6">
        <v>41</v>
      </c>
      <c r="D7" s="5">
        <v>95</v>
      </c>
    </row>
    <row r="8" spans="1:4" ht="18" customHeight="1" x14ac:dyDescent="0.15">
      <c r="A8" s="8">
        <v>3</v>
      </c>
      <c r="B8" s="21">
        <v>56</v>
      </c>
      <c r="C8" s="6">
        <v>47</v>
      </c>
      <c r="D8" s="5">
        <v>103</v>
      </c>
    </row>
    <row r="9" spans="1:4" ht="18" customHeight="1" x14ac:dyDescent="0.15">
      <c r="A9" s="8">
        <v>4</v>
      </c>
      <c r="B9" s="21">
        <v>42</v>
      </c>
      <c r="C9" s="6">
        <v>45</v>
      </c>
      <c r="D9" s="5">
        <v>87</v>
      </c>
    </row>
    <row r="10" spans="1:4" ht="18" customHeight="1" x14ac:dyDescent="0.15">
      <c r="A10" s="8" t="s">
        <v>25</v>
      </c>
      <c r="B10" s="21">
        <v>238</v>
      </c>
      <c r="C10" s="6">
        <v>225</v>
      </c>
      <c r="D10" s="5">
        <v>463</v>
      </c>
    </row>
    <row r="11" spans="1:4" ht="18" customHeight="1" x14ac:dyDescent="0.15">
      <c r="A11" s="8">
        <v>5</v>
      </c>
      <c r="B11" s="21">
        <v>41</v>
      </c>
      <c r="C11" s="6">
        <v>46</v>
      </c>
      <c r="D11" s="5">
        <v>87</v>
      </c>
    </row>
    <row r="12" spans="1:4" ht="18" customHeight="1" x14ac:dyDescent="0.15">
      <c r="A12" s="8">
        <v>6</v>
      </c>
      <c r="B12" s="21">
        <v>34</v>
      </c>
      <c r="C12" s="6">
        <v>43</v>
      </c>
      <c r="D12" s="5">
        <v>77</v>
      </c>
    </row>
    <row r="13" spans="1:4" ht="18" customHeight="1" x14ac:dyDescent="0.15">
      <c r="A13" s="8">
        <v>7</v>
      </c>
      <c r="B13" s="21">
        <v>27</v>
      </c>
      <c r="C13" s="6">
        <v>41</v>
      </c>
      <c r="D13" s="5">
        <v>68</v>
      </c>
    </row>
    <row r="14" spans="1:4" ht="18" customHeight="1" x14ac:dyDescent="0.15">
      <c r="A14" s="8">
        <v>8</v>
      </c>
      <c r="B14" s="21">
        <v>44</v>
      </c>
      <c r="C14" s="6">
        <v>38</v>
      </c>
      <c r="D14" s="5">
        <v>82</v>
      </c>
    </row>
    <row r="15" spans="1:4" ht="18" customHeight="1" x14ac:dyDescent="0.15">
      <c r="A15" s="8">
        <v>9</v>
      </c>
      <c r="B15" s="21">
        <v>37</v>
      </c>
      <c r="C15" s="6">
        <v>36</v>
      </c>
      <c r="D15" s="5">
        <v>73</v>
      </c>
    </row>
    <row r="16" spans="1:4" ht="18" customHeight="1" x14ac:dyDescent="0.15">
      <c r="A16" s="8" t="s">
        <v>24</v>
      </c>
      <c r="B16" s="21">
        <v>183</v>
      </c>
      <c r="C16" s="6">
        <v>204</v>
      </c>
      <c r="D16" s="5">
        <v>387</v>
      </c>
    </row>
    <row r="17" spans="1:4" ht="18" customHeight="1" x14ac:dyDescent="0.15">
      <c r="A17" s="8">
        <v>10</v>
      </c>
      <c r="B17" s="21">
        <v>29</v>
      </c>
      <c r="C17" s="6">
        <v>29</v>
      </c>
      <c r="D17" s="5">
        <v>58</v>
      </c>
    </row>
    <row r="18" spans="1:4" ht="18" customHeight="1" x14ac:dyDescent="0.15">
      <c r="A18" s="8">
        <v>11</v>
      </c>
      <c r="B18" s="21">
        <v>32</v>
      </c>
      <c r="C18" s="6">
        <v>30</v>
      </c>
      <c r="D18" s="5">
        <v>62</v>
      </c>
    </row>
    <row r="19" spans="1:4" ht="18" customHeight="1" x14ac:dyDescent="0.15">
      <c r="A19" s="8">
        <v>12</v>
      </c>
      <c r="B19" s="21">
        <v>31</v>
      </c>
      <c r="C19" s="6">
        <v>22</v>
      </c>
      <c r="D19" s="5">
        <v>53</v>
      </c>
    </row>
    <row r="20" spans="1:4" ht="18" customHeight="1" x14ac:dyDescent="0.15">
      <c r="A20" s="8">
        <v>13</v>
      </c>
      <c r="B20" s="21">
        <v>32</v>
      </c>
      <c r="C20" s="6">
        <v>41</v>
      </c>
      <c r="D20" s="5">
        <v>73</v>
      </c>
    </row>
    <row r="21" spans="1:4" ht="18" customHeight="1" x14ac:dyDescent="0.15">
      <c r="A21" s="8">
        <v>14</v>
      </c>
      <c r="B21" s="21">
        <v>29</v>
      </c>
      <c r="C21" s="6">
        <v>30</v>
      </c>
      <c r="D21" s="5">
        <v>59</v>
      </c>
    </row>
    <row r="22" spans="1:4" ht="18" customHeight="1" x14ac:dyDescent="0.15">
      <c r="A22" s="8" t="s">
        <v>23</v>
      </c>
      <c r="B22" s="21">
        <v>153</v>
      </c>
      <c r="C22" s="6">
        <v>152</v>
      </c>
      <c r="D22" s="5">
        <v>305</v>
      </c>
    </row>
    <row r="23" spans="1:4" ht="18" customHeight="1" x14ac:dyDescent="0.15">
      <c r="A23" s="8" t="s">
        <v>22</v>
      </c>
      <c r="B23" s="21">
        <v>574</v>
      </c>
      <c r="C23" s="6">
        <v>581</v>
      </c>
      <c r="D23" s="5">
        <v>1155</v>
      </c>
    </row>
    <row r="24" spans="1:4" ht="18" customHeight="1" x14ac:dyDescent="0.15">
      <c r="A24" s="8">
        <v>15</v>
      </c>
      <c r="B24" s="21">
        <v>34</v>
      </c>
      <c r="C24" s="6">
        <v>24</v>
      </c>
      <c r="D24" s="5">
        <v>58</v>
      </c>
    </row>
    <row r="25" spans="1:4" ht="18" customHeight="1" x14ac:dyDescent="0.15">
      <c r="A25" s="8">
        <v>16</v>
      </c>
      <c r="B25" s="21">
        <v>33</v>
      </c>
      <c r="C25" s="6">
        <v>32</v>
      </c>
      <c r="D25" s="5">
        <v>65</v>
      </c>
    </row>
    <row r="26" spans="1:4" ht="18" customHeight="1" x14ac:dyDescent="0.15">
      <c r="A26" s="8">
        <v>17</v>
      </c>
      <c r="B26" s="21">
        <v>48</v>
      </c>
      <c r="C26" s="6">
        <v>40</v>
      </c>
      <c r="D26" s="5">
        <v>88</v>
      </c>
    </row>
    <row r="27" spans="1:4" ht="18" customHeight="1" x14ac:dyDescent="0.15">
      <c r="A27" s="8">
        <v>18</v>
      </c>
      <c r="B27" s="21">
        <v>34</v>
      </c>
      <c r="C27" s="6">
        <v>43</v>
      </c>
      <c r="D27" s="5">
        <v>77</v>
      </c>
    </row>
    <row r="28" spans="1:4" ht="18" customHeight="1" x14ac:dyDescent="0.15">
      <c r="A28" s="8">
        <v>19</v>
      </c>
      <c r="B28" s="21">
        <v>30</v>
      </c>
      <c r="C28" s="6">
        <v>38</v>
      </c>
      <c r="D28" s="5">
        <v>68</v>
      </c>
    </row>
    <row r="29" spans="1:4" ht="18" customHeight="1" x14ac:dyDescent="0.15">
      <c r="A29" s="8" t="s">
        <v>21</v>
      </c>
      <c r="B29" s="21">
        <v>179</v>
      </c>
      <c r="C29" s="6">
        <v>177</v>
      </c>
      <c r="D29" s="5">
        <v>356</v>
      </c>
    </row>
    <row r="30" spans="1:4" ht="18" customHeight="1" x14ac:dyDescent="0.15">
      <c r="A30" s="8">
        <v>20</v>
      </c>
      <c r="B30" s="21">
        <v>41</v>
      </c>
      <c r="C30" s="6">
        <v>36</v>
      </c>
      <c r="D30" s="5">
        <v>77</v>
      </c>
    </row>
    <row r="31" spans="1:4" ht="18" customHeight="1" x14ac:dyDescent="0.15">
      <c r="A31" s="8">
        <v>21</v>
      </c>
      <c r="B31" s="21">
        <v>37</v>
      </c>
      <c r="C31" s="6">
        <v>38</v>
      </c>
      <c r="D31" s="5">
        <v>75</v>
      </c>
    </row>
    <row r="32" spans="1:4" ht="18" customHeight="1" x14ac:dyDescent="0.15">
      <c r="A32" s="8">
        <v>22</v>
      </c>
      <c r="B32" s="21">
        <v>42</v>
      </c>
      <c r="C32" s="6">
        <v>36</v>
      </c>
      <c r="D32" s="5">
        <v>78</v>
      </c>
    </row>
    <row r="33" spans="1:4" ht="18" customHeight="1" x14ac:dyDescent="0.15">
      <c r="A33" s="8">
        <v>23</v>
      </c>
      <c r="B33" s="21">
        <v>42</v>
      </c>
      <c r="C33" s="6">
        <v>55</v>
      </c>
      <c r="D33" s="5">
        <v>97</v>
      </c>
    </row>
    <row r="34" spans="1:4" ht="18" customHeight="1" x14ac:dyDescent="0.15">
      <c r="A34" s="8">
        <v>24</v>
      </c>
      <c r="B34" s="21">
        <v>61</v>
      </c>
      <c r="C34" s="6">
        <v>33</v>
      </c>
      <c r="D34" s="5">
        <v>94</v>
      </c>
    </row>
    <row r="35" spans="1:4" ht="18" customHeight="1" x14ac:dyDescent="0.15">
      <c r="A35" s="8" t="s">
        <v>20</v>
      </c>
      <c r="B35" s="21">
        <v>223</v>
      </c>
      <c r="C35" s="6">
        <v>198</v>
      </c>
      <c r="D35" s="5">
        <v>421</v>
      </c>
    </row>
    <row r="36" spans="1:4" ht="18" customHeight="1" x14ac:dyDescent="0.15">
      <c r="A36" s="8">
        <v>25</v>
      </c>
      <c r="B36" s="21">
        <v>53</v>
      </c>
      <c r="C36" s="6">
        <v>54</v>
      </c>
      <c r="D36" s="5">
        <v>107</v>
      </c>
    </row>
    <row r="37" spans="1:4" ht="18" customHeight="1" x14ac:dyDescent="0.15">
      <c r="A37" s="8">
        <v>26</v>
      </c>
      <c r="B37" s="21">
        <v>61</v>
      </c>
      <c r="C37" s="6">
        <v>72</v>
      </c>
      <c r="D37" s="5">
        <v>133</v>
      </c>
    </row>
    <row r="38" spans="1:4" ht="18" customHeight="1" x14ac:dyDescent="0.15">
      <c r="A38" s="8">
        <v>27</v>
      </c>
      <c r="B38" s="21">
        <v>61</v>
      </c>
      <c r="C38" s="6">
        <v>55</v>
      </c>
      <c r="D38" s="5">
        <v>116</v>
      </c>
    </row>
    <row r="39" spans="1:4" ht="18" customHeight="1" x14ac:dyDescent="0.15">
      <c r="A39" s="8">
        <v>28</v>
      </c>
      <c r="B39" s="21">
        <v>64</v>
      </c>
      <c r="C39" s="6">
        <v>58</v>
      </c>
      <c r="D39" s="5">
        <v>122</v>
      </c>
    </row>
    <row r="40" spans="1:4" ht="18" customHeight="1" x14ac:dyDescent="0.15">
      <c r="A40" s="8">
        <v>29</v>
      </c>
      <c r="B40" s="21">
        <v>70</v>
      </c>
      <c r="C40" s="6">
        <v>69</v>
      </c>
      <c r="D40" s="5">
        <v>139</v>
      </c>
    </row>
    <row r="41" spans="1:4" ht="18" customHeight="1" x14ac:dyDescent="0.15">
      <c r="A41" s="8" t="s">
        <v>19</v>
      </c>
      <c r="B41" s="21">
        <v>309</v>
      </c>
      <c r="C41" s="6">
        <v>308</v>
      </c>
      <c r="D41" s="5">
        <v>617</v>
      </c>
    </row>
    <row r="42" spans="1:4" ht="18" customHeight="1" x14ac:dyDescent="0.15">
      <c r="A42" s="8">
        <v>30</v>
      </c>
      <c r="B42" s="21">
        <v>81</v>
      </c>
      <c r="C42" s="6">
        <v>68</v>
      </c>
      <c r="D42" s="5">
        <v>149</v>
      </c>
    </row>
    <row r="43" spans="1:4" ht="18" customHeight="1" x14ac:dyDescent="0.15">
      <c r="A43" s="8">
        <v>31</v>
      </c>
      <c r="B43" s="21">
        <v>86</v>
      </c>
      <c r="C43" s="6">
        <v>73</v>
      </c>
      <c r="D43" s="5">
        <v>159</v>
      </c>
    </row>
    <row r="44" spans="1:4" ht="18" customHeight="1" x14ac:dyDescent="0.15">
      <c r="A44" s="8">
        <v>32</v>
      </c>
      <c r="B44" s="21">
        <v>55</v>
      </c>
      <c r="C44" s="6">
        <v>71</v>
      </c>
      <c r="D44" s="5">
        <v>126</v>
      </c>
    </row>
    <row r="45" spans="1:4" ht="18" customHeight="1" x14ac:dyDescent="0.15">
      <c r="A45" s="8">
        <v>33</v>
      </c>
      <c r="B45" s="21">
        <v>69</v>
      </c>
      <c r="C45" s="6">
        <v>70</v>
      </c>
      <c r="D45" s="5">
        <v>139</v>
      </c>
    </row>
    <row r="46" spans="1:4" ht="18" customHeight="1" x14ac:dyDescent="0.15">
      <c r="A46" s="8">
        <v>34</v>
      </c>
      <c r="B46" s="21">
        <v>74</v>
      </c>
      <c r="C46" s="6">
        <v>74</v>
      </c>
      <c r="D46" s="5">
        <v>148</v>
      </c>
    </row>
    <row r="47" spans="1:4" ht="18" customHeight="1" x14ac:dyDescent="0.15">
      <c r="A47" s="8" t="s">
        <v>18</v>
      </c>
      <c r="B47" s="21">
        <v>365</v>
      </c>
      <c r="C47" s="6">
        <v>356</v>
      </c>
      <c r="D47" s="5">
        <v>721</v>
      </c>
    </row>
    <row r="48" spans="1:4" ht="18" customHeight="1" x14ac:dyDescent="0.15">
      <c r="A48" s="8">
        <v>35</v>
      </c>
      <c r="B48" s="21">
        <v>62</v>
      </c>
      <c r="C48" s="6">
        <v>54</v>
      </c>
      <c r="D48" s="5">
        <v>116</v>
      </c>
    </row>
    <row r="49" spans="1:4" ht="18" customHeight="1" x14ac:dyDescent="0.15">
      <c r="A49" s="8">
        <v>36</v>
      </c>
      <c r="B49" s="21">
        <v>67</v>
      </c>
      <c r="C49" s="6">
        <v>70</v>
      </c>
      <c r="D49" s="5">
        <v>137</v>
      </c>
    </row>
    <row r="50" spans="1:4" ht="18" customHeight="1" x14ac:dyDescent="0.15">
      <c r="A50" s="8">
        <v>37</v>
      </c>
      <c r="B50" s="21">
        <v>82</v>
      </c>
      <c r="C50" s="6">
        <v>53</v>
      </c>
      <c r="D50" s="5">
        <v>135</v>
      </c>
    </row>
    <row r="51" spans="1:4" ht="18" customHeight="1" x14ac:dyDescent="0.15">
      <c r="A51" s="8">
        <v>38</v>
      </c>
      <c r="B51" s="21">
        <v>59</v>
      </c>
      <c r="C51" s="6">
        <v>53</v>
      </c>
      <c r="D51" s="5">
        <v>112</v>
      </c>
    </row>
    <row r="52" spans="1:4" ht="18" customHeight="1" x14ac:dyDescent="0.15">
      <c r="A52" s="8">
        <v>39</v>
      </c>
      <c r="B52" s="21">
        <v>65</v>
      </c>
      <c r="C52" s="6">
        <v>58</v>
      </c>
      <c r="D52" s="5">
        <v>123</v>
      </c>
    </row>
    <row r="53" spans="1:4" ht="18" customHeight="1" x14ac:dyDescent="0.15">
      <c r="A53" s="8" t="s">
        <v>17</v>
      </c>
      <c r="B53" s="21">
        <v>335</v>
      </c>
      <c r="C53" s="6">
        <v>288</v>
      </c>
      <c r="D53" s="5">
        <v>623</v>
      </c>
    </row>
    <row r="54" spans="1:4" ht="18" customHeight="1" x14ac:dyDescent="0.15">
      <c r="A54" s="8">
        <v>40</v>
      </c>
      <c r="B54" s="21">
        <v>59</v>
      </c>
      <c r="C54" s="6">
        <v>58</v>
      </c>
      <c r="D54" s="5">
        <v>117</v>
      </c>
    </row>
    <row r="55" spans="1:4" ht="18" customHeight="1" x14ac:dyDescent="0.15">
      <c r="A55" s="8">
        <v>41</v>
      </c>
      <c r="B55" s="21">
        <v>69</v>
      </c>
      <c r="C55" s="6">
        <v>59</v>
      </c>
      <c r="D55" s="5">
        <v>128</v>
      </c>
    </row>
    <row r="56" spans="1:4" ht="18" customHeight="1" x14ac:dyDescent="0.15">
      <c r="A56" s="8">
        <v>42</v>
      </c>
      <c r="B56" s="21">
        <v>69</v>
      </c>
      <c r="C56" s="6">
        <v>59</v>
      </c>
      <c r="D56" s="5">
        <v>128</v>
      </c>
    </row>
    <row r="57" spans="1:4" ht="18" customHeight="1" x14ac:dyDescent="0.15">
      <c r="A57" s="8">
        <v>43</v>
      </c>
      <c r="B57" s="21">
        <v>54</v>
      </c>
      <c r="C57" s="6">
        <v>68</v>
      </c>
      <c r="D57" s="5">
        <v>122</v>
      </c>
    </row>
    <row r="58" spans="1:4" ht="18" customHeight="1" x14ac:dyDescent="0.15">
      <c r="A58" s="8">
        <v>44</v>
      </c>
      <c r="B58" s="21">
        <v>64</v>
      </c>
      <c r="C58" s="6">
        <v>49</v>
      </c>
      <c r="D58" s="5">
        <v>113</v>
      </c>
    </row>
    <row r="59" spans="1:4" ht="18" customHeight="1" x14ac:dyDescent="0.15">
      <c r="A59" s="8" t="s">
        <v>16</v>
      </c>
      <c r="B59" s="21">
        <v>315</v>
      </c>
      <c r="C59" s="6">
        <v>293</v>
      </c>
      <c r="D59" s="5">
        <v>608</v>
      </c>
    </row>
    <row r="60" spans="1:4" ht="18" customHeight="1" x14ac:dyDescent="0.15">
      <c r="A60" s="8">
        <v>45</v>
      </c>
      <c r="B60" s="21">
        <v>61</v>
      </c>
      <c r="C60" s="6">
        <v>49</v>
      </c>
      <c r="D60" s="5">
        <v>110</v>
      </c>
    </row>
    <row r="61" spans="1:4" ht="18" customHeight="1" x14ac:dyDescent="0.15">
      <c r="A61" s="8">
        <v>46</v>
      </c>
      <c r="B61" s="21">
        <v>67</v>
      </c>
      <c r="C61" s="6">
        <v>57</v>
      </c>
      <c r="D61" s="5">
        <v>124</v>
      </c>
    </row>
    <row r="62" spans="1:4" ht="18" customHeight="1" x14ac:dyDescent="0.15">
      <c r="A62" s="8">
        <v>47</v>
      </c>
      <c r="B62" s="21">
        <v>61</v>
      </c>
      <c r="C62" s="6">
        <v>57</v>
      </c>
      <c r="D62" s="5">
        <v>118</v>
      </c>
    </row>
    <row r="63" spans="1:4" ht="18" customHeight="1" x14ac:dyDescent="0.15">
      <c r="A63" s="8">
        <v>48</v>
      </c>
      <c r="B63" s="21">
        <v>79</v>
      </c>
      <c r="C63" s="6">
        <v>59</v>
      </c>
      <c r="D63" s="5">
        <v>138</v>
      </c>
    </row>
    <row r="64" spans="1:4" ht="18" customHeight="1" x14ac:dyDescent="0.15">
      <c r="A64" s="8">
        <v>49</v>
      </c>
      <c r="B64" s="21">
        <v>81</v>
      </c>
      <c r="C64" s="6">
        <v>57</v>
      </c>
      <c r="D64" s="5">
        <v>138</v>
      </c>
    </row>
    <row r="65" spans="1:4" ht="18" customHeight="1" x14ac:dyDescent="0.15">
      <c r="A65" s="8" t="s">
        <v>15</v>
      </c>
      <c r="B65" s="21">
        <v>349</v>
      </c>
      <c r="C65" s="6">
        <v>279</v>
      </c>
      <c r="D65" s="5">
        <v>628</v>
      </c>
    </row>
    <row r="66" spans="1:4" ht="18" customHeight="1" x14ac:dyDescent="0.15">
      <c r="A66" s="8">
        <v>50</v>
      </c>
      <c r="B66" s="21">
        <v>56</v>
      </c>
      <c r="C66" s="6">
        <v>65</v>
      </c>
      <c r="D66" s="5">
        <v>121</v>
      </c>
    </row>
    <row r="67" spans="1:4" ht="18" customHeight="1" x14ac:dyDescent="0.15">
      <c r="A67" s="8">
        <v>51</v>
      </c>
      <c r="B67" s="21">
        <v>69</v>
      </c>
      <c r="C67" s="6">
        <v>78</v>
      </c>
      <c r="D67" s="5">
        <v>147</v>
      </c>
    </row>
    <row r="68" spans="1:4" ht="18" customHeight="1" x14ac:dyDescent="0.15">
      <c r="A68" s="8">
        <v>52</v>
      </c>
      <c r="B68" s="21">
        <v>81</v>
      </c>
      <c r="C68" s="6">
        <v>86</v>
      </c>
      <c r="D68" s="5">
        <v>167</v>
      </c>
    </row>
    <row r="69" spans="1:4" ht="18" customHeight="1" x14ac:dyDescent="0.15">
      <c r="A69" s="8">
        <v>53</v>
      </c>
      <c r="B69" s="21">
        <v>91</v>
      </c>
      <c r="C69" s="6">
        <v>91</v>
      </c>
      <c r="D69" s="5">
        <v>182</v>
      </c>
    </row>
    <row r="70" spans="1:4" ht="18" customHeight="1" x14ac:dyDescent="0.15">
      <c r="A70" s="8">
        <v>54</v>
      </c>
      <c r="B70" s="21">
        <v>78</v>
      </c>
      <c r="C70" s="6">
        <v>85</v>
      </c>
      <c r="D70" s="5">
        <v>163</v>
      </c>
    </row>
    <row r="71" spans="1:4" ht="18" customHeight="1" x14ac:dyDescent="0.15">
      <c r="A71" s="8" t="s">
        <v>14</v>
      </c>
      <c r="B71" s="21">
        <v>375</v>
      </c>
      <c r="C71" s="6">
        <v>405</v>
      </c>
      <c r="D71" s="5">
        <v>780</v>
      </c>
    </row>
    <row r="72" spans="1:4" ht="18" customHeight="1" x14ac:dyDescent="0.15">
      <c r="A72" s="8">
        <v>55</v>
      </c>
      <c r="B72" s="21">
        <v>85</v>
      </c>
      <c r="C72" s="6">
        <v>80</v>
      </c>
      <c r="D72" s="5">
        <v>165</v>
      </c>
    </row>
    <row r="73" spans="1:4" ht="18" customHeight="1" x14ac:dyDescent="0.15">
      <c r="A73" s="8">
        <v>56</v>
      </c>
      <c r="B73" s="21">
        <v>62</v>
      </c>
      <c r="C73" s="6">
        <v>58</v>
      </c>
      <c r="D73" s="5">
        <v>120</v>
      </c>
    </row>
    <row r="74" spans="1:4" ht="18" customHeight="1" x14ac:dyDescent="0.15">
      <c r="A74" s="8">
        <v>57</v>
      </c>
      <c r="B74" s="21">
        <v>84</v>
      </c>
      <c r="C74" s="6">
        <v>64</v>
      </c>
      <c r="D74" s="5">
        <v>148</v>
      </c>
    </row>
    <row r="75" spans="1:4" ht="18" customHeight="1" x14ac:dyDescent="0.15">
      <c r="A75" s="8">
        <v>58</v>
      </c>
      <c r="B75" s="21">
        <v>68</v>
      </c>
      <c r="C75" s="6">
        <v>76</v>
      </c>
      <c r="D75" s="5">
        <v>144</v>
      </c>
    </row>
    <row r="76" spans="1:4" ht="18" customHeight="1" x14ac:dyDescent="0.15">
      <c r="A76" s="8">
        <v>59</v>
      </c>
      <c r="B76" s="21">
        <v>42</v>
      </c>
      <c r="C76" s="6">
        <v>39</v>
      </c>
      <c r="D76" s="5">
        <v>81</v>
      </c>
    </row>
    <row r="77" spans="1:4" ht="18" customHeight="1" x14ac:dyDescent="0.15">
      <c r="A77" s="8" t="s">
        <v>13</v>
      </c>
      <c r="B77" s="21">
        <v>341</v>
      </c>
      <c r="C77" s="6">
        <v>317</v>
      </c>
      <c r="D77" s="5">
        <v>658</v>
      </c>
    </row>
    <row r="78" spans="1:4" ht="18" customHeight="1" x14ac:dyDescent="0.15">
      <c r="A78" s="8">
        <v>60</v>
      </c>
      <c r="B78" s="21">
        <v>62</v>
      </c>
      <c r="C78" s="6">
        <v>54</v>
      </c>
      <c r="D78" s="5">
        <v>116</v>
      </c>
    </row>
    <row r="79" spans="1:4" ht="18" customHeight="1" x14ac:dyDescent="0.15">
      <c r="A79" s="8">
        <v>61</v>
      </c>
      <c r="B79" s="21">
        <v>46</v>
      </c>
      <c r="C79" s="6">
        <v>46</v>
      </c>
      <c r="D79" s="5">
        <v>92</v>
      </c>
    </row>
    <row r="80" spans="1:4" ht="18" customHeight="1" x14ac:dyDescent="0.15">
      <c r="A80" s="8">
        <v>62</v>
      </c>
      <c r="B80" s="21">
        <v>49</v>
      </c>
      <c r="C80" s="6">
        <v>53</v>
      </c>
      <c r="D80" s="5">
        <v>102</v>
      </c>
    </row>
    <row r="81" spans="1:4" ht="18" customHeight="1" x14ac:dyDescent="0.15">
      <c r="A81" s="8">
        <v>63</v>
      </c>
      <c r="B81" s="21">
        <v>53</v>
      </c>
      <c r="C81" s="6">
        <v>62</v>
      </c>
      <c r="D81" s="5">
        <v>115</v>
      </c>
    </row>
    <row r="82" spans="1:4" ht="18" customHeight="1" x14ac:dyDescent="0.15">
      <c r="A82" s="8">
        <v>64</v>
      </c>
      <c r="B82" s="21">
        <v>57</v>
      </c>
      <c r="C82" s="6">
        <v>62</v>
      </c>
      <c r="D82" s="5">
        <v>119</v>
      </c>
    </row>
    <row r="83" spans="1:4" ht="18" customHeight="1" x14ac:dyDescent="0.15">
      <c r="A83" s="8" t="s">
        <v>12</v>
      </c>
      <c r="B83" s="21">
        <v>267</v>
      </c>
      <c r="C83" s="6">
        <v>277</v>
      </c>
      <c r="D83" s="5">
        <v>544</v>
      </c>
    </row>
    <row r="84" spans="1:4" ht="18" customHeight="1" x14ac:dyDescent="0.15">
      <c r="A84" s="8" t="s">
        <v>11</v>
      </c>
      <c r="B84" s="21">
        <v>3058</v>
      </c>
      <c r="C84" s="6">
        <v>2898</v>
      </c>
      <c r="D84" s="5">
        <v>5956</v>
      </c>
    </row>
    <row r="85" spans="1:4" ht="18" customHeight="1" x14ac:dyDescent="0.15">
      <c r="A85" s="8">
        <v>65</v>
      </c>
      <c r="B85" s="21">
        <v>44</v>
      </c>
      <c r="C85" s="6">
        <v>58</v>
      </c>
      <c r="D85" s="5">
        <v>102</v>
      </c>
    </row>
    <row r="86" spans="1:4" ht="18" customHeight="1" x14ac:dyDescent="0.15">
      <c r="A86" s="8">
        <v>66</v>
      </c>
      <c r="B86" s="21">
        <v>53</v>
      </c>
      <c r="C86" s="6">
        <v>45</v>
      </c>
      <c r="D86" s="5">
        <v>98</v>
      </c>
    </row>
    <row r="87" spans="1:4" ht="18" customHeight="1" x14ac:dyDescent="0.15">
      <c r="A87" s="8">
        <v>67</v>
      </c>
      <c r="B87" s="21">
        <v>40</v>
      </c>
      <c r="C87" s="6">
        <v>57</v>
      </c>
      <c r="D87" s="5">
        <v>97</v>
      </c>
    </row>
    <row r="88" spans="1:4" ht="18" customHeight="1" x14ac:dyDescent="0.15">
      <c r="A88" s="8">
        <v>68</v>
      </c>
      <c r="B88" s="21">
        <v>38</v>
      </c>
      <c r="C88" s="6">
        <v>39</v>
      </c>
      <c r="D88" s="5">
        <v>77</v>
      </c>
    </row>
    <row r="89" spans="1:4" ht="18" customHeight="1" x14ac:dyDescent="0.15">
      <c r="A89" s="8">
        <v>69</v>
      </c>
      <c r="B89" s="21">
        <v>38</v>
      </c>
      <c r="C89" s="6">
        <v>64</v>
      </c>
      <c r="D89" s="5">
        <v>102</v>
      </c>
    </row>
    <row r="90" spans="1:4" ht="18" customHeight="1" x14ac:dyDescent="0.15">
      <c r="A90" s="8" t="s">
        <v>10</v>
      </c>
      <c r="B90" s="21">
        <v>213</v>
      </c>
      <c r="C90" s="6">
        <v>263</v>
      </c>
      <c r="D90" s="5">
        <v>476</v>
      </c>
    </row>
    <row r="91" spans="1:4" ht="18" customHeight="1" x14ac:dyDescent="0.15">
      <c r="A91" s="8">
        <v>70</v>
      </c>
      <c r="B91" s="21">
        <v>47</v>
      </c>
      <c r="C91" s="6">
        <v>73</v>
      </c>
      <c r="D91" s="5">
        <v>120</v>
      </c>
    </row>
    <row r="92" spans="1:4" ht="18" customHeight="1" x14ac:dyDescent="0.15">
      <c r="A92" s="8">
        <v>71</v>
      </c>
      <c r="B92" s="21">
        <v>58</v>
      </c>
      <c r="C92" s="6">
        <v>59</v>
      </c>
      <c r="D92" s="5">
        <v>117</v>
      </c>
    </row>
    <row r="93" spans="1:4" ht="18" customHeight="1" x14ac:dyDescent="0.15">
      <c r="A93" s="8">
        <v>72</v>
      </c>
      <c r="B93" s="21">
        <v>50</v>
      </c>
      <c r="C93" s="6">
        <v>65</v>
      </c>
      <c r="D93" s="5">
        <v>115</v>
      </c>
    </row>
    <row r="94" spans="1:4" ht="18" customHeight="1" x14ac:dyDescent="0.15">
      <c r="A94" s="8">
        <v>73</v>
      </c>
      <c r="B94" s="21">
        <v>62</v>
      </c>
      <c r="C94" s="6">
        <v>49</v>
      </c>
      <c r="D94" s="5">
        <v>111</v>
      </c>
    </row>
    <row r="95" spans="1:4" ht="18" customHeight="1" x14ac:dyDescent="0.15">
      <c r="A95" s="8">
        <v>74</v>
      </c>
      <c r="B95" s="21">
        <v>54</v>
      </c>
      <c r="C95" s="6">
        <v>79</v>
      </c>
      <c r="D95" s="5">
        <v>133</v>
      </c>
    </row>
    <row r="96" spans="1:4" ht="18" customHeight="1" x14ac:dyDescent="0.15">
      <c r="A96" s="8" t="s">
        <v>9</v>
      </c>
      <c r="B96" s="21">
        <v>271</v>
      </c>
      <c r="C96" s="6">
        <v>325</v>
      </c>
      <c r="D96" s="5">
        <v>596</v>
      </c>
    </row>
    <row r="97" spans="1:4" ht="18" customHeight="1" x14ac:dyDescent="0.15">
      <c r="A97" s="8">
        <v>75</v>
      </c>
      <c r="B97" s="21">
        <v>61</v>
      </c>
      <c r="C97" s="6">
        <v>77</v>
      </c>
      <c r="D97" s="5">
        <v>138</v>
      </c>
    </row>
    <row r="98" spans="1:4" ht="18" customHeight="1" x14ac:dyDescent="0.15">
      <c r="A98" s="8">
        <v>76</v>
      </c>
      <c r="B98" s="21">
        <v>78</v>
      </c>
      <c r="C98" s="6">
        <v>88</v>
      </c>
      <c r="D98" s="5">
        <v>166</v>
      </c>
    </row>
    <row r="99" spans="1:4" ht="18" customHeight="1" x14ac:dyDescent="0.15">
      <c r="A99" s="8">
        <v>77</v>
      </c>
      <c r="B99" s="21">
        <v>65</v>
      </c>
      <c r="C99" s="6">
        <v>90</v>
      </c>
      <c r="D99" s="5">
        <v>155</v>
      </c>
    </row>
    <row r="100" spans="1:4" ht="18" customHeight="1" x14ac:dyDescent="0.15">
      <c r="A100" s="8">
        <v>78</v>
      </c>
      <c r="B100" s="21">
        <v>71</v>
      </c>
      <c r="C100" s="6">
        <v>98</v>
      </c>
      <c r="D100" s="5">
        <v>169</v>
      </c>
    </row>
    <row r="101" spans="1:4" ht="18" customHeight="1" x14ac:dyDescent="0.15">
      <c r="A101" s="8">
        <v>79</v>
      </c>
      <c r="B101" s="21">
        <v>47</v>
      </c>
      <c r="C101" s="6">
        <v>62</v>
      </c>
      <c r="D101" s="5">
        <v>109</v>
      </c>
    </row>
    <row r="102" spans="1:4" ht="18" customHeight="1" x14ac:dyDescent="0.15">
      <c r="A102" s="8" t="s">
        <v>8</v>
      </c>
      <c r="B102" s="21">
        <v>322</v>
      </c>
      <c r="C102" s="6">
        <v>415</v>
      </c>
      <c r="D102" s="5">
        <v>737</v>
      </c>
    </row>
    <row r="103" spans="1:4" ht="18" customHeight="1" x14ac:dyDescent="0.15">
      <c r="A103" s="8">
        <v>80</v>
      </c>
      <c r="B103" s="21">
        <v>43</v>
      </c>
      <c r="C103" s="6">
        <v>40</v>
      </c>
      <c r="D103" s="5">
        <v>83</v>
      </c>
    </row>
    <row r="104" spans="1:4" ht="18" customHeight="1" x14ac:dyDescent="0.15">
      <c r="A104" s="8">
        <v>81</v>
      </c>
      <c r="B104" s="21">
        <v>48</v>
      </c>
      <c r="C104" s="6">
        <v>73</v>
      </c>
      <c r="D104" s="5">
        <v>121</v>
      </c>
    </row>
    <row r="105" spans="1:4" ht="18" customHeight="1" x14ac:dyDescent="0.15">
      <c r="A105" s="8">
        <v>82</v>
      </c>
      <c r="B105" s="21">
        <v>44</v>
      </c>
      <c r="C105" s="6">
        <v>50</v>
      </c>
      <c r="D105" s="5">
        <v>94</v>
      </c>
    </row>
    <row r="106" spans="1:4" ht="18" customHeight="1" x14ac:dyDescent="0.15">
      <c r="A106" s="8">
        <v>83</v>
      </c>
      <c r="B106" s="21">
        <v>31</v>
      </c>
      <c r="C106" s="6">
        <v>59</v>
      </c>
      <c r="D106" s="5">
        <v>90</v>
      </c>
    </row>
    <row r="107" spans="1:4" ht="18" customHeight="1" x14ac:dyDescent="0.15">
      <c r="A107" s="8">
        <v>84</v>
      </c>
      <c r="B107" s="21">
        <v>32</v>
      </c>
      <c r="C107" s="6">
        <v>58</v>
      </c>
      <c r="D107" s="5">
        <v>90</v>
      </c>
    </row>
    <row r="108" spans="1:4" ht="18" customHeight="1" x14ac:dyDescent="0.15">
      <c r="A108" s="8" t="s">
        <v>7</v>
      </c>
      <c r="B108" s="21">
        <v>198</v>
      </c>
      <c r="C108" s="6">
        <v>280</v>
      </c>
      <c r="D108" s="5">
        <v>478</v>
      </c>
    </row>
    <row r="109" spans="1:4" ht="18" customHeight="1" x14ac:dyDescent="0.15">
      <c r="A109" s="8">
        <v>85</v>
      </c>
      <c r="B109" s="21">
        <v>31</v>
      </c>
      <c r="C109" s="6">
        <v>43</v>
      </c>
      <c r="D109" s="5">
        <v>74</v>
      </c>
    </row>
    <row r="110" spans="1:4" ht="18" customHeight="1" x14ac:dyDescent="0.15">
      <c r="A110" s="8">
        <v>86</v>
      </c>
      <c r="B110" s="21">
        <v>18</v>
      </c>
      <c r="C110" s="6">
        <v>35</v>
      </c>
      <c r="D110" s="5">
        <v>53</v>
      </c>
    </row>
    <row r="111" spans="1:4" ht="18" customHeight="1" x14ac:dyDescent="0.15">
      <c r="A111" s="8">
        <v>87</v>
      </c>
      <c r="B111" s="21">
        <v>15</v>
      </c>
      <c r="C111" s="6">
        <v>28</v>
      </c>
      <c r="D111" s="5">
        <v>43</v>
      </c>
    </row>
    <row r="112" spans="1:4" ht="18" customHeight="1" x14ac:dyDescent="0.15">
      <c r="A112" s="8">
        <v>88</v>
      </c>
      <c r="B112" s="21">
        <v>19</v>
      </c>
      <c r="C112" s="6">
        <v>32</v>
      </c>
      <c r="D112" s="5">
        <v>51</v>
      </c>
    </row>
    <row r="113" spans="1:4" ht="18" customHeight="1" x14ac:dyDescent="0.15">
      <c r="A113" s="8">
        <v>89</v>
      </c>
      <c r="B113" s="21">
        <v>11</v>
      </c>
      <c r="C113" s="6">
        <v>43</v>
      </c>
      <c r="D113" s="5">
        <v>54</v>
      </c>
    </row>
    <row r="114" spans="1:4" ht="18" customHeight="1" x14ac:dyDescent="0.15">
      <c r="A114" s="8" t="s">
        <v>6</v>
      </c>
      <c r="B114" s="21">
        <v>94</v>
      </c>
      <c r="C114" s="6">
        <v>181</v>
      </c>
      <c r="D114" s="5">
        <v>275</v>
      </c>
    </row>
    <row r="115" spans="1:4" ht="18" customHeight="1" x14ac:dyDescent="0.15">
      <c r="A115" s="8">
        <v>90</v>
      </c>
      <c r="B115" s="21">
        <v>10</v>
      </c>
      <c r="C115" s="6">
        <v>32</v>
      </c>
      <c r="D115" s="5">
        <v>42</v>
      </c>
    </row>
    <row r="116" spans="1:4" ht="18" customHeight="1" x14ac:dyDescent="0.15">
      <c r="A116" s="8">
        <v>91</v>
      </c>
      <c r="B116" s="21">
        <v>14</v>
      </c>
      <c r="C116" s="6">
        <v>11</v>
      </c>
      <c r="D116" s="5">
        <v>25</v>
      </c>
    </row>
    <row r="117" spans="1:4" ht="18" customHeight="1" x14ac:dyDescent="0.15">
      <c r="A117" s="8">
        <v>92</v>
      </c>
      <c r="B117" s="21">
        <v>8</v>
      </c>
      <c r="C117" s="6">
        <v>18</v>
      </c>
      <c r="D117" s="5">
        <v>26</v>
      </c>
    </row>
    <row r="118" spans="1:4" ht="18" customHeight="1" x14ac:dyDescent="0.15">
      <c r="A118" s="8">
        <v>93</v>
      </c>
      <c r="B118" s="21">
        <v>8</v>
      </c>
      <c r="C118" s="6">
        <v>15</v>
      </c>
      <c r="D118" s="5">
        <v>23</v>
      </c>
    </row>
    <row r="119" spans="1:4" ht="18" customHeight="1" x14ac:dyDescent="0.15">
      <c r="A119" s="8">
        <v>94</v>
      </c>
      <c r="B119" s="21">
        <v>3</v>
      </c>
      <c r="C119" s="6">
        <v>17</v>
      </c>
      <c r="D119" s="5">
        <v>20</v>
      </c>
    </row>
    <row r="120" spans="1:4" ht="18" customHeight="1" x14ac:dyDescent="0.15">
      <c r="A120" s="8" t="s">
        <v>5</v>
      </c>
      <c r="B120" s="21">
        <v>43</v>
      </c>
      <c r="C120" s="6">
        <v>93</v>
      </c>
      <c r="D120" s="5">
        <v>136</v>
      </c>
    </row>
    <row r="121" spans="1:4" ht="18" customHeight="1" x14ac:dyDescent="0.15">
      <c r="A121" s="8">
        <v>95</v>
      </c>
      <c r="B121" s="21">
        <v>3</v>
      </c>
      <c r="C121" s="6">
        <v>11</v>
      </c>
      <c r="D121" s="5">
        <v>14</v>
      </c>
    </row>
    <row r="122" spans="1:4" ht="18" customHeight="1" x14ac:dyDescent="0.15">
      <c r="A122" s="8">
        <v>96</v>
      </c>
      <c r="B122" s="21">
        <v>1</v>
      </c>
      <c r="C122" s="6">
        <v>8</v>
      </c>
      <c r="D122" s="5">
        <v>9</v>
      </c>
    </row>
    <row r="123" spans="1:4" ht="18" customHeight="1" x14ac:dyDescent="0.15">
      <c r="A123" s="8">
        <v>97</v>
      </c>
      <c r="B123" s="21">
        <v>2</v>
      </c>
      <c r="C123" s="6">
        <v>7</v>
      </c>
      <c r="D123" s="5">
        <v>9</v>
      </c>
    </row>
    <row r="124" spans="1:4" ht="18" customHeight="1" x14ac:dyDescent="0.15">
      <c r="A124" s="8">
        <v>98</v>
      </c>
      <c r="B124" s="21">
        <v>0</v>
      </c>
      <c r="C124" s="6">
        <v>13</v>
      </c>
      <c r="D124" s="5">
        <v>13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6</v>
      </c>
      <c r="C126" s="6">
        <v>42</v>
      </c>
      <c r="D126" s="5">
        <v>48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1147</v>
      </c>
      <c r="C130" s="6">
        <v>1604</v>
      </c>
      <c r="D130" s="5">
        <v>2751</v>
      </c>
    </row>
    <row r="131" spans="1:4" ht="18" customHeight="1" x14ac:dyDescent="0.15">
      <c r="A131" s="4" t="s">
        <v>0</v>
      </c>
      <c r="B131" s="20">
        <v>4779</v>
      </c>
      <c r="C131" s="2">
        <v>5083</v>
      </c>
      <c r="D131" s="1">
        <v>98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6DAA2A-1177-4A6E-A98B-E19C06C2D06C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5</v>
      </c>
      <c r="C5" s="11">
        <v>41</v>
      </c>
      <c r="D5" s="10">
        <v>86</v>
      </c>
    </row>
    <row r="6" spans="1:4" ht="18" customHeight="1" x14ac:dyDescent="0.15">
      <c r="A6" s="8">
        <v>1</v>
      </c>
      <c r="B6" s="21">
        <v>42</v>
      </c>
      <c r="C6" s="6">
        <v>39</v>
      </c>
      <c r="D6" s="5">
        <v>81</v>
      </c>
    </row>
    <row r="7" spans="1:4" ht="18" customHeight="1" x14ac:dyDescent="0.15">
      <c r="A7" s="8">
        <v>2</v>
      </c>
      <c r="B7" s="21">
        <v>43</v>
      </c>
      <c r="C7" s="6">
        <v>39</v>
      </c>
      <c r="D7" s="5">
        <v>82</v>
      </c>
    </row>
    <row r="8" spans="1:4" ht="18" customHeight="1" x14ac:dyDescent="0.15">
      <c r="A8" s="8">
        <v>3</v>
      </c>
      <c r="B8" s="21">
        <v>44</v>
      </c>
      <c r="C8" s="6">
        <v>46</v>
      </c>
      <c r="D8" s="5">
        <v>90</v>
      </c>
    </row>
    <row r="9" spans="1:4" ht="18" customHeight="1" x14ac:dyDescent="0.15">
      <c r="A9" s="8">
        <v>4</v>
      </c>
      <c r="B9" s="21">
        <v>61</v>
      </c>
      <c r="C9" s="6">
        <v>56</v>
      </c>
      <c r="D9" s="5">
        <v>117</v>
      </c>
    </row>
    <row r="10" spans="1:4" ht="18" customHeight="1" x14ac:dyDescent="0.15">
      <c r="A10" s="8" t="s">
        <v>25</v>
      </c>
      <c r="B10" s="21">
        <v>235</v>
      </c>
      <c r="C10" s="6">
        <v>221</v>
      </c>
      <c r="D10" s="5">
        <v>456</v>
      </c>
    </row>
    <row r="11" spans="1:4" ht="18" customHeight="1" x14ac:dyDescent="0.15">
      <c r="A11" s="8">
        <v>5</v>
      </c>
      <c r="B11" s="21">
        <v>62</v>
      </c>
      <c r="C11" s="6">
        <v>45</v>
      </c>
      <c r="D11" s="5">
        <v>107</v>
      </c>
    </row>
    <row r="12" spans="1:4" ht="18" customHeight="1" x14ac:dyDescent="0.15">
      <c r="A12" s="8">
        <v>6</v>
      </c>
      <c r="B12" s="21">
        <v>54</v>
      </c>
      <c r="C12" s="6">
        <v>63</v>
      </c>
      <c r="D12" s="5">
        <v>117</v>
      </c>
    </row>
    <row r="13" spans="1:4" ht="18" customHeight="1" x14ac:dyDescent="0.15">
      <c r="A13" s="8">
        <v>7</v>
      </c>
      <c r="B13" s="21">
        <v>70</v>
      </c>
      <c r="C13" s="6">
        <v>61</v>
      </c>
      <c r="D13" s="5">
        <v>131</v>
      </c>
    </row>
    <row r="14" spans="1:4" ht="18" customHeight="1" x14ac:dyDescent="0.15">
      <c r="A14" s="8">
        <v>8</v>
      </c>
      <c r="B14" s="21">
        <v>53</v>
      </c>
      <c r="C14" s="6">
        <v>50</v>
      </c>
      <c r="D14" s="5">
        <v>103</v>
      </c>
    </row>
    <row r="15" spans="1:4" ht="18" customHeight="1" x14ac:dyDescent="0.15">
      <c r="A15" s="8">
        <v>9</v>
      </c>
      <c r="B15" s="21">
        <v>48</v>
      </c>
      <c r="C15" s="6">
        <v>50</v>
      </c>
      <c r="D15" s="5">
        <v>98</v>
      </c>
    </row>
    <row r="16" spans="1:4" ht="18" customHeight="1" x14ac:dyDescent="0.15">
      <c r="A16" s="8" t="s">
        <v>24</v>
      </c>
      <c r="B16" s="21">
        <v>287</v>
      </c>
      <c r="C16" s="6">
        <v>269</v>
      </c>
      <c r="D16" s="5">
        <v>556</v>
      </c>
    </row>
    <row r="17" spans="1:4" ht="18" customHeight="1" x14ac:dyDescent="0.15">
      <c r="A17" s="8">
        <v>10</v>
      </c>
      <c r="B17" s="21">
        <v>63</v>
      </c>
      <c r="C17" s="6">
        <v>66</v>
      </c>
      <c r="D17" s="5">
        <v>129</v>
      </c>
    </row>
    <row r="18" spans="1:4" ht="18" customHeight="1" x14ac:dyDescent="0.15">
      <c r="A18" s="8">
        <v>11</v>
      </c>
      <c r="B18" s="21">
        <v>49</v>
      </c>
      <c r="C18" s="6">
        <v>62</v>
      </c>
      <c r="D18" s="5">
        <v>111</v>
      </c>
    </row>
    <row r="19" spans="1:4" ht="18" customHeight="1" x14ac:dyDescent="0.15">
      <c r="A19" s="8">
        <v>12</v>
      </c>
      <c r="B19" s="21">
        <v>49</v>
      </c>
      <c r="C19" s="6">
        <v>60</v>
      </c>
      <c r="D19" s="5">
        <v>109</v>
      </c>
    </row>
    <row r="20" spans="1:4" ht="18" customHeight="1" x14ac:dyDescent="0.15">
      <c r="A20" s="8">
        <v>13</v>
      </c>
      <c r="B20" s="21">
        <v>55</v>
      </c>
      <c r="C20" s="6">
        <v>65</v>
      </c>
      <c r="D20" s="5">
        <v>120</v>
      </c>
    </row>
    <row r="21" spans="1:4" ht="18" customHeight="1" x14ac:dyDescent="0.15">
      <c r="A21" s="8">
        <v>14</v>
      </c>
      <c r="B21" s="21">
        <v>40</v>
      </c>
      <c r="C21" s="6">
        <v>47</v>
      </c>
      <c r="D21" s="5">
        <v>87</v>
      </c>
    </row>
    <row r="22" spans="1:4" ht="18" customHeight="1" x14ac:dyDescent="0.15">
      <c r="A22" s="8" t="s">
        <v>23</v>
      </c>
      <c r="B22" s="21">
        <v>256</v>
      </c>
      <c r="C22" s="6">
        <v>300</v>
      </c>
      <c r="D22" s="5">
        <v>556</v>
      </c>
    </row>
    <row r="23" spans="1:4" ht="18" customHeight="1" x14ac:dyDescent="0.15">
      <c r="A23" s="8" t="s">
        <v>22</v>
      </c>
      <c r="B23" s="21">
        <v>778</v>
      </c>
      <c r="C23" s="6">
        <v>790</v>
      </c>
      <c r="D23" s="5">
        <v>1568</v>
      </c>
    </row>
    <row r="24" spans="1:4" ht="18" customHeight="1" x14ac:dyDescent="0.15">
      <c r="A24" s="8">
        <v>15</v>
      </c>
      <c r="B24" s="21">
        <v>58</v>
      </c>
      <c r="C24" s="6">
        <v>53</v>
      </c>
      <c r="D24" s="5">
        <v>111</v>
      </c>
    </row>
    <row r="25" spans="1:4" ht="18" customHeight="1" x14ac:dyDescent="0.15">
      <c r="A25" s="8">
        <v>16</v>
      </c>
      <c r="B25" s="21">
        <v>47</v>
      </c>
      <c r="C25" s="6">
        <v>66</v>
      </c>
      <c r="D25" s="5">
        <v>113</v>
      </c>
    </row>
    <row r="26" spans="1:4" ht="18" customHeight="1" x14ac:dyDescent="0.15">
      <c r="A26" s="8">
        <v>17</v>
      </c>
      <c r="B26" s="21">
        <v>52</v>
      </c>
      <c r="C26" s="6">
        <v>45</v>
      </c>
      <c r="D26" s="5">
        <v>97</v>
      </c>
    </row>
    <row r="27" spans="1:4" ht="18" customHeight="1" x14ac:dyDescent="0.15">
      <c r="A27" s="8">
        <v>18</v>
      </c>
      <c r="B27" s="21">
        <v>57</v>
      </c>
      <c r="C27" s="6">
        <v>51</v>
      </c>
      <c r="D27" s="5">
        <v>108</v>
      </c>
    </row>
    <row r="28" spans="1:4" ht="18" customHeight="1" x14ac:dyDescent="0.15">
      <c r="A28" s="8">
        <v>19</v>
      </c>
      <c r="B28" s="21">
        <v>51</v>
      </c>
      <c r="C28" s="6">
        <v>51</v>
      </c>
      <c r="D28" s="5">
        <v>102</v>
      </c>
    </row>
    <row r="29" spans="1:4" ht="18" customHeight="1" x14ac:dyDescent="0.15">
      <c r="A29" s="8" t="s">
        <v>21</v>
      </c>
      <c r="B29" s="21">
        <v>265</v>
      </c>
      <c r="C29" s="6">
        <v>266</v>
      </c>
      <c r="D29" s="5">
        <v>531</v>
      </c>
    </row>
    <row r="30" spans="1:4" ht="18" customHeight="1" x14ac:dyDescent="0.15">
      <c r="A30" s="8">
        <v>20</v>
      </c>
      <c r="B30" s="21">
        <v>58</v>
      </c>
      <c r="C30" s="6">
        <v>60</v>
      </c>
      <c r="D30" s="5">
        <v>118</v>
      </c>
    </row>
    <row r="31" spans="1:4" ht="18" customHeight="1" x14ac:dyDescent="0.15">
      <c r="A31" s="8">
        <v>21</v>
      </c>
      <c r="B31" s="21">
        <v>57</v>
      </c>
      <c r="C31" s="6">
        <v>56</v>
      </c>
      <c r="D31" s="5">
        <v>113</v>
      </c>
    </row>
    <row r="32" spans="1:4" ht="18" customHeight="1" x14ac:dyDescent="0.15">
      <c r="A32" s="8">
        <v>22</v>
      </c>
      <c r="B32" s="21">
        <v>56</v>
      </c>
      <c r="C32" s="6">
        <v>59</v>
      </c>
      <c r="D32" s="5">
        <v>115</v>
      </c>
    </row>
    <row r="33" spans="1:4" ht="18" customHeight="1" x14ac:dyDescent="0.15">
      <c r="A33" s="8">
        <v>23</v>
      </c>
      <c r="B33" s="21">
        <v>58</v>
      </c>
      <c r="C33" s="6">
        <v>74</v>
      </c>
      <c r="D33" s="5">
        <v>132</v>
      </c>
    </row>
    <row r="34" spans="1:4" ht="18" customHeight="1" x14ac:dyDescent="0.15">
      <c r="A34" s="8">
        <v>24</v>
      </c>
      <c r="B34" s="21">
        <v>74</v>
      </c>
      <c r="C34" s="6">
        <v>64</v>
      </c>
      <c r="D34" s="5">
        <v>138</v>
      </c>
    </row>
    <row r="35" spans="1:4" ht="18" customHeight="1" x14ac:dyDescent="0.15">
      <c r="A35" s="8" t="s">
        <v>20</v>
      </c>
      <c r="B35" s="21">
        <v>303</v>
      </c>
      <c r="C35" s="6">
        <v>313</v>
      </c>
      <c r="D35" s="5">
        <v>616</v>
      </c>
    </row>
    <row r="36" spans="1:4" ht="18" customHeight="1" x14ac:dyDescent="0.15">
      <c r="A36" s="8">
        <v>25</v>
      </c>
      <c r="B36" s="21">
        <v>81</v>
      </c>
      <c r="C36" s="6">
        <v>74</v>
      </c>
      <c r="D36" s="5">
        <v>155</v>
      </c>
    </row>
    <row r="37" spans="1:4" ht="18" customHeight="1" x14ac:dyDescent="0.15">
      <c r="A37" s="8">
        <v>26</v>
      </c>
      <c r="B37" s="21">
        <v>88</v>
      </c>
      <c r="C37" s="6">
        <v>78</v>
      </c>
      <c r="D37" s="5">
        <v>166</v>
      </c>
    </row>
    <row r="38" spans="1:4" ht="18" customHeight="1" x14ac:dyDescent="0.15">
      <c r="A38" s="8">
        <v>27</v>
      </c>
      <c r="B38" s="21">
        <v>80</v>
      </c>
      <c r="C38" s="6">
        <v>77</v>
      </c>
      <c r="D38" s="5">
        <v>157</v>
      </c>
    </row>
    <row r="39" spans="1:4" ht="18" customHeight="1" x14ac:dyDescent="0.15">
      <c r="A39" s="8">
        <v>28</v>
      </c>
      <c r="B39" s="21">
        <v>71</v>
      </c>
      <c r="C39" s="6">
        <v>80</v>
      </c>
      <c r="D39" s="5">
        <v>151</v>
      </c>
    </row>
    <row r="40" spans="1:4" ht="18" customHeight="1" x14ac:dyDescent="0.15">
      <c r="A40" s="8">
        <v>29</v>
      </c>
      <c r="B40" s="21">
        <v>84</v>
      </c>
      <c r="C40" s="6">
        <v>73</v>
      </c>
      <c r="D40" s="5">
        <v>157</v>
      </c>
    </row>
    <row r="41" spans="1:4" ht="18" customHeight="1" x14ac:dyDescent="0.15">
      <c r="A41" s="8" t="s">
        <v>19</v>
      </c>
      <c r="B41" s="21">
        <v>404</v>
      </c>
      <c r="C41" s="6">
        <v>382</v>
      </c>
      <c r="D41" s="5">
        <v>786</v>
      </c>
    </row>
    <row r="42" spans="1:4" ht="18" customHeight="1" x14ac:dyDescent="0.15">
      <c r="A42" s="8">
        <v>30</v>
      </c>
      <c r="B42" s="21">
        <v>96</v>
      </c>
      <c r="C42" s="6">
        <v>81</v>
      </c>
      <c r="D42" s="5">
        <v>177</v>
      </c>
    </row>
    <row r="43" spans="1:4" ht="18" customHeight="1" x14ac:dyDescent="0.15">
      <c r="A43" s="8">
        <v>31</v>
      </c>
      <c r="B43" s="21">
        <v>102</v>
      </c>
      <c r="C43" s="6">
        <v>85</v>
      </c>
      <c r="D43" s="5">
        <v>187</v>
      </c>
    </row>
    <row r="44" spans="1:4" ht="18" customHeight="1" x14ac:dyDescent="0.15">
      <c r="A44" s="8">
        <v>32</v>
      </c>
      <c r="B44" s="21">
        <v>81</v>
      </c>
      <c r="C44" s="6">
        <v>72</v>
      </c>
      <c r="D44" s="5">
        <v>153</v>
      </c>
    </row>
    <row r="45" spans="1:4" ht="18" customHeight="1" x14ac:dyDescent="0.15">
      <c r="A45" s="8">
        <v>33</v>
      </c>
      <c r="B45" s="21">
        <v>70</v>
      </c>
      <c r="C45" s="6">
        <v>59</v>
      </c>
      <c r="D45" s="5">
        <v>129</v>
      </c>
    </row>
    <row r="46" spans="1:4" ht="18" customHeight="1" x14ac:dyDescent="0.15">
      <c r="A46" s="8">
        <v>34</v>
      </c>
      <c r="B46" s="21">
        <v>92</v>
      </c>
      <c r="C46" s="6">
        <v>55</v>
      </c>
      <c r="D46" s="5">
        <v>147</v>
      </c>
    </row>
    <row r="47" spans="1:4" ht="18" customHeight="1" x14ac:dyDescent="0.15">
      <c r="A47" s="8" t="s">
        <v>18</v>
      </c>
      <c r="B47" s="21">
        <v>441</v>
      </c>
      <c r="C47" s="6">
        <v>352</v>
      </c>
      <c r="D47" s="5">
        <v>793</v>
      </c>
    </row>
    <row r="48" spans="1:4" ht="18" customHeight="1" x14ac:dyDescent="0.15">
      <c r="A48" s="8">
        <v>35</v>
      </c>
      <c r="B48" s="21">
        <v>67</v>
      </c>
      <c r="C48" s="6">
        <v>73</v>
      </c>
      <c r="D48" s="5">
        <v>140</v>
      </c>
    </row>
    <row r="49" spans="1:4" ht="18" customHeight="1" x14ac:dyDescent="0.15">
      <c r="A49" s="8">
        <v>36</v>
      </c>
      <c r="B49" s="21">
        <v>82</v>
      </c>
      <c r="C49" s="6">
        <v>67</v>
      </c>
      <c r="D49" s="5">
        <v>149</v>
      </c>
    </row>
    <row r="50" spans="1:4" ht="18" customHeight="1" x14ac:dyDescent="0.15">
      <c r="A50" s="8">
        <v>37</v>
      </c>
      <c r="B50" s="21">
        <v>77</v>
      </c>
      <c r="C50" s="6">
        <v>73</v>
      </c>
      <c r="D50" s="5">
        <v>150</v>
      </c>
    </row>
    <row r="51" spans="1:4" ht="18" customHeight="1" x14ac:dyDescent="0.15">
      <c r="A51" s="8">
        <v>38</v>
      </c>
      <c r="B51" s="21">
        <v>74</v>
      </c>
      <c r="C51" s="6">
        <v>65</v>
      </c>
      <c r="D51" s="5">
        <v>139</v>
      </c>
    </row>
    <row r="52" spans="1:4" ht="18" customHeight="1" x14ac:dyDescent="0.15">
      <c r="A52" s="8">
        <v>39</v>
      </c>
      <c r="B52" s="21">
        <v>75</v>
      </c>
      <c r="C52" s="6">
        <v>81</v>
      </c>
      <c r="D52" s="5">
        <v>156</v>
      </c>
    </row>
    <row r="53" spans="1:4" ht="18" customHeight="1" x14ac:dyDescent="0.15">
      <c r="A53" s="8" t="s">
        <v>17</v>
      </c>
      <c r="B53" s="21">
        <v>375</v>
      </c>
      <c r="C53" s="6">
        <v>359</v>
      </c>
      <c r="D53" s="5">
        <v>734</v>
      </c>
    </row>
    <row r="54" spans="1:4" ht="18" customHeight="1" x14ac:dyDescent="0.15">
      <c r="A54" s="8">
        <v>40</v>
      </c>
      <c r="B54" s="21">
        <v>93</v>
      </c>
      <c r="C54" s="6">
        <v>94</v>
      </c>
      <c r="D54" s="5">
        <v>187</v>
      </c>
    </row>
    <row r="55" spans="1:4" ht="18" customHeight="1" x14ac:dyDescent="0.15">
      <c r="A55" s="8">
        <v>41</v>
      </c>
      <c r="B55" s="21">
        <v>72</v>
      </c>
      <c r="C55" s="6">
        <v>77</v>
      </c>
      <c r="D55" s="5">
        <v>149</v>
      </c>
    </row>
    <row r="56" spans="1:4" ht="18" customHeight="1" x14ac:dyDescent="0.15">
      <c r="A56" s="8">
        <v>42</v>
      </c>
      <c r="B56" s="21">
        <v>93</v>
      </c>
      <c r="C56" s="6">
        <v>84</v>
      </c>
      <c r="D56" s="5">
        <v>177</v>
      </c>
    </row>
    <row r="57" spans="1:4" ht="18" customHeight="1" x14ac:dyDescent="0.15">
      <c r="A57" s="8">
        <v>43</v>
      </c>
      <c r="B57" s="21">
        <v>87</v>
      </c>
      <c r="C57" s="6">
        <v>82</v>
      </c>
      <c r="D57" s="5">
        <v>169</v>
      </c>
    </row>
    <row r="58" spans="1:4" ht="18" customHeight="1" x14ac:dyDescent="0.15">
      <c r="A58" s="8">
        <v>44</v>
      </c>
      <c r="B58" s="21">
        <v>86</v>
      </c>
      <c r="C58" s="6">
        <v>83</v>
      </c>
      <c r="D58" s="5">
        <v>169</v>
      </c>
    </row>
    <row r="59" spans="1:4" ht="18" customHeight="1" x14ac:dyDescent="0.15">
      <c r="A59" s="8" t="s">
        <v>16</v>
      </c>
      <c r="B59" s="21">
        <v>431</v>
      </c>
      <c r="C59" s="6">
        <v>420</v>
      </c>
      <c r="D59" s="5">
        <v>851</v>
      </c>
    </row>
    <row r="60" spans="1:4" ht="18" customHeight="1" x14ac:dyDescent="0.15">
      <c r="A60" s="8">
        <v>45</v>
      </c>
      <c r="B60" s="21">
        <v>89</v>
      </c>
      <c r="C60" s="6">
        <v>84</v>
      </c>
      <c r="D60" s="5">
        <v>173</v>
      </c>
    </row>
    <row r="61" spans="1:4" ht="18" customHeight="1" x14ac:dyDescent="0.15">
      <c r="A61" s="8">
        <v>46</v>
      </c>
      <c r="B61" s="21">
        <v>83</v>
      </c>
      <c r="C61" s="6">
        <v>90</v>
      </c>
      <c r="D61" s="5">
        <v>173</v>
      </c>
    </row>
    <row r="62" spans="1:4" ht="18" customHeight="1" x14ac:dyDescent="0.15">
      <c r="A62" s="8">
        <v>47</v>
      </c>
      <c r="B62" s="21">
        <v>107</v>
      </c>
      <c r="C62" s="6">
        <v>63</v>
      </c>
      <c r="D62" s="5">
        <v>170</v>
      </c>
    </row>
    <row r="63" spans="1:4" ht="18" customHeight="1" x14ac:dyDescent="0.15">
      <c r="A63" s="8">
        <v>48</v>
      </c>
      <c r="B63" s="21">
        <v>91</v>
      </c>
      <c r="C63" s="6">
        <v>82</v>
      </c>
      <c r="D63" s="5">
        <v>173</v>
      </c>
    </row>
    <row r="64" spans="1:4" ht="18" customHeight="1" x14ac:dyDescent="0.15">
      <c r="A64" s="8">
        <v>49</v>
      </c>
      <c r="B64" s="21">
        <v>97</v>
      </c>
      <c r="C64" s="6">
        <v>85</v>
      </c>
      <c r="D64" s="5">
        <v>182</v>
      </c>
    </row>
    <row r="65" spans="1:4" ht="18" customHeight="1" x14ac:dyDescent="0.15">
      <c r="A65" s="8" t="s">
        <v>15</v>
      </c>
      <c r="B65" s="21">
        <v>467</v>
      </c>
      <c r="C65" s="6">
        <v>404</v>
      </c>
      <c r="D65" s="5">
        <v>871</v>
      </c>
    </row>
    <row r="66" spans="1:4" ht="18" customHeight="1" x14ac:dyDescent="0.15">
      <c r="A66" s="8">
        <v>50</v>
      </c>
      <c r="B66" s="21">
        <v>101</v>
      </c>
      <c r="C66" s="6">
        <v>89</v>
      </c>
      <c r="D66" s="5">
        <v>190</v>
      </c>
    </row>
    <row r="67" spans="1:4" ht="18" customHeight="1" x14ac:dyDescent="0.15">
      <c r="A67" s="8">
        <v>51</v>
      </c>
      <c r="B67" s="21">
        <v>121</v>
      </c>
      <c r="C67" s="6">
        <v>114</v>
      </c>
      <c r="D67" s="5">
        <v>235</v>
      </c>
    </row>
    <row r="68" spans="1:4" ht="18" customHeight="1" x14ac:dyDescent="0.15">
      <c r="A68" s="8">
        <v>52</v>
      </c>
      <c r="B68" s="21">
        <v>108</v>
      </c>
      <c r="C68" s="6">
        <v>102</v>
      </c>
      <c r="D68" s="5">
        <v>210</v>
      </c>
    </row>
    <row r="69" spans="1:4" ht="18" customHeight="1" x14ac:dyDescent="0.15">
      <c r="A69" s="8">
        <v>53</v>
      </c>
      <c r="B69" s="21">
        <v>90</v>
      </c>
      <c r="C69" s="6">
        <v>110</v>
      </c>
      <c r="D69" s="5">
        <v>200</v>
      </c>
    </row>
    <row r="70" spans="1:4" ht="18" customHeight="1" x14ac:dyDescent="0.15">
      <c r="A70" s="8">
        <v>54</v>
      </c>
      <c r="B70" s="21">
        <v>96</v>
      </c>
      <c r="C70" s="6">
        <v>106</v>
      </c>
      <c r="D70" s="5">
        <v>202</v>
      </c>
    </row>
    <row r="71" spans="1:4" ht="18" customHeight="1" x14ac:dyDescent="0.15">
      <c r="A71" s="8" t="s">
        <v>14</v>
      </c>
      <c r="B71" s="21">
        <v>516</v>
      </c>
      <c r="C71" s="6">
        <v>521</v>
      </c>
      <c r="D71" s="5">
        <v>1037</v>
      </c>
    </row>
    <row r="72" spans="1:4" ht="18" customHeight="1" x14ac:dyDescent="0.15">
      <c r="A72" s="8">
        <v>55</v>
      </c>
      <c r="B72" s="21">
        <v>98</v>
      </c>
      <c r="C72" s="6">
        <v>100</v>
      </c>
      <c r="D72" s="5">
        <v>198</v>
      </c>
    </row>
    <row r="73" spans="1:4" ht="18" customHeight="1" x14ac:dyDescent="0.15">
      <c r="A73" s="8">
        <v>56</v>
      </c>
      <c r="B73" s="21">
        <v>121</v>
      </c>
      <c r="C73" s="6">
        <v>88</v>
      </c>
      <c r="D73" s="5">
        <v>209</v>
      </c>
    </row>
    <row r="74" spans="1:4" ht="18" customHeight="1" x14ac:dyDescent="0.15">
      <c r="A74" s="8">
        <v>57</v>
      </c>
      <c r="B74" s="21">
        <v>84</v>
      </c>
      <c r="C74" s="6">
        <v>104</v>
      </c>
      <c r="D74" s="5">
        <v>188</v>
      </c>
    </row>
    <row r="75" spans="1:4" ht="18" customHeight="1" x14ac:dyDescent="0.15">
      <c r="A75" s="8">
        <v>58</v>
      </c>
      <c r="B75" s="21">
        <v>75</v>
      </c>
      <c r="C75" s="6">
        <v>84</v>
      </c>
      <c r="D75" s="5">
        <v>159</v>
      </c>
    </row>
    <row r="76" spans="1:4" ht="18" customHeight="1" x14ac:dyDescent="0.15">
      <c r="A76" s="8">
        <v>59</v>
      </c>
      <c r="B76" s="21">
        <v>69</v>
      </c>
      <c r="C76" s="6">
        <v>51</v>
      </c>
      <c r="D76" s="5">
        <v>120</v>
      </c>
    </row>
    <row r="77" spans="1:4" ht="18" customHeight="1" x14ac:dyDescent="0.15">
      <c r="A77" s="8" t="s">
        <v>13</v>
      </c>
      <c r="B77" s="21">
        <v>447</v>
      </c>
      <c r="C77" s="6">
        <v>427</v>
      </c>
      <c r="D77" s="5">
        <v>874</v>
      </c>
    </row>
    <row r="78" spans="1:4" ht="18" customHeight="1" x14ac:dyDescent="0.15">
      <c r="A78" s="8">
        <v>60</v>
      </c>
      <c r="B78" s="21">
        <v>70</v>
      </c>
      <c r="C78" s="6">
        <v>75</v>
      </c>
      <c r="D78" s="5">
        <v>145</v>
      </c>
    </row>
    <row r="79" spans="1:4" ht="18" customHeight="1" x14ac:dyDescent="0.15">
      <c r="A79" s="8">
        <v>61</v>
      </c>
      <c r="B79" s="21">
        <v>67</v>
      </c>
      <c r="C79" s="6">
        <v>66</v>
      </c>
      <c r="D79" s="5">
        <v>133</v>
      </c>
    </row>
    <row r="80" spans="1:4" ht="18" customHeight="1" x14ac:dyDescent="0.15">
      <c r="A80" s="8">
        <v>62</v>
      </c>
      <c r="B80" s="21">
        <v>81</v>
      </c>
      <c r="C80" s="6">
        <v>73</v>
      </c>
      <c r="D80" s="5">
        <v>154</v>
      </c>
    </row>
    <row r="81" spans="1:4" ht="18" customHeight="1" x14ac:dyDescent="0.15">
      <c r="A81" s="8">
        <v>63</v>
      </c>
      <c r="B81" s="21">
        <v>70</v>
      </c>
      <c r="C81" s="6">
        <v>80</v>
      </c>
      <c r="D81" s="5">
        <v>150</v>
      </c>
    </row>
    <row r="82" spans="1:4" ht="18" customHeight="1" x14ac:dyDescent="0.15">
      <c r="A82" s="8">
        <v>64</v>
      </c>
      <c r="B82" s="21">
        <v>57</v>
      </c>
      <c r="C82" s="6">
        <v>63</v>
      </c>
      <c r="D82" s="5">
        <v>120</v>
      </c>
    </row>
    <row r="83" spans="1:4" ht="18" customHeight="1" x14ac:dyDescent="0.15">
      <c r="A83" s="8" t="s">
        <v>12</v>
      </c>
      <c r="B83" s="21">
        <v>345</v>
      </c>
      <c r="C83" s="6">
        <v>357</v>
      </c>
      <c r="D83" s="5">
        <v>702</v>
      </c>
    </row>
    <row r="84" spans="1:4" ht="18" customHeight="1" x14ac:dyDescent="0.15">
      <c r="A84" s="8" t="s">
        <v>11</v>
      </c>
      <c r="B84" s="21">
        <v>3994</v>
      </c>
      <c r="C84" s="6">
        <v>3801</v>
      </c>
      <c r="D84" s="5">
        <v>7795</v>
      </c>
    </row>
    <row r="85" spans="1:4" ht="18" customHeight="1" x14ac:dyDescent="0.15">
      <c r="A85" s="8">
        <v>65</v>
      </c>
      <c r="B85" s="21">
        <v>55</v>
      </c>
      <c r="C85" s="6">
        <v>64</v>
      </c>
      <c r="D85" s="5">
        <v>119</v>
      </c>
    </row>
    <row r="86" spans="1:4" ht="18" customHeight="1" x14ac:dyDescent="0.15">
      <c r="A86" s="8">
        <v>66</v>
      </c>
      <c r="B86" s="21">
        <v>58</v>
      </c>
      <c r="C86" s="6">
        <v>64</v>
      </c>
      <c r="D86" s="5">
        <v>122</v>
      </c>
    </row>
    <row r="87" spans="1:4" ht="18" customHeight="1" x14ac:dyDescent="0.15">
      <c r="A87" s="8">
        <v>67</v>
      </c>
      <c r="B87" s="21">
        <v>47</v>
      </c>
      <c r="C87" s="6">
        <v>73</v>
      </c>
      <c r="D87" s="5">
        <v>120</v>
      </c>
    </row>
    <row r="88" spans="1:4" ht="18" customHeight="1" x14ac:dyDescent="0.15">
      <c r="A88" s="8">
        <v>68</v>
      </c>
      <c r="B88" s="21">
        <v>56</v>
      </c>
      <c r="C88" s="6">
        <v>56</v>
      </c>
      <c r="D88" s="5">
        <v>112</v>
      </c>
    </row>
    <row r="89" spans="1:4" ht="18" customHeight="1" x14ac:dyDescent="0.15">
      <c r="A89" s="8">
        <v>69</v>
      </c>
      <c r="B89" s="21">
        <v>58</v>
      </c>
      <c r="C89" s="6">
        <v>57</v>
      </c>
      <c r="D89" s="5">
        <v>115</v>
      </c>
    </row>
    <row r="90" spans="1:4" ht="18" customHeight="1" x14ac:dyDescent="0.15">
      <c r="A90" s="8" t="s">
        <v>10</v>
      </c>
      <c r="B90" s="21">
        <v>274</v>
      </c>
      <c r="C90" s="6">
        <v>314</v>
      </c>
      <c r="D90" s="5">
        <v>588</v>
      </c>
    </row>
    <row r="91" spans="1:4" ht="18" customHeight="1" x14ac:dyDescent="0.15">
      <c r="A91" s="8">
        <v>70</v>
      </c>
      <c r="B91" s="21">
        <v>59</v>
      </c>
      <c r="C91" s="6">
        <v>58</v>
      </c>
      <c r="D91" s="5">
        <v>117</v>
      </c>
    </row>
    <row r="92" spans="1:4" ht="18" customHeight="1" x14ac:dyDescent="0.15">
      <c r="A92" s="8">
        <v>71</v>
      </c>
      <c r="B92" s="21">
        <v>65</v>
      </c>
      <c r="C92" s="6">
        <v>62</v>
      </c>
      <c r="D92" s="5">
        <v>127</v>
      </c>
    </row>
    <row r="93" spans="1:4" ht="18" customHeight="1" x14ac:dyDescent="0.15">
      <c r="A93" s="8">
        <v>72</v>
      </c>
      <c r="B93" s="21">
        <v>55</v>
      </c>
      <c r="C93" s="6">
        <v>61</v>
      </c>
      <c r="D93" s="5">
        <v>116</v>
      </c>
    </row>
    <row r="94" spans="1:4" ht="18" customHeight="1" x14ac:dyDescent="0.15">
      <c r="A94" s="8">
        <v>73</v>
      </c>
      <c r="B94" s="21">
        <v>63</v>
      </c>
      <c r="C94" s="6">
        <v>77</v>
      </c>
      <c r="D94" s="5">
        <v>140</v>
      </c>
    </row>
    <row r="95" spans="1:4" ht="18" customHeight="1" x14ac:dyDescent="0.15">
      <c r="A95" s="8">
        <v>74</v>
      </c>
      <c r="B95" s="21">
        <v>62</v>
      </c>
      <c r="C95" s="6">
        <v>74</v>
      </c>
      <c r="D95" s="5">
        <v>136</v>
      </c>
    </row>
    <row r="96" spans="1:4" ht="18" customHeight="1" x14ac:dyDescent="0.15">
      <c r="A96" s="8" t="s">
        <v>9</v>
      </c>
      <c r="B96" s="21">
        <v>304</v>
      </c>
      <c r="C96" s="6">
        <v>332</v>
      </c>
      <c r="D96" s="5">
        <v>636</v>
      </c>
    </row>
    <row r="97" spans="1:4" ht="18" customHeight="1" x14ac:dyDescent="0.15">
      <c r="A97" s="8">
        <v>75</v>
      </c>
      <c r="B97" s="21">
        <v>66</v>
      </c>
      <c r="C97" s="6">
        <v>92</v>
      </c>
      <c r="D97" s="5">
        <v>158</v>
      </c>
    </row>
    <row r="98" spans="1:4" ht="18" customHeight="1" x14ac:dyDescent="0.15">
      <c r="A98" s="8">
        <v>76</v>
      </c>
      <c r="B98" s="21">
        <v>79</v>
      </c>
      <c r="C98" s="6">
        <v>99</v>
      </c>
      <c r="D98" s="5">
        <v>178</v>
      </c>
    </row>
    <row r="99" spans="1:4" ht="18" customHeight="1" x14ac:dyDescent="0.15">
      <c r="A99" s="8">
        <v>77</v>
      </c>
      <c r="B99" s="21">
        <v>77</v>
      </c>
      <c r="C99" s="6">
        <v>92</v>
      </c>
      <c r="D99" s="5">
        <v>169</v>
      </c>
    </row>
    <row r="100" spans="1:4" ht="18" customHeight="1" x14ac:dyDescent="0.15">
      <c r="A100" s="8">
        <v>78</v>
      </c>
      <c r="B100" s="21">
        <v>60</v>
      </c>
      <c r="C100" s="6">
        <v>111</v>
      </c>
      <c r="D100" s="5">
        <v>171</v>
      </c>
    </row>
    <row r="101" spans="1:4" ht="18" customHeight="1" x14ac:dyDescent="0.15">
      <c r="A101" s="8">
        <v>79</v>
      </c>
      <c r="B101" s="21">
        <v>43</v>
      </c>
      <c r="C101" s="6">
        <v>69</v>
      </c>
      <c r="D101" s="5">
        <v>112</v>
      </c>
    </row>
    <row r="102" spans="1:4" ht="18" customHeight="1" x14ac:dyDescent="0.15">
      <c r="A102" s="8" t="s">
        <v>8</v>
      </c>
      <c r="B102" s="21">
        <v>325</v>
      </c>
      <c r="C102" s="6">
        <v>463</v>
      </c>
      <c r="D102" s="5">
        <v>788</v>
      </c>
    </row>
    <row r="103" spans="1:4" ht="18" customHeight="1" x14ac:dyDescent="0.15">
      <c r="A103" s="8">
        <v>80</v>
      </c>
      <c r="B103" s="21">
        <v>35</v>
      </c>
      <c r="C103" s="6">
        <v>47</v>
      </c>
      <c r="D103" s="5">
        <v>82</v>
      </c>
    </row>
    <row r="104" spans="1:4" ht="18" customHeight="1" x14ac:dyDescent="0.15">
      <c r="A104" s="8">
        <v>81</v>
      </c>
      <c r="B104" s="21">
        <v>54</v>
      </c>
      <c r="C104" s="6">
        <v>76</v>
      </c>
      <c r="D104" s="5">
        <v>130</v>
      </c>
    </row>
    <row r="105" spans="1:4" ht="18" customHeight="1" x14ac:dyDescent="0.15">
      <c r="A105" s="8">
        <v>82</v>
      </c>
      <c r="B105" s="21">
        <v>47</v>
      </c>
      <c r="C105" s="6">
        <v>76</v>
      </c>
      <c r="D105" s="5">
        <v>123</v>
      </c>
    </row>
    <row r="106" spans="1:4" ht="18" customHeight="1" x14ac:dyDescent="0.15">
      <c r="A106" s="8">
        <v>83</v>
      </c>
      <c r="B106" s="21">
        <v>41</v>
      </c>
      <c r="C106" s="6">
        <v>79</v>
      </c>
      <c r="D106" s="5">
        <v>120</v>
      </c>
    </row>
    <row r="107" spans="1:4" ht="18" customHeight="1" x14ac:dyDescent="0.15">
      <c r="A107" s="8">
        <v>84</v>
      </c>
      <c r="B107" s="21">
        <v>44</v>
      </c>
      <c r="C107" s="6">
        <v>72</v>
      </c>
      <c r="D107" s="5">
        <v>116</v>
      </c>
    </row>
    <row r="108" spans="1:4" ht="18" customHeight="1" x14ac:dyDescent="0.15">
      <c r="A108" s="8" t="s">
        <v>7</v>
      </c>
      <c r="B108" s="21">
        <v>221</v>
      </c>
      <c r="C108" s="6">
        <v>350</v>
      </c>
      <c r="D108" s="5">
        <v>571</v>
      </c>
    </row>
    <row r="109" spans="1:4" ht="18" customHeight="1" x14ac:dyDescent="0.15">
      <c r="A109" s="8">
        <v>85</v>
      </c>
      <c r="B109" s="21">
        <v>37</v>
      </c>
      <c r="C109" s="6">
        <v>50</v>
      </c>
      <c r="D109" s="5">
        <v>87</v>
      </c>
    </row>
    <row r="110" spans="1:4" ht="18" customHeight="1" x14ac:dyDescent="0.15">
      <c r="A110" s="8">
        <v>86</v>
      </c>
      <c r="B110" s="21">
        <v>23</v>
      </c>
      <c r="C110" s="6">
        <v>56</v>
      </c>
      <c r="D110" s="5">
        <v>79</v>
      </c>
    </row>
    <row r="111" spans="1:4" ht="18" customHeight="1" x14ac:dyDescent="0.15">
      <c r="A111" s="8">
        <v>87</v>
      </c>
      <c r="B111" s="21">
        <v>26</v>
      </c>
      <c r="C111" s="6">
        <v>41</v>
      </c>
      <c r="D111" s="5">
        <v>67</v>
      </c>
    </row>
    <row r="112" spans="1:4" ht="18" customHeight="1" x14ac:dyDescent="0.15">
      <c r="A112" s="8">
        <v>88</v>
      </c>
      <c r="B112" s="21">
        <v>27</v>
      </c>
      <c r="C112" s="6">
        <v>35</v>
      </c>
      <c r="D112" s="5">
        <v>62</v>
      </c>
    </row>
    <row r="113" spans="1:4" ht="18" customHeight="1" x14ac:dyDescent="0.15">
      <c r="A113" s="8">
        <v>89</v>
      </c>
      <c r="B113" s="21">
        <v>23</v>
      </c>
      <c r="C113" s="6">
        <v>39</v>
      </c>
      <c r="D113" s="5">
        <v>62</v>
      </c>
    </row>
    <row r="114" spans="1:4" ht="18" customHeight="1" x14ac:dyDescent="0.15">
      <c r="A114" s="8" t="s">
        <v>6</v>
      </c>
      <c r="B114" s="21">
        <v>136</v>
      </c>
      <c r="C114" s="6">
        <v>221</v>
      </c>
      <c r="D114" s="5">
        <v>357</v>
      </c>
    </row>
    <row r="115" spans="1:4" ht="18" customHeight="1" x14ac:dyDescent="0.15">
      <c r="A115" s="8">
        <v>90</v>
      </c>
      <c r="B115" s="21">
        <v>19</v>
      </c>
      <c r="C115" s="6">
        <v>40</v>
      </c>
      <c r="D115" s="5">
        <v>59</v>
      </c>
    </row>
    <row r="116" spans="1:4" ht="18" customHeight="1" x14ac:dyDescent="0.15">
      <c r="A116" s="8">
        <v>91</v>
      </c>
      <c r="B116" s="21">
        <v>16</v>
      </c>
      <c r="C116" s="6">
        <v>36</v>
      </c>
      <c r="D116" s="5">
        <v>52</v>
      </c>
    </row>
    <row r="117" spans="1:4" ht="18" customHeight="1" x14ac:dyDescent="0.15">
      <c r="A117" s="8">
        <v>92</v>
      </c>
      <c r="B117" s="21">
        <v>12</v>
      </c>
      <c r="C117" s="6">
        <v>36</v>
      </c>
      <c r="D117" s="5">
        <v>48</v>
      </c>
    </row>
    <row r="118" spans="1:4" ht="18" customHeight="1" x14ac:dyDescent="0.15">
      <c r="A118" s="8">
        <v>93</v>
      </c>
      <c r="B118" s="21">
        <v>9</v>
      </c>
      <c r="C118" s="6">
        <v>29</v>
      </c>
      <c r="D118" s="5">
        <v>38</v>
      </c>
    </row>
    <row r="119" spans="1:4" ht="18" customHeight="1" x14ac:dyDescent="0.15">
      <c r="A119" s="8">
        <v>94</v>
      </c>
      <c r="B119" s="21">
        <v>2</v>
      </c>
      <c r="C119" s="6">
        <v>25</v>
      </c>
      <c r="D119" s="5">
        <v>27</v>
      </c>
    </row>
    <row r="120" spans="1:4" ht="18" customHeight="1" x14ac:dyDescent="0.15">
      <c r="A120" s="8" t="s">
        <v>5</v>
      </c>
      <c r="B120" s="21">
        <v>58</v>
      </c>
      <c r="C120" s="6">
        <v>166</v>
      </c>
      <c r="D120" s="5">
        <v>224</v>
      </c>
    </row>
    <row r="121" spans="1:4" ht="18" customHeight="1" x14ac:dyDescent="0.15">
      <c r="A121" s="8">
        <v>95</v>
      </c>
      <c r="B121" s="21">
        <v>3</v>
      </c>
      <c r="C121" s="6">
        <v>11</v>
      </c>
      <c r="D121" s="5">
        <v>14</v>
      </c>
    </row>
    <row r="122" spans="1:4" ht="18" customHeight="1" x14ac:dyDescent="0.15">
      <c r="A122" s="8">
        <v>96</v>
      </c>
      <c r="B122" s="21">
        <v>1</v>
      </c>
      <c r="C122" s="6">
        <v>10</v>
      </c>
      <c r="D122" s="5">
        <v>11</v>
      </c>
    </row>
    <row r="123" spans="1:4" ht="18" customHeight="1" x14ac:dyDescent="0.15">
      <c r="A123" s="8">
        <v>97</v>
      </c>
      <c r="B123" s="21">
        <v>0</v>
      </c>
      <c r="C123" s="6">
        <v>10</v>
      </c>
      <c r="D123" s="5">
        <v>10</v>
      </c>
    </row>
    <row r="124" spans="1:4" ht="18" customHeight="1" x14ac:dyDescent="0.15">
      <c r="A124" s="8">
        <v>98</v>
      </c>
      <c r="B124" s="21">
        <v>1</v>
      </c>
      <c r="C124" s="6">
        <v>8</v>
      </c>
      <c r="D124" s="5">
        <v>9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5</v>
      </c>
      <c r="C126" s="6">
        <v>45</v>
      </c>
      <c r="D126" s="5">
        <v>50</v>
      </c>
    </row>
    <row r="127" spans="1:4" ht="18" customHeight="1" x14ac:dyDescent="0.15">
      <c r="A127" s="8">
        <v>100</v>
      </c>
      <c r="B127" s="21">
        <v>1</v>
      </c>
      <c r="C127" s="6">
        <v>5</v>
      </c>
      <c r="D127" s="5">
        <v>6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2</v>
      </c>
      <c r="C129" s="6">
        <v>10</v>
      </c>
      <c r="D129" s="5">
        <v>12</v>
      </c>
    </row>
    <row r="130" spans="1:4" ht="18" customHeight="1" x14ac:dyDescent="0.15">
      <c r="A130" s="8" t="s">
        <v>1</v>
      </c>
      <c r="B130" s="21">
        <v>1325</v>
      </c>
      <c r="C130" s="6">
        <v>1901</v>
      </c>
      <c r="D130" s="5">
        <v>3226</v>
      </c>
    </row>
    <row r="131" spans="1:4" ht="18" customHeight="1" x14ac:dyDescent="0.15">
      <c r="A131" s="4" t="s">
        <v>0</v>
      </c>
      <c r="B131" s="20">
        <v>6097</v>
      </c>
      <c r="C131" s="2">
        <v>6492</v>
      </c>
      <c r="D131" s="1">
        <v>125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9CE533-8C90-43FD-8D13-7913B5DD2FDC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3</v>
      </c>
      <c r="C5" s="11">
        <v>62</v>
      </c>
      <c r="D5" s="10">
        <v>125</v>
      </c>
    </row>
    <row r="6" spans="1:4" ht="18" customHeight="1" x14ac:dyDescent="0.15">
      <c r="A6" s="8">
        <v>1</v>
      </c>
      <c r="B6" s="21">
        <v>67</v>
      </c>
      <c r="C6" s="6">
        <v>77</v>
      </c>
      <c r="D6" s="5">
        <v>144</v>
      </c>
    </row>
    <row r="7" spans="1:4" ht="18" customHeight="1" x14ac:dyDescent="0.15">
      <c r="A7" s="8">
        <v>2</v>
      </c>
      <c r="B7" s="21">
        <v>79</v>
      </c>
      <c r="C7" s="6">
        <v>79</v>
      </c>
      <c r="D7" s="5">
        <v>158</v>
      </c>
    </row>
    <row r="8" spans="1:4" ht="18" customHeight="1" x14ac:dyDescent="0.15">
      <c r="A8" s="8">
        <v>3</v>
      </c>
      <c r="B8" s="21">
        <v>89</v>
      </c>
      <c r="C8" s="6">
        <v>81</v>
      </c>
      <c r="D8" s="5">
        <v>170</v>
      </c>
    </row>
    <row r="9" spans="1:4" ht="18" customHeight="1" x14ac:dyDescent="0.15">
      <c r="A9" s="8">
        <v>4</v>
      </c>
      <c r="B9" s="21">
        <v>83</v>
      </c>
      <c r="C9" s="6">
        <v>79</v>
      </c>
      <c r="D9" s="5">
        <v>162</v>
      </c>
    </row>
    <row r="10" spans="1:4" ht="18" customHeight="1" x14ac:dyDescent="0.15">
      <c r="A10" s="8" t="s">
        <v>25</v>
      </c>
      <c r="B10" s="21">
        <v>381</v>
      </c>
      <c r="C10" s="6">
        <v>378</v>
      </c>
      <c r="D10" s="5">
        <v>759</v>
      </c>
    </row>
    <row r="11" spans="1:4" ht="18" customHeight="1" x14ac:dyDescent="0.15">
      <c r="A11" s="8">
        <v>5</v>
      </c>
      <c r="B11" s="21">
        <v>81</v>
      </c>
      <c r="C11" s="6">
        <v>97</v>
      </c>
      <c r="D11" s="5">
        <v>178</v>
      </c>
    </row>
    <row r="12" spans="1:4" ht="18" customHeight="1" x14ac:dyDescent="0.15">
      <c r="A12" s="8">
        <v>6</v>
      </c>
      <c r="B12" s="21">
        <v>86</v>
      </c>
      <c r="C12" s="6">
        <v>91</v>
      </c>
      <c r="D12" s="5">
        <v>177</v>
      </c>
    </row>
    <row r="13" spans="1:4" ht="18" customHeight="1" x14ac:dyDescent="0.15">
      <c r="A13" s="8">
        <v>7</v>
      </c>
      <c r="B13" s="21">
        <v>84</v>
      </c>
      <c r="C13" s="6">
        <v>69</v>
      </c>
      <c r="D13" s="5">
        <v>153</v>
      </c>
    </row>
    <row r="14" spans="1:4" ht="18" customHeight="1" x14ac:dyDescent="0.15">
      <c r="A14" s="8">
        <v>8</v>
      </c>
      <c r="B14" s="21">
        <v>98</v>
      </c>
      <c r="C14" s="6">
        <v>76</v>
      </c>
      <c r="D14" s="5">
        <v>174</v>
      </c>
    </row>
    <row r="15" spans="1:4" ht="18" customHeight="1" x14ac:dyDescent="0.15">
      <c r="A15" s="8">
        <v>9</v>
      </c>
      <c r="B15" s="21">
        <v>96</v>
      </c>
      <c r="C15" s="6">
        <v>82</v>
      </c>
      <c r="D15" s="5">
        <v>178</v>
      </c>
    </row>
    <row r="16" spans="1:4" ht="18" customHeight="1" x14ac:dyDescent="0.15">
      <c r="A16" s="8" t="s">
        <v>24</v>
      </c>
      <c r="B16" s="21">
        <v>445</v>
      </c>
      <c r="C16" s="6">
        <v>415</v>
      </c>
      <c r="D16" s="5">
        <v>860</v>
      </c>
    </row>
    <row r="17" spans="1:4" ht="18" customHeight="1" x14ac:dyDescent="0.15">
      <c r="A17" s="8">
        <v>10</v>
      </c>
      <c r="B17" s="21">
        <v>99</v>
      </c>
      <c r="C17" s="6">
        <v>79</v>
      </c>
      <c r="D17" s="5">
        <v>178</v>
      </c>
    </row>
    <row r="18" spans="1:4" ht="18" customHeight="1" x14ac:dyDescent="0.15">
      <c r="A18" s="8">
        <v>11</v>
      </c>
      <c r="B18" s="21">
        <v>86</v>
      </c>
      <c r="C18" s="6">
        <v>91</v>
      </c>
      <c r="D18" s="5">
        <v>177</v>
      </c>
    </row>
    <row r="19" spans="1:4" ht="18" customHeight="1" x14ac:dyDescent="0.15">
      <c r="A19" s="8">
        <v>12</v>
      </c>
      <c r="B19" s="21">
        <v>94</v>
      </c>
      <c r="C19" s="6">
        <v>87</v>
      </c>
      <c r="D19" s="5">
        <v>181</v>
      </c>
    </row>
    <row r="20" spans="1:4" ht="18" customHeight="1" x14ac:dyDescent="0.15">
      <c r="A20" s="8">
        <v>13</v>
      </c>
      <c r="B20" s="21">
        <v>97</v>
      </c>
      <c r="C20" s="6">
        <v>92</v>
      </c>
      <c r="D20" s="5">
        <v>189</v>
      </c>
    </row>
    <row r="21" spans="1:4" ht="18" customHeight="1" x14ac:dyDescent="0.15">
      <c r="A21" s="8">
        <v>14</v>
      </c>
      <c r="B21" s="21">
        <v>86</v>
      </c>
      <c r="C21" s="6">
        <v>86</v>
      </c>
      <c r="D21" s="5">
        <v>172</v>
      </c>
    </row>
    <row r="22" spans="1:4" ht="18" customHeight="1" x14ac:dyDescent="0.15">
      <c r="A22" s="8" t="s">
        <v>23</v>
      </c>
      <c r="B22" s="21">
        <v>462</v>
      </c>
      <c r="C22" s="6">
        <v>435</v>
      </c>
      <c r="D22" s="5">
        <v>897</v>
      </c>
    </row>
    <row r="23" spans="1:4" ht="18" customHeight="1" x14ac:dyDescent="0.15">
      <c r="A23" s="8" t="s">
        <v>22</v>
      </c>
      <c r="B23" s="21">
        <v>1288</v>
      </c>
      <c r="C23" s="6">
        <v>1228</v>
      </c>
      <c r="D23" s="5">
        <v>2516</v>
      </c>
    </row>
    <row r="24" spans="1:4" ht="18" customHeight="1" x14ac:dyDescent="0.15">
      <c r="A24" s="8">
        <v>15</v>
      </c>
      <c r="B24" s="21">
        <v>87</v>
      </c>
      <c r="C24" s="6">
        <v>80</v>
      </c>
      <c r="D24" s="5">
        <v>167</v>
      </c>
    </row>
    <row r="25" spans="1:4" ht="18" customHeight="1" x14ac:dyDescent="0.15">
      <c r="A25" s="8">
        <v>16</v>
      </c>
      <c r="B25" s="21">
        <v>92</v>
      </c>
      <c r="C25" s="6">
        <v>92</v>
      </c>
      <c r="D25" s="5">
        <v>184</v>
      </c>
    </row>
    <row r="26" spans="1:4" ht="18" customHeight="1" x14ac:dyDescent="0.15">
      <c r="A26" s="8">
        <v>17</v>
      </c>
      <c r="B26" s="21">
        <v>97</v>
      </c>
      <c r="C26" s="6">
        <v>85</v>
      </c>
      <c r="D26" s="5">
        <v>182</v>
      </c>
    </row>
    <row r="27" spans="1:4" ht="18" customHeight="1" x14ac:dyDescent="0.15">
      <c r="A27" s="8">
        <v>18</v>
      </c>
      <c r="B27" s="21">
        <v>73</v>
      </c>
      <c r="C27" s="6">
        <v>89</v>
      </c>
      <c r="D27" s="5">
        <v>162</v>
      </c>
    </row>
    <row r="28" spans="1:4" ht="18" customHeight="1" x14ac:dyDescent="0.15">
      <c r="A28" s="8">
        <v>19</v>
      </c>
      <c r="B28" s="21">
        <v>77</v>
      </c>
      <c r="C28" s="6">
        <v>90</v>
      </c>
      <c r="D28" s="5">
        <v>167</v>
      </c>
    </row>
    <row r="29" spans="1:4" ht="18" customHeight="1" x14ac:dyDescent="0.15">
      <c r="A29" s="8" t="s">
        <v>21</v>
      </c>
      <c r="B29" s="21">
        <v>426</v>
      </c>
      <c r="C29" s="6">
        <v>436</v>
      </c>
      <c r="D29" s="5">
        <v>862</v>
      </c>
    </row>
    <row r="30" spans="1:4" ht="18" customHeight="1" x14ac:dyDescent="0.15">
      <c r="A30" s="8">
        <v>20</v>
      </c>
      <c r="B30" s="21">
        <v>77</v>
      </c>
      <c r="C30" s="6">
        <v>60</v>
      </c>
      <c r="D30" s="5">
        <v>137</v>
      </c>
    </row>
    <row r="31" spans="1:4" ht="18" customHeight="1" x14ac:dyDescent="0.15">
      <c r="A31" s="8">
        <v>21</v>
      </c>
      <c r="B31" s="21">
        <v>77</v>
      </c>
      <c r="C31" s="6">
        <v>66</v>
      </c>
      <c r="D31" s="5">
        <v>143</v>
      </c>
    </row>
    <row r="32" spans="1:4" ht="18" customHeight="1" x14ac:dyDescent="0.15">
      <c r="A32" s="8">
        <v>22</v>
      </c>
      <c r="B32" s="21">
        <v>74</v>
      </c>
      <c r="C32" s="6">
        <v>76</v>
      </c>
      <c r="D32" s="5">
        <v>150</v>
      </c>
    </row>
    <row r="33" spans="1:4" ht="18" customHeight="1" x14ac:dyDescent="0.15">
      <c r="A33" s="8">
        <v>23</v>
      </c>
      <c r="B33" s="21">
        <v>82</v>
      </c>
      <c r="C33" s="6">
        <v>59</v>
      </c>
      <c r="D33" s="5">
        <v>141</v>
      </c>
    </row>
    <row r="34" spans="1:4" ht="18" customHeight="1" x14ac:dyDescent="0.15">
      <c r="A34" s="8">
        <v>24</v>
      </c>
      <c r="B34" s="21">
        <v>72</v>
      </c>
      <c r="C34" s="6">
        <v>75</v>
      </c>
      <c r="D34" s="5">
        <v>147</v>
      </c>
    </row>
    <row r="35" spans="1:4" ht="18" customHeight="1" x14ac:dyDescent="0.15">
      <c r="A35" s="8" t="s">
        <v>20</v>
      </c>
      <c r="B35" s="21">
        <v>382</v>
      </c>
      <c r="C35" s="6">
        <v>336</v>
      </c>
      <c r="D35" s="5">
        <v>718</v>
      </c>
    </row>
    <row r="36" spans="1:4" ht="18" customHeight="1" x14ac:dyDescent="0.15">
      <c r="A36" s="8">
        <v>25</v>
      </c>
      <c r="B36" s="21">
        <v>81</v>
      </c>
      <c r="C36" s="6">
        <v>61</v>
      </c>
      <c r="D36" s="5">
        <v>142</v>
      </c>
    </row>
    <row r="37" spans="1:4" ht="18" customHeight="1" x14ac:dyDescent="0.15">
      <c r="A37" s="8">
        <v>26</v>
      </c>
      <c r="B37" s="21">
        <v>74</v>
      </c>
      <c r="C37" s="6">
        <v>84</v>
      </c>
      <c r="D37" s="5">
        <v>158</v>
      </c>
    </row>
    <row r="38" spans="1:4" ht="18" customHeight="1" x14ac:dyDescent="0.15">
      <c r="A38" s="8">
        <v>27</v>
      </c>
      <c r="B38" s="21">
        <v>78</v>
      </c>
      <c r="C38" s="6">
        <v>80</v>
      </c>
      <c r="D38" s="5">
        <v>158</v>
      </c>
    </row>
    <row r="39" spans="1:4" ht="18" customHeight="1" x14ac:dyDescent="0.15">
      <c r="A39" s="8">
        <v>28</v>
      </c>
      <c r="B39" s="21">
        <v>83</v>
      </c>
      <c r="C39" s="6">
        <v>109</v>
      </c>
      <c r="D39" s="5">
        <v>192</v>
      </c>
    </row>
    <row r="40" spans="1:4" ht="18" customHeight="1" x14ac:dyDescent="0.15">
      <c r="A40" s="8">
        <v>29</v>
      </c>
      <c r="B40" s="21">
        <v>84</v>
      </c>
      <c r="C40" s="6">
        <v>92</v>
      </c>
      <c r="D40" s="5">
        <v>176</v>
      </c>
    </row>
    <row r="41" spans="1:4" ht="18" customHeight="1" x14ac:dyDescent="0.15">
      <c r="A41" s="8" t="s">
        <v>19</v>
      </c>
      <c r="B41" s="21">
        <v>400</v>
      </c>
      <c r="C41" s="6">
        <v>426</v>
      </c>
      <c r="D41" s="5">
        <v>826</v>
      </c>
    </row>
    <row r="42" spans="1:4" ht="18" customHeight="1" x14ac:dyDescent="0.15">
      <c r="A42" s="8">
        <v>30</v>
      </c>
      <c r="B42" s="21">
        <v>79</v>
      </c>
      <c r="C42" s="6">
        <v>81</v>
      </c>
      <c r="D42" s="5">
        <v>160</v>
      </c>
    </row>
    <row r="43" spans="1:4" ht="18" customHeight="1" x14ac:dyDescent="0.15">
      <c r="A43" s="8">
        <v>31</v>
      </c>
      <c r="B43" s="21">
        <v>111</v>
      </c>
      <c r="C43" s="6">
        <v>103</v>
      </c>
      <c r="D43" s="5">
        <v>214</v>
      </c>
    </row>
    <row r="44" spans="1:4" ht="18" customHeight="1" x14ac:dyDescent="0.15">
      <c r="A44" s="8">
        <v>32</v>
      </c>
      <c r="B44" s="21">
        <v>76</v>
      </c>
      <c r="C44" s="6">
        <v>95</v>
      </c>
      <c r="D44" s="5">
        <v>171</v>
      </c>
    </row>
    <row r="45" spans="1:4" ht="18" customHeight="1" x14ac:dyDescent="0.15">
      <c r="A45" s="8">
        <v>33</v>
      </c>
      <c r="B45" s="21">
        <v>83</v>
      </c>
      <c r="C45" s="6">
        <v>102</v>
      </c>
      <c r="D45" s="5">
        <v>185</v>
      </c>
    </row>
    <row r="46" spans="1:4" ht="18" customHeight="1" x14ac:dyDescent="0.15">
      <c r="A46" s="8">
        <v>34</v>
      </c>
      <c r="B46" s="21">
        <v>94</v>
      </c>
      <c r="C46" s="6">
        <v>100</v>
      </c>
      <c r="D46" s="5">
        <v>194</v>
      </c>
    </row>
    <row r="47" spans="1:4" ht="18" customHeight="1" x14ac:dyDescent="0.15">
      <c r="A47" s="8" t="s">
        <v>18</v>
      </c>
      <c r="B47" s="21">
        <v>443</v>
      </c>
      <c r="C47" s="6">
        <v>481</v>
      </c>
      <c r="D47" s="5">
        <v>924</v>
      </c>
    </row>
    <row r="48" spans="1:4" ht="18" customHeight="1" x14ac:dyDescent="0.15">
      <c r="A48" s="8">
        <v>35</v>
      </c>
      <c r="B48" s="21">
        <v>98</v>
      </c>
      <c r="C48" s="6">
        <v>104</v>
      </c>
      <c r="D48" s="5">
        <v>202</v>
      </c>
    </row>
    <row r="49" spans="1:4" ht="18" customHeight="1" x14ac:dyDescent="0.15">
      <c r="A49" s="8">
        <v>36</v>
      </c>
      <c r="B49" s="21">
        <v>101</v>
      </c>
      <c r="C49" s="6">
        <v>95</v>
      </c>
      <c r="D49" s="5">
        <v>196</v>
      </c>
    </row>
    <row r="50" spans="1:4" ht="18" customHeight="1" x14ac:dyDescent="0.15">
      <c r="A50" s="8">
        <v>37</v>
      </c>
      <c r="B50" s="21">
        <v>110</v>
      </c>
      <c r="C50" s="6">
        <v>101</v>
      </c>
      <c r="D50" s="5">
        <v>211</v>
      </c>
    </row>
    <row r="51" spans="1:4" ht="18" customHeight="1" x14ac:dyDescent="0.15">
      <c r="A51" s="8">
        <v>38</v>
      </c>
      <c r="B51" s="21">
        <v>89</v>
      </c>
      <c r="C51" s="6">
        <v>91</v>
      </c>
      <c r="D51" s="5">
        <v>180</v>
      </c>
    </row>
    <row r="52" spans="1:4" ht="18" customHeight="1" x14ac:dyDescent="0.15">
      <c r="A52" s="8">
        <v>39</v>
      </c>
      <c r="B52" s="21">
        <v>108</v>
      </c>
      <c r="C52" s="6">
        <v>110</v>
      </c>
      <c r="D52" s="5">
        <v>218</v>
      </c>
    </row>
    <row r="53" spans="1:4" ht="18" customHeight="1" x14ac:dyDescent="0.15">
      <c r="A53" s="8" t="s">
        <v>17</v>
      </c>
      <c r="B53" s="21">
        <v>506</v>
      </c>
      <c r="C53" s="6">
        <v>501</v>
      </c>
      <c r="D53" s="5">
        <v>1007</v>
      </c>
    </row>
    <row r="54" spans="1:4" ht="18" customHeight="1" x14ac:dyDescent="0.15">
      <c r="A54" s="8">
        <v>40</v>
      </c>
      <c r="B54" s="21">
        <v>128</v>
      </c>
      <c r="C54" s="6">
        <v>126</v>
      </c>
      <c r="D54" s="5">
        <v>254</v>
      </c>
    </row>
    <row r="55" spans="1:4" ht="18" customHeight="1" x14ac:dyDescent="0.15">
      <c r="A55" s="8">
        <v>41</v>
      </c>
      <c r="B55" s="21">
        <v>137</v>
      </c>
      <c r="C55" s="6">
        <v>102</v>
      </c>
      <c r="D55" s="5">
        <v>239</v>
      </c>
    </row>
    <row r="56" spans="1:4" ht="18" customHeight="1" x14ac:dyDescent="0.15">
      <c r="A56" s="8">
        <v>42</v>
      </c>
      <c r="B56" s="21">
        <v>136</v>
      </c>
      <c r="C56" s="6">
        <v>105</v>
      </c>
      <c r="D56" s="5">
        <v>241</v>
      </c>
    </row>
    <row r="57" spans="1:4" ht="18" customHeight="1" x14ac:dyDescent="0.15">
      <c r="A57" s="8">
        <v>43</v>
      </c>
      <c r="B57" s="21">
        <v>143</v>
      </c>
      <c r="C57" s="6">
        <v>126</v>
      </c>
      <c r="D57" s="5">
        <v>269</v>
      </c>
    </row>
    <row r="58" spans="1:4" ht="18" customHeight="1" x14ac:dyDescent="0.15">
      <c r="A58" s="8">
        <v>44</v>
      </c>
      <c r="B58" s="21">
        <v>128</v>
      </c>
      <c r="C58" s="6">
        <v>132</v>
      </c>
      <c r="D58" s="5">
        <v>260</v>
      </c>
    </row>
    <row r="59" spans="1:4" ht="18" customHeight="1" x14ac:dyDescent="0.15">
      <c r="A59" s="8" t="s">
        <v>16</v>
      </c>
      <c r="B59" s="21">
        <v>672</v>
      </c>
      <c r="C59" s="6">
        <v>591</v>
      </c>
      <c r="D59" s="5">
        <v>1263</v>
      </c>
    </row>
    <row r="60" spans="1:4" ht="18" customHeight="1" x14ac:dyDescent="0.15">
      <c r="A60" s="8">
        <v>45</v>
      </c>
      <c r="B60" s="21">
        <v>148</v>
      </c>
      <c r="C60" s="6">
        <v>111</v>
      </c>
      <c r="D60" s="5">
        <v>259</v>
      </c>
    </row>
    <row r="61" spans="1:4" ht="18" customHeight="1" x14ac:dyDescent="0.15">
      <c r="A61" s="8">
        <v>46</v>
      </c>
      <c r="B61" s="21">
        <v>127</v>
      </c>
      <c r="C61" s="6">
        <v>143</v>
      </c>
      <c r="D61" s="5">
        <v>270</v>
      </c>
    </row>
    <row r="62" spans="1:4" ht="18" customHeight="1" x14ac:dyDescent="0.15">
      <c r="A62" s="8">
        <v>47</v>
      </c>
      <c r="B62" s="21">
        <v>108</v>
      </c>
      <c r="C62" s="6">
        <v>106</v>
      </c>
      <c r="D62" s="5">
        <v>214</v>
      </c>
    </row>
    <row r="63" spans="1:4" ht="18" customHeight="1" x14ac:dyDescent="0.15">
      <c r="A63" s="8">
        <v>48</v>
      </c>
      <c r="B63" s="21">
        <v>140</v>
      </c>
      <c r="C63" s="6">
        <v>126</v>
      </c>
      <c r="D63" s="5">
        <v>266</v>
      </c>
    </row>
    <row r="64" spans="1:4" ht="18" customHeight="1" x14ac:dyDescent="0.15">
      <c r="A64" s="8">
        <v>49</v>
      </c>
      <c r="B64" s="21">
        <v>141</v>
      </c>
      <c r="C64" s="6">
        <v>130</v>
      </c>
      <c r="D64" s="5">
        <v>271</v>
      </c>
    </row>
    <row r="65" spans="1:4" ht="18" customHeight="1" x14ac:dyDescent="0.15">
      <c r="A65" s="8" t="s">
        <v>15</v>
      </c>
      <c r="B65" s="21">
        <v>664</v>
      </c>
      <c r="C65" s="6">
        <v>616</v>
      </c>
      <c r="D65" s="5">
        <v>1280</v>
      </c>
    </row>
    <row r="66" spans="1:4" ht="18" customHeight="1" x14ac:dyDescent="0.15">
      <c r="A66" s="8">
        <v>50</v>
      </c>
      <c r="B66" s="21">
        <v>152</v>
      </c>
      <c r="C66" s="6">
        <v>126</v>
      </c>
      <c r="D66" s="5">
        <v>278</v>
      </c>
    </row>
    <row r="67" spans="1:4" ht="18" customHeight="1" x14ac:dyDescent="0.15">
      <c r="A67" s="8">
        <v>51</v>
      </c>
      <c r="B67" s="21">
        <v>156</v>
      </c>
      <c r="C67" s="6">
        <v>176</v>
      </c>
      <c r="D67" s="5">
        <v>332</v>
      </c>
    </row>
    <row r="68" spans="1:4" ht="18" customHeight="1" x14ac:dyDescent="0.15">
      <c r="A68" s="8">
        <v>52</v>
      </c>
      <c r="B68" s="21">
        <v>143</v>
      </c>
      <c r="C68" s="6">
        <v>141</v>
      </c>
      <c r="D68" s="5">
        <v>284</v>
      </c>
    </row>
    <row r="69" spans="1:4" ht="18" customHeight="1" x14ac:dyDescent="0.15">
      <c r="A69" s="8">
        <v>53</v>
      </c>
      <c r="B69" s="21">
        <v>140</v>
      </c>
      <c r="C69" s="6">
        <v>134</v>
      </c>
      <c r="D69" s="5">
        <v>274</v>
      </c>
    </row>
    <row r="70" spans="1:4" ht="18" customHeight="1" x14ac:dyDescent="0.15">
      <c r="A70" s="8">
        <v>54</v>
      </c>
      <c r="B70" s="21">
        <v>134</v>
      </c>
      <c r="C70" s="6">
        <v>125</v>
      </c>
      <c r="D70" s="5">
        <v>259</v>
      </c>
    </row>
    <row r="71" spans="1:4" ht="18" customHeight="1" x14ac:dyDescent="0.15">
      <c r="A71" s="8" t="s">
        <v>14</v>
      </c>
      <c r="B71" s="21">
        <v>725</v>
      </c>
      <c r="C71" s="6">
        <v>702</v>
      </c>
      <c r="D71" s="5">
        <v>1427</v>
      </c>
    </row>
    <row r="72" spans="1:4" ht="18" customHeight="1" x14ac:dyDescent="0.15">
      <c r="A72" s="8">
        <v>55</v>
      </c>
      <c r="B72" s="21">
        <v>105</v>
      </c>
      <c r="C72" s="6">
        <v>107</v>
      </c>
      <c r="D72" s="5">
        <v>212</v>
      </c>
    </row>
    <row r="73" spans="1:4" ht="18" customHeight="1" x14ac:dyDescent="0.15">
      <c r="A73" s="8">
        <v>56</v>
      </c>
      <c r="B73" s="21">
        <v>98</v>
      </c>
      <c r="C73" s="6">
        <v>105</v>
      </c>
      <c r="D73" s="5">
        <v>203</v>
      </c>
    </row>
    <row r="74" spans="1:4" ht="18" customHeight="1" x14ac:dyDescent="0.15">
      <c r="A74" s="8">
        <v>57</v>
      </c>
      <c r="B74" s="21">
        <v>92</v>
      </c>
      <c r="C74" s="6">
        <v>86</v>
      </c>
      <c r="D74" s="5">
        <v>178</v>
      </c>
    </row>
    <row r="75" spans="1:4" ht="18" customHeight="1" x14ac:dyDescent="0.15">
      <c r="A75" s="8">
        <v>58</v>
      </c>
      <c r="B75" s="21">
        <v>106</v>
      </c>
      <c r="C75" s="6">
        <v>99</v>
      </c>
      <c r="D75" s="5">
        <v>205</v>
      </c>
    </row>
    <row r="76" spans="1:4" ht="18" customHeight="1" x14ac:dyDescent="0.15">
      <c r="A76" s="8">
        <v>59</v>
      </c>
      <c r="B76" s="21">
        <v>59</v>
      </c>
      <c r="C76" s="6">
        <v>71</v>
      </c>
      <c r="D76" s="5">
        <v>130</v>
      </c>
    </row>
    <row r="77" spans="1:4" ht="18" customHeight="1" x14ac:dyDescent="0.15">
      <c r="A77" s="8" t="s">
        <v>13</v>
      </c>
      <c r="B77" s="21">
        <v>460</v>
      </c>
      <c r="C77" s="6">
        <v>468</v>
      </c>
      <c r="D77" s="5">
        <v>928</v>
      </c>
    </row>
    <row r="78" spans="1:4" ht="18" customHeight="1" x14ac:dyDescent="0.15">
      <c r="A78" s="8">
        <v>60</v>
      </c>
      <c r="B78" s="21">
        <v>94</v>
      </c>
      <c r="C78" s="6">
        <v>94</v>
      </c>
      <c r="D78" s="5">
        <v>188</v>
      </c>
    </row>
    <row r="79" spans="1:4" ht="18" customHeight="1" x14ac:dyDescent="0.15">
      <c r="A79" s="8">
        <v>61</v>
      </c>
      <c r="B79" s="21">
        <v>88</v>
      </c>
      <c r="C79" s="6">
        <v>86</v>
      </c>
      <c r="D79" s="5">
        <v>174</v>
      </c>
    </row>
    <row r="80" spans="1:4" ht="18" customHeight="1" x14ac:dyDescent="0.15">
      <c r="A80" s="8">
        <v>62</v>
      </c>
      <c r="B80" s="21">
        <v>82</v>
      </c>
      <c r="C80" s="6">
        <v>78</v>
      </c>
      <c r="D80" s="5">
        <v>160</v>
      </c>
    </row>
    <row r="81" spans="1:4" ht="18" customHeight="1" x14ac:dyDescent="0.15">
      <c r="A81" s="8">
        <v>63</v>
      </c>
      <c r="B81" s="21">
        <v>60</v>
      </c>
      <c r="C81" s="6">
        <v>74</v>
      </c>
      <c r="D81" s="5">
        <v>134</v>
      </c>
    </row>
    <row r="82" spans="1:4" ht="18" customHeight="1" x14ac:dyDescent="0.15">
      <c r="A82" s="8">
        <v>64</v>
      </c>
      <c r="B82" s="21">
        <v>76</v>
      </c>
      <c r="C82" s="6">
        <v>71</v>
      </c>
      <c r="D82" s="5">
        <v>147</v>
      </c>
    </row>
    <row r="83" spans="1:4" ht="18" customHeight="1" x14ac:dyDescent="0.15">
      <c r="A83" s="8" t="s">
        <v>12</v>
      </c>
      <c r="B83" s="21">
        <v>400</v>
      </c>
      <c r="C83" s="6">
        <v>403</v>
      </c>
      <c r="D83" s="5">
        <v>803</v>
      </c>
    </row>
    <row r="84" spans="1:4" ht="18" customHeight="1" x14ac:dyDescent="0.15">
      <c r="A84" s="8" t="s">
        <v>11</v>
      </c>
      <c r="B84" s="21">
        <v>5078</v>
      </c>
      <c r="C84" s="6">
        <v>4960</v>
      </c>
      <c r="D84" s="5">
        <v>10038</v>
      </c>
    </row>
    <row r="85" spans="1:4" ht="18" customHeight="1" x14ac:dyDescent="0.15">
      <c r="A85" s="8">
        <v>65</v>
      </c>
      <c r="B85" s="21">
        <v>70</v>
      </c>
      <c r="C85" s="6">
        <v>80</v>
      </c>
      <c r="D85" s="5">
        <v>150</v>
      </c>
    </row>
    <row r="86" spans="1:4" ht="18" customHeight="1" x14ac:dyDescent="0.15">
      <c r="A86" s="8">
        <v>66</v>
      </c>
      <c r="B86" s="21">
        <v>55</v>
      </c>
      <c r="C86" s="6">
        <v>79</v>
      </c>
      <c r="D86" s="5">
        <v>134</v>
      </c>
    </row>
    <row r="87" spans="1:4" ht="18" customHeight="1" x14ac:dyDescent="0.15">
      <c r="A87" s="8">
        <v>67</v>
      </c>
      <c r="B87" s="21">
        <v>80</v>
      </c>
      <c r="C87" s="6">
        <v>83</v>
      </c>
      <c r="D87" s="5">
        <v>163</v>
      </c>
    </row>
    <row r="88" spans="1:4" ht="18" customHeight="1" x14ac:dyDescent="0.15">
      <c r="A88" s="8">
        <v>68</v>
      </c>
      <c r="B88" s="21">
        <v>63</v>
      </c>
      <c r="C88" s="6">
        <v>74</v>
      </c>
      <c r="D88" s="5">
        <v>137</v>
      </c>
    </row>
    <row r="89" spans="1:4" ht="18" customHeight="1" x14ac:dyDescent="0.15">
      <c r="A89" s="8">
        <v>69</v>
      </c>
      <c r="B89" s="21">
        <v>62</v>
      </c>
      <c r="C89" s="6">
        <v>60</v>
      </c>
      <c r="D89" s="5">
        <v>122</v>
      </c>
    </row>
    <row r="90" spans="1:4" ht="18" customHeight="1" x14ac:dyDescent="0.15">
      <c r="A90" s="8" t="s">
        <v>10</v>
      </c>
      <c r="B90" s="21">
        <v>330</v>
      </c>
      <c r="C90" s="6">
        <v>376</v>
      </c>
      <c r="D90" s="5">
        <v>706</v>
      </c>
    </row>
    <row r="91" spans="1:4" ht="18" customHeight="1" x14ac:dyDescent="0.15">
      <c r="A91" s="8">
        <v>70</v>
      </c>
      <c r="B91" s="21">
        <v>73</v>
      </c>
      <c r="C91" s="6">
        <v>84</v>
      </c>
      <c r="D91" s="5">
        <v>157</v>
      </c>
    </row>
    <row r="92" spans="1:4" ht="18" customHeight="1" x14ac:dyDescent="0.15">
      <c r="A92" s="8">
        <v>71</v>
      </c>
      <c r="B92" s="21">
        <v>81</v>
      </c>
      <c r="C92" s="6">
        <v>77</v>
      </c>
      <c r="D92" s="5">
        <v>158</v>
      </c>
    </row>
    <row r="93" spans="1:4" ht="18" customHeight="1" x14ac:dyDescent="0.15">
      <c r="A93" s="8">
        <v>72</v>
      </c>
      <c r="B93" s="21">
        <v>76</v>
      </c>
      <c r="C93" s="6">
        <v>89</v>
      </c>
      <c r="D93" s="5">
        <v>165</v>
      </c>
    </row>
    <row r="94" spans="1:4" ht="18" customHeight="1" x14ac:dyDescent="0.15">
      <c r="A94" s="8">
        <v>73</v>
      </c>
      <c r="B94" s="21">
        <v>86</v>
      </c>
      <c r="C94" s="6">
        <v>102</v>
      </c>
      <c r="D94" s="5">
        <v>188</v>
      </c>
    </row>
    <row r="95" spans="1:4" ht="18" customHeight="1" x14ac:dyDescent="0.15">
      <c r="A95" s="8">
        <v>74</v>
      </c>
      <c r="B95" s="21">
        <v>68</v>
      </c>
      <c r="C95" s="6">
        <v>81</v>
      </c>
      <c r="D95" s="5">
        <v>149</v>
      </c>
    </row>
    <row r="96" spans="1:4" ht="18" customHeight="1" x14ac:dyDescent="0.15">
      <c r="A96" s="8" t="s">
        <v>9</v>
      </c>
      <c r="B96" s="21">
        <v>384</v>
      </c>
      <c r="C96" s="6">
        <v>433</v>
      </c>
      <c r="D96" s="5">
        <v>817</v>
      </c>
    </row>
    <row r="97" spans="1:4" ht="18" customHeight="1" x14ac:dyDescent="0.15">
      <c r="A97" s="8">
        <v>75</v>
      </c>
      <c r="B97" s="21">
        <v>81</v>
      </c>
      <c r="C97" s="6">
        <v>109</v>
      </c>
      <c r="D97" s="5">
        <v>190</v>
      </c>
    </row>
    <row r="98" spans="1:4" ht="18" customHeight="1" x14ac:dyDescent="0.15">
      <c r="A98" s="8">
        <v>76</v>
      </c>
      <c r="B98" s="21">
        <v>90</v>
      </c>
      <c r="C98" s="6">
        <v>122</v>
      </c>
      <c r="D98" s="5">
        <v>212</v>
      </c>
    </row>
    <row r="99" spans="1:4" ht="18" customHeight="1" x14ac:dyDescent="0.15">
      <c r="A99" s="8">
        <v>77</v>
      </c>
      <c r="B99" s="21">
        <v>97</v>
      </c>
      <c r="C99" s="6">
        <v>134</v>
      </c>
      <c r="D99" s="5">
        <v>231</v>
      </c>
    </row>
    <row r="100" spans="1:4" ht="18" customHeight="1" x14ac:dyDescent="0.15">
      <c r="A100" s="8">
        <v>78</v>
      </c>
      <c r="B100" s="21">
        <v>96</v>
      </c>
      <c r="C100" s="6">
        <v>162</v>
      </c>
      <c r="D100" s="5">
        <v>258</v>
      </c>
    </row>
    <row r="101" spans="1:4" ht="18" customHeight="1" x14ac:dyDescent="0.15">
      <c r="A101" s="8">
        <v>79</v>
      </c>
      <c r="B101" s="21">
        <v>71</v>
      </c>
      <c r="C101" s="6">
        <v>77</v>
      </c>
      <c r="D101" s="5">
        <v>148</v>
      </c>
    </row>
    <row r="102" spans="1:4" ht="18" customHeight="1" x14ac:dyDescent="0.15">
      <c r="A102" s="8" t="s">
        <v>8</v>
      </c>
      <c r="B102" s="21">
        <v>435</v>
      </c>
      <c r="C102" s="6">
        <v>604</v>
      </c>
      <c r="D102" s="5">
        <v>1039</v>
      </c>
    </row>
    <row r="103" spans="1:4" ht="18" customHeight="1" x14ac:dyDescent="0.15">
      <c r="A103" s="8">
        <v>80</v>
      </c>
      <c r="B103" s="21">
        <v>57</v>
      </c>
      <c r="C103" s="6">
        <v>80</v>
      </c>
      <c r="D103" s="5">
        <v>137</v>
      </c>
    </row>
    <row r="104" spans="1:4" ht="18" customHeight="1" x14ac:dyDescent="0.15">
      <c r="A104" s="8">
        <v>81</v>
      </c>
      <c r="B104" s="21">
        <v>71</v>
      </c>
      <c r="C104" s="6">
        <v>107</v>
      </c>
      <c r="D104" s="5">
        <v>178</v>
      </c>
    </row>
    <row r="105" spans="1:4" ht="18" customHeight="1" x14ac:dyDescent="0.15">
      <c r="A105" s="8">
        <v>82</v>
      </c>
      <c r="B105" s="21">
        <v>69</v>
      </c>
      <c r="C105" s="6">
        <v>85</v>
      </c>
      <c r="D105" s="5">
        <v>154</v>
      </c>
    </row>
    <row r="106" spans="1:4" ht="18" customHeight="1" x14ac:dyDescent="0.15">
      <c r="A106" s="8">
        <v>83</v>
      </c>
      <c r="B106" s="21">
        <v>55</v>
      </c>
      <c r="C106" s="6">
        <v>103</v>
      </c>
      <c r="D106" s="5">
        <v>158</v>
      </c>
    </row>
    <row r="107" spans="1:4" ht="18" customHeight="1" x14ac:dyDescent="0.15">
      <c r="A107" s="8">
        <v>84</v>
      </c>
      <c r="B107" s="21">
        <v>54</v>
      </c>
      <c r="C107" s="6">
        <v>72</v>
      </c>
      <c r="D107" s="5">
        <v>126</v>
      </c>
    </row>
    <row r="108" spans="1:4" ht="18" customHeight="1" x14ac:dyDescent="0.15">
      <c r="A108" s="8" t="s">
        <v>7</v>
      </c>
      <c r="B108" s="21">
        <v>306</v>
      </c>
      <c r="C108" s="6">
        <v>447</v>
      </c>
      <c r="D108" s="5">
        <v>753</v>
      </c>
    </row>
    <row r="109" spans="1:4" ht="18" customHeight="1" x14ac:dyDescent="0.15">
      <c r="A109" s="8">
        <v>85</v>
      </c>
      <c r="B109" s="21">
        <v>49</v>
      </c>
      <c r="C109" s="6">
        <v>83</v>
      </c>
      <c r="D109" s="5">
        <v>132</v>
      </c>
    </row>
    <row r="110" spans="1:4" ht="18" customHeight="1" x14ac:dyDescent="0.15">
      <c r="A110" s="8">
        <v>86</v>
      </c>
      <c r="B110" s="21">
        <v>36</v>
      </c>
      <c r="C110" s="6">
        <v>44</v>
      </c>
      <c r="D110" s="5">
        <v>80</v>
      </c>
    </row>
    <row r="111" spans="1:4" ht="18" customHeight="1" x14ac:dyDescent="0.15">
      <c r="A111" s="8">
        <v>87</v>
      </c>
      <c r="B111" s="21">
        <v>34</v>
      </c>
      <c r="C111" s="6">
        <v>51</v>
      </c>
      <c r="D111" s="5">
        <v>85</v>
      </c>
    </row>
    <row r="112" spans="1:4" ht="18" customHeight="1" x14ac:dyDescent="0.15">
      <c r="A112" s="8">
        <v>88</v>
      </c>
      <c r="B112" s="21">
        <v>39</v>
      </c>
      <c r="C112" s="6">
        <v>48</v>
      </c>
      <c r="D112" s="5">
        <v>87</v>
      </c>
    </row>
    <row r="113" spans="1:4" ht="18" customHeight="1" x14ac:dyDescent="0.15">
      <c r="A113" s="8">
        <v>89</v>
      </c>
      <c r="B113" s="21">
        <v>19</v>
      </c>
      <c r="C113" s="6">
        <v>41</v>
      </c>
      <c r="D113" s="5">
        <v>60</v>
      </c>
    </row>
    <row r="114" spans="1:4" ht="18" customHeight="1" x14ac:dyDescent="0.15">
      <c r="A114" s="8" t="s">
        <v>6</v>
      </c>
      <c r="B114" s="21">
        <v>177</v>
      </c>
      <c r="C114" s="6">
        <v>267</v>
      </c>
      <c r="D114" s="5">
        <v>444</v>
      </c>
    </row>
    <row r="115" spans="1:4" ht="18" customHeight="1" x14ac:dyDescent="0.15">
      <c r="A115" s="8">
        <v>90</v>
      </c>
      <c r="B115" s="21">
        <v>23</v>
      </c>
      <c r="C115" s="6">
        <v>40</v>
      </c>
      <c r="D115" s="5">
        <v>63</v>
      </c>
    </row>
    <row r="116" spans="1:4" ht="18" customHeight="1" x14ac:dyDescent="0.15">
      <c r="A116" s="8">
        <v>91</v>
      </c>
      <c r="B116" s="21">
        <v>16</v>
      </c>
      <c r="C116" s="6">
        <v>28</v>
      </c>
      <c r="D116" s="5">
        <v>44</v>
      </c>
    </row>
    <row r="117" spans="1:4" ht="18" customHeight="1" x14ac:dyDescent="0.15">
      <c r="A117" s="8">
        <v>92</v>
      </c>
      <c r="B117" s="21">
        <v>11</v>
      </c>
      <c r="C117" s="6">
        <v>27</v>
      </c>
      <c r="D117" s="5">
        <v>38</v>
      </c>
    </row>
    <row r="118" spans="1:4" ht="18" customHeight="1" x14ac:dyDescent="0.15">
      <c r="A118" s="8">
        <v>93</v>
      </c>
      <c r="B118" s="21">
        <v>4</v>
      </c>
      <c r="C118" s="6">
        <v>21</v>
      </c>
      <c r="D118" s="5">
        <v>25</v>
      </c>
    </row>
    <row r="119" spans="1:4" ht="18" customHeight="1" x14ac:dyDescent="0.15">
      <c r="A119" s="8">
        <v>94</v>
      </c>
      <c r="B119" s="21">
        <v>11</v>
      </c>
      <c r="C119" s="6">
        <v>18</v>
      </c>
      <c r="D119" s="5">
        <v>29</v>
      </c>
    </row>
    <row r="120" spans="1:4" ht="18" customHeight="1" x14ac:dyDescent="0.15">
      <c r="A120" s="8" t="s">
        <v>5</v>
      </c>
      <c r="B120" s="21">
        <v>65</v>
      </c>
      <c r="C120" s="6">
        <v>134</v>
      </c>
      <c r="D120" s="5">
        <v>199</v>
      </c>
    </row>
    <row r="121" spans="1:4" ht="18" customHeight="1" x14ac:dyDescent="0.15">
      <c r="A121" s="8">
        <v>95</v>
      </c>
      <c r="B121" s="21">
        <v>4</v>
      </c>
      <c r="C121" s="6">
        <v>12</v>
      </c>
      <c r="D121" s="5">
        <v>16</v>
      </c>
    </row>
    <row r="122" spans="1:4" ht="18" customHeight="1" x14ac:dyDescent="0.15">
      <c r="A122" s="8">
        <v>96</v>
      </c>
      <c r="B122" s="21">
        <v>2</v>
      </c>
      <c r="C122" s="6">
        <v>9</v>
      </c>
      <c r="D122" s="5">
        <v>11</v>
      </c>
    </row>
    <row r="123" spans="1:4" ht="18" customHeight="1" x14ac:dyDescent="0.15">
      <c r="A123" s="8">
        <v>97</v>
      </c>
      <c r="B123" s="21">
        <v>0</v>
      </c>
      <c r="C123" s="6">
        <v>8</v>
      </c>
      <c r="D123" s="5">
        <v>8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7</v>
      </c>
      <c r="C126" s="6">
        <v>35</v>
      </c>
      <c r="D126" s="5">
        <v>42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0</v>
      </c>
      <c r="C129" s="6">
        <v>10</v>
      </c>
      <c r="D129" s="5">
        <v>10</v>
      </c>
    </row>
    <row r="130" spans="1:4" ht="18" customHeight="1" x14ac:dyDescent="0.15">
      <c r="A130" s="8" t="s">
        <v>1</v>
      </c>
      <c r="B130" s="21">
        <v>1704</v>
      </c>
      <c r="C130" s="6">
        <v>2306</v>
      </c>
      <c r="D130" s="5">
        <v>4010</v>
      </c>
    </row>
    <row r="131" spans="1:4" ht="18" customHeight="1" x14ac:dyDescent="0.15">
      <c r="A131" s="4" t="s">
        <v>0</v>
      </c>
      <c r="B131" s="20">
        <v>8070</v>
      </c>
      <c r="C131" s="2">
        <v>8494</v>
      </c>
      <c r="D131" s="1">
        <v>165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66B6F9-8FF8-4D3F-9AC8-B3CB86B11F28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2</v>
      </c>
      <c r="C5" s="11">
        <v>31</v>
      </c>
      <c r="D5" s="10">
        <v>73</v>
      </c>
    </row>
    <row r="6" spans="1:4" ht="18" customHeight="1" x14ac:dyDescent="0.15">
      <c r="A6" s="8">
        <v>1</v>
      </c>
      <c r="B6" s="21">
        <v>48</v>
      </c>
      <c r="C6" s="6">
        <v>36</v>
      </c>
      <c r="D6" s="5">
        <v>84</v>
      </c>
    </row>
    <row r="7" spans="1:4" ht="18" customHeight="1" x14ac:dyDescent="0.15">
      <c r="A7" s="8">
        <v>2</v>
      </c>
      <c r="B7" s="21">
        <v>45</v>
      </c>
      <c r="C7" s="6">
        <v>34</v>
      </c>
      <c r="D7" s="5">
        <v>79</v>
      </c>
    </row>
    <row r="8" spans="1:4" ht="18" customHeight="1" x14ac:dyDescent="0.15">
      <c r="A8" s="8">
        <v>3</v>
      </c>
      <c r="B8" s="21">
        <v>45</v>
      </c>
      <c r="C8" s="6">
        <v>50</v>
      </c>
      <c r="D8" s="5">
        <v>95</v>
      </c>
    </row>
    <row r="9" spans="1:4" ht="18" customHeight="1" x14ac:dyDescent="0.15">
      <c r="A9" s="8">
        <v>4</v>
      </c>
      <c r="B9" s="21">
        <v>39</v>
      </c>
      <c r="C9" s="6">
        <v>24</v>
      </c>
      <c r="D9" s="5">
        <v>63</v>
      </c>
    </row>
    <row r="10" spans="1:4" ht="18" customHeight="1" x14ac:dyDescent="0.15">
      <c r="A10" s="8" t="s">
        <v>25</v>
      </c>
      <c r="B10" s="21">
        <v>219</v>
      </c>
      <c r="C10" s="6">
        <v>175</v>
      </c>
      <c r="D10" s="5">
        <v>394</v>
      </c>
    </row>
    <row r="11" spans="1:4" ht="18" customHeight="1" x14ac:dyDescent="0.15">
      <c r="A11" s="8">
        <v>5</v>
      </c>
      <c r="B11" s="21">
        <v>48</v>
      </c>
      <c r="C11" s="6">
        <v>38</v>
      </c>
      <c r="D11" s="5">
        <v>86</v>
      </c>
    </row>
    <row r="12" spans="1:4" ht="18" customHeight="1" x14ac:dyDescent="0.15">
      <c r="A12" s="8">
        <v>6</v>
      </c>
      <c r="B12" s="21">
        <v>42</v>
      </c>
      <c r="C12" s="6">
        <v>46</v>
      </c>
      <c r="D12" s="5">
        <v>88</v>
      </c>
    </row>
    <row r="13" spans="1:4" ht="18" customHeight="1" x14ac:dyDescent="0.15">
      <c r="A13" s="8">
        <v>7</v>
      </c>
      <c r="B13" s="21">
        <v>52</v>
      </c>
      <c r="C13" s="6">
        <v>42</v>
      </c>
      <c r="D13" s="5">
        <v>94</v>
      </c>
    </row>
    <row r="14" spans="1:4" ht="18" customHeight="1" x14ac:dyDescent="0.15">
      <c r="A14" s="8">
        <v>8</v>
      </c>
      <c r="B14" s="21">
        <v>46</v>
      </c>
      <c r="C14" s="6">
        <v>55</v>
      </c>
      <c r="D14" s="5">
        <v>101</v>
      </c>
    </row>
    <row r="15" spans="1:4" ht="18" customHeight="1" x14ac:dyDescent="0.15">
      <c r="A15" s="8">
        <v>9</v>
      </c>
      <c r="B15" s="21">
        <v>57</v>
      </c>
      <c r="C15" s="6">
        <v>54</v>
      </c>
      <c r="D15" s="5">
        <v>111</v>
      </c>
    </row>
    <row r="16" spans="1:4" ht="18" customHeight="1" x14ac:dyDescent="0.15">
      <c r="A16" s="8" t="s">
        <v>24</v>
      </c>
      <c r="B16" s="21">
        <v>245</v>
      </c>
      <c r="C16" s="6">
        <v>235</v>
      </c>
      <c r="D16" s="5">
        <v>480</v>
      </c>
    </row>
    <row r="17" spans="1:4" ht="18" customHeight="1" x14ac:dyDescent="0.15">
      <c r="A17" s="8">
        <v>10</v>
      </c>
      <c r="B17" s="21">
        <v>40</v>
      </c>
      <c r="C17" s="6">
        <v>48</v>
      </c>
      <c r="D17" s="5">
        <v>88</v>
      </c>
    </row>
    <row r="18" spans="1:4" ht="18" customHeight="1" x14ac:dyDescent="0.15">
      <c r="A18" s="8">
        <v>11</v>
      </c>
      <c r="B18" s="21">
        <v>48</v>
      </c>
      <c r="C18" s="6">
        <v>63</v>
      </c>
      <c r="D18" s="5">
        <v>111</v>
      </c>
    </row>
    <row r="19" spans="1:4" ht="18" customHeight="1" x14ac:dyDescent="0.15">
      <c r="A19" s="8">
        <v>12</v>
      </c>
      <c r="B19" s="21">
        <v>47</v>
      </c>
      <c r="C19" s="6">
        <v>45</v>
      </c>
      <c r="D19" s="5">
        <v>92</v>
      </c>
    </row>
    <row r="20" spans="1:4" ht="18" customHeight="1" x14ac:dyDescent="0.15">
      <c r="A20" s="8">
        <v>13</v>
      </c>
      <c r="B20" s="21">
        <v>47</v>
      </c>
      <c r="C20" s="6">
        <v>55</v>
      </c>
      <c r="D20" s="5">
        <v>102</v>
      </c>
    </row>
    <row r="21" spans="1:4" ht="18" customHeight="1" x14ac:dyDescent="0.15">
      <c r="A21" s="8">
        <v>14</v>
      </c>
      <c r="B21" s="21">
        <v>52</v>
      </c>
      <c r="C21" s="6">
        <v>38</v>
      </c>
      <c r="D21" s="5">
        <v>90</v>
      </c>
    </row>
    <row r="22" spans="1:4" ht="18" customHeight="1" x14ac:dyDescent="0.15">
      <c r="A22" s="8" t="s">
        <v>23</v>
      </c>
      <c r="B22" s="21">
        <v>234</v>
      </c>
      <c r="C22" s="6">
        <v>249</v>
      </c>
      <c r="D22" s="5">
        <v>483</v>
      </c>
    </row>
    <row r="23" spans="1:4" ht="18" customHeight="1" x14ac:dyDescent="0.15">
      <c r="A23" s="8" t="s">
        <v>22</v>
      </c>
      <c r="B23" s="21">
        <v>698</v>
      </c>
      <c r="C23" s="6">
        <v>659</v>
      </c>
      <c r="D23" s="5">
        <v>1357</v>
      </c>
    </row>
    <row r="24" spans="1:4" ht="18" customHeight="1" x14ac:dyDescent="0.15">
      <c r="A24" s="8">
        <v>15</v>
      </c>
      <c r="B24" s="21">
        <v>48</v>
      </c>
      <c r="C24" s="6">
        <v>47</v>
      </c>
      <c r="D24" s="5">
        <v>95</v>
      </c>
    </row>
    <row r="25" spans="1:4" ht="18" customHeight="1" x14ac:dyDescent="0.15">
      <c r="A25" s="8">
        <v>16</v>
      </c>
      <c r="B25" s="21">
        <v>43</v>
      </c>
      <c r="C25" s="6">
        <v>48</v>
      </c>
      <c r="D25" s="5">
        <v>91</v>
      </c>
    </row>
    <row r="26" spans="1:4" ht="18" customHeight="1" x14ac:dyDescent="0.15">
      <c r="A26" s="8">
        <v>17</v>
      </c>
      <c r="B26" s="21">
        <v>60</v>
      </c>
      <c r="C26" s="6">
        <v>38</v>
      </c>
      <c r="D26" s="5">
        <v>98</v>
      </c>
    </row>
    <row r="27" spans="1:4" ht="18" customHeight="1" x14ac:dyDescent="0.15">
      <c r="A27" s="8">
        <v>18</v>
      </c>
      <c r="B27" s="21">
        <v>37</v>
      </c>
      <c r="C27" s="6">
        <v>47</v>
      </c>
      <c r="D27" s="5">
        <v>84</v>
      </c>
    </row>
    <row r="28" spans="1:4" ht="18" customHeight="1" x14ac:dyDescent="0.15">
      <c r="A28" s="8">
        <v>19</v>
      </c>
      <c r="B28" s="21">
        <v>51</v>
      </c>
      <c r="C28" s="6">
        <v>48</v>
      </c>
      <c r="D28" s="5">
        <v>99</v>
      </c>
    </row>
    <row r="29" spans="1:4" ht="18" customHeight="1" x14ac:dyDescent="0.15">
      <c r="A29" s="8" t="s">
        <v>21</v>
      </c>
      <c r="B29" s="21">
        <v>239</v>
      </c>
      <c r="C29" s="6">
        <v>228</v>
      </c>
      <c r="D29" s="5">
        <v>467</v>
      </c>
    </row>
    <row r="30" spans="1:4" ht="18" customHeight="1" x14ac:dyDescent="0.15">
      <c r="A30" s="8">
        <v>20</v>
      </c>
      <c r="B30" s="21">
        <v>44</v>
      </c>
      <c r="C30" s="6">
        <v>44</v>
      </c>
      <c r="D30" s="5">
        <v>88</v>
      </c>
    </row>
    <row r="31" spans="1:4" ht="18" customHeight="1" x14ac:dyDescent="0.15">
      <c r="A31" s="8">
        <v>21</v>
      </c>
      <c r="B31" s="21">
        <v>39</v>
      </c>
      <c r="C31" s="6">
        <v>56</v>
      </c>
      <c r="D31" s="5">
        <v>95</v>
      </c>
    </row>
    <row r="32" spans="1:4" ht="18" customHeight="1" x14ac:dyDescent="0.15">
      <c r="A32" s="8">
        <v>22</v>
      </c>
      <c r="B32" s="21">
        <v>56</v>
      </c>
      <c r="C32" s="6">
        <v>46</v>
      </c>
      <c r="D32" s="5">
        <v>102</v>
      </c>
    </row>
    <row r="33" spans="1:4" ht="18" customHeight="1" x14ac:dyDescent="0.15">
      <c r="A33" s="8">
        <v>23</v>
      </c>
      <c r="B33" s="21">
        <v>53</v>
      </c>
      <c r="C33" s="6">
        <v>55</v>
      </c>
      <c r="D33" s="5">
        <v>108</v>
      </c>
    </row>
    <row r="34" spans="1:4" ht="18" customHeight="1" x14ac:dyDescent="0.15">
      <c r="A34" s="8">
        <v>24</v>
      </c>
      <c r="B34" s="21">
        <v>59</v>
      </c>
      <c r="C34" s="6">
        <v>67</v>
      </c>
      <c r="D34" s="5">
        <v>126</v>
      </c>
    </row>
    <row r="35" spans="1:4" ht="18" customHeight="1" x14ac:dyDescent="0.15">
      <c r="A35" s="8" t="s">
        <v>20</v>
      </c>
      <c r="B35" s="21">
        <v>251</v>
      </c>
      <c r="C35" s="6">
        <v>268</v>
      </c>
      <c r="D35" s="5">
        <v>519</v>
      </c>
    </row>
    <row r="36" spans="1:4" ht="18" customHeight="1" x14ac:dyDescent="0.15">
      <c r="A36" s="8">
        <v>25</v>
      </c>
      <c r="B36" s="21">
        <v>51</v>
      </c>
      <c r="C36" s="6">
        <v>47</v>
      </c>
      <c r="D36" s="5">
        <v>98</v>
      </c>
    </row>
    <row r="37" spans="1:4" ht="18" customHeight="1" x14ac:dyDescent="0.15">
      <c r="A37" s="8">
        <v>26</v>
      </c>
      <c r="B37" s="21">
        <v>50</v>
      </c>
      <c r="C37" s="6">
        <v>53</v>
      </c>
      <c r="D37" s="5">
        <v>103</v>
      </c>
    </row>
    <row r="38" spans="1:4" ht="18" customHeight="1" x14ac:dyDescent="0.15">
      <c r="A38" s="8">
        <v>27</v>
      </c>
      <c r="B38" s="21">
        <v>48</v>
      </c>
      <c r="C38" s="6">
        <v>58</v>
      </c>
      <c r="D38" s="5">
        <v>106</v>
      </c>
    </row>
    <row r="39" spans="1:4" ht="18" customHeight="1" x14ac:dyDescent="0.15">
      <c r="A39" s="8">
        <v>28</v>
      </c>
      <c r="B39" s="21">
        <v>73</v>
      </c>
      <c r="C39" s="6">
        <v>72</v>
      </c>
      <c r="D39" s="5">
        <v>145</v>
      </c>
    </row>
    <row r="40" spans="1:4" ht="18" customHeight="1" x14ac:dyDescent="0.15">
      <c r="A40" s="8">
        <v>29</v>
      </c>
      <c r="B40" s="21">
        <v>70</v>
      </c>
      <c r="C40" s="6">
        <v>79</v>
      </c>
      <c r="D40" s="5">
        <v>149</v>
      </c>
    </row>
    <row r="41" spans="1:4" ht="18" customHeight="1" x14ac:dyDescent="0.15">
      <c r="A41" s="8" t="s">
        <v>19</v>
      </c>
      <c r="B41" s="21">
        <v>292</v>
      </c>
      <c r="C41" s="6">
        <v>309</v>
      </c>
      <c r="D41" s="5">
        <v>601</v>
      </c>
    </row>
    <row r="42" spans="1:4" ht="18" customHeight="1" x14ac:dyDescent="0.15">
      <c r="A42" s="8">
        <v>30</v>
      </c>
      <c r="B42" s="21">
        <v>78</v>
      </c>
      <c r="C42" s="6">
        <v>74</v>
      </c>
      <c r="D42" s="5">
        <v>152</v>
      </c>
    </row>
    <row r="43" spans="1:4" ht="18" customHeight="1" x14ac:dyDescent="0.15">
      <c r="A43" s="8">
        <v>31</v>
      </c>
      <c r="B43" s="21">
        <v>73</v>
      </c>
      <c r="C43" s="6">
        <v>67</v>
      </c>
      <c r="D43" s="5">
        <v>140</v>
      </c>
    </row>
    <row r="44" spans="1:4" ht="18" customHeight="1" x14ac:dyDescent="0.15">
      <c r="A44" s="8">
        <v>32</v>
      </c>
      <c r="B44" s="21">
        <v>68</v>
      </c>
      <c r="C44" s="6">
        <v>64</v>
      </c>
      <c r="D44" s="5">
        <v>132</v>
      </c>
    </row>
    <row r="45" spans="1:4" ht="18" customHeight="1" x14ac:dyDescent="0.15">
      <c r="A45" s="8">
        <v>33</v>
      </c>
      <c r="B45" s="21">
        <v>62</v>
      </c>
      <c r="C45" s="6">
        <v>60</v>
      </c>
      <c r="D45" s="5">
        <v>122</v>
      </c>
    </row>
    <row r="46" spans="1:4" ht="18" customHeight="1" x14ac:dyDescent="0.15">
      <c r="A46" s="8">
        <v>34</v>
      </c>
      <c r="B46" s="21">
        <v>70</v>
      </c>
      <c r="C46" s="6">
        <v>66</v>
      </c>
      <c r="D46" s="5">
        <v>136</v>
      </c>
    </row>
    <row r="47" spans="1:4" ht="18" customHeight="1" x14ac:dyDescent="0.15">
      <c r="A47" s="8" t="s">
        <v>18</v>
      </c>
      <c r="B47" s="21">
        <v>351</v>
      </c>
      <c r="C47" s="6">
        <v>331</v>
      </c>
      <c r="D47" s="5">
        <v>682</v>
      </c>
    </row>
    <row r="48" spans="1:4" ht="18" customHeight="1" x14ac:dyDescent="0.15">
      <c r="A48" s="8">
        <v>35</v>
      </c>
      <c r="B48" s="21">
        <v>58</v>
      </c>
      <c r="C48" s="6">
        <v>54</v>
      </c>
      <c r="D48" s="5">
        <v>112</v>
      </c>
    </row>
    <row r="49" spans="1:4" ht="18" customHeight="1" x14ac:dyDescent="0.15">
      <c r="A49" s="8">
        <v>36</v>
      </c>
      <c r="B49" s="21">
        <v>75</v>
      </c>
      <c r="C49" s="6">
        <v>64</v>
      </c>
      <c r="D49" s="5">
        <v>139</v>
      </c>
    </row>
    <row r="50" spans="1:4" ht="18" customHeight="1" x14ac:dyDescent="0.15">
      <c r="A50" s="8">
        <v>37</v>
      </c>
      <c r="B50" s="21">
        <v>70</v>
      </c>
      <c r="C50" s="6">
        <v>63</v>
      </c>
      <c r="D50" s="5">
        <v>133</v>
      </c>
    </row>
    <row r="51" spans="1:4" ht="18" customHeight="1" x14ac:dyDescent="0.15">
      <c r="A51" s="8">
        <v>38</v>
      </c>
      <c r="B51" s="21">
        <v>55</v>
      </c>
      <c r="C51" s="6">
        <v>74</v>
      </c>
      <c r="D51" s="5">
        <v>129</v>
      </c>
    </row>
    <row r="52" spans="1:4" ht="18" customHeight="1" x14ac:dyDescent="0.15">
      <c r="A52" s="8">
        <v>39</v>
      </c>
      <c r="B52" s="21">
        <v>71</v>
      </c>
      <c r="C52" s="6">
        <v>67</v>
      </c>
      <c r="D52" s="5">
        <v>138</v>
      </c>
    </row>
    <row r="53" spans="1:4" ht="18" customHeight="1" x14ac:dyDescent="0.15">
      <c r="A53" s="8" t="s">
        <v>17</v>
      </c>
      <c r="B53" s="21">
        <v>329</v>
      </c>
      <c r="C53" s="6">
        <v>322</v>
      </c>
      <c r="D53" s="5">
        <v>651</v>
      </c>
    </row>
    <row r="54" spans="1:4" ht="18" customHeight="1" x14ac:dyDescent="0.15">
      <c r="A54" s="8">
        <v>40</v>
      </c>
      <c r="B54" s="21">
        <v>86</v>
      </c>
      <c r="C54" s="6">
        <v>71</v>
      </c>
      <c r="D54" s="5">
        <v>157</v>
      </c>
    </row>
    <row r="55" spans="1:4" ht="18" customHeight="1" x14ac:dyDescent="0.15">
      <c r="A55" s="8">
        <v>41</v>
      </c>
      <c r="B55" s="21">
        <v>82</v>
      </c>
      <c r="C55" s="6">
        <v>68</v>
      </c>
      <c r="D55" s="5">
        <v>150</v>
      </c>
    </row>
    <row r="56" spans="1:4" ht="18" customHeight="1" x14ac:dyDescent="0.15">
      <c r="A56" s="8">
        <v>42</v>
      </c>
      <c r="B56" s="21">
        <v>64</v>
      </c>
      <c r="C56" s="6">
        <v>67</v>
      </c>
      <c r="D56" s="5">
        <v>131</v>
      </c>
    </row>
    <row r="57" spans="1:4" ht="18" customHeight="1" x14ac:dyDescent="0.15">
      <c r="A57" s="8">
        <v>43</v>
      </c>
      <c r="B57" s="21">
        <v>78</v>
      </c>
      <c r="C57" s="6">
        <v>67</v>
      </c>
      <c r="D57" s="5">
        <v>145</v>
      </c>
    </row>
    <row r="58" spans="1:4" ht="18" customHeight="1" x14ac:dyDescent="0.15">
      <c r="A58" s="8">
        <v>44</v>
      </c>
      <c r="B58" s="21">
        <v>74</v>
      </c>
      <c r="C58" s="6">
        <v>78</v>
      </c>
      <c r="D58" s="5">
        <v>152</v>
      </c>
    </row>
    <row r="59" spans="1:4" ht="18" customHeight="1" x14ac:dyDescent="0.15">
      <c r="A59" s="8" t="s">
        <v>16</v>
      </c>
      <c r="B59" s="21">
        <v>384</v>
      </c>
      <c r="C59" s="6">
        <v>351</v>
      </c>
      <c r="D59" s="5">
        <v>735</v>
      </c>
    </row>
    <row r="60" spans="1:4" ht="18" customHeight="1" x14ac:dyDescent="0.15">
      <c r="A60" s="8">
        <v>45</v>
      </c>
      <c r="B60" s="21">
        <v>75</v>
      </c>
      <c r="C60" s="6">
        <v>82</v>
      </c>
      <c r="D60" s="5">
        <v>157</v>
      </c>
    </row>
    <row r="61" spans="1:4" ht="18" customHeight="1" x14ac:dyDescent="0.15">
      <c r="A61" s="8">
        <v>46</v>
      </c>
      <c r="B61" s="21">
        <v>70</v>
      </c>
      <c r="C61" s="6">
        <v>60</v>
      </c>
      <c r="D61" s="5">
        <v>130</v>
      </c>
    </row>
    <row r="62" spans="1:4" ht="18" customHeight="1" x14ac:dyDescent="0.15">
      <c r="A62" s="8">
        <v>47</v>
      </c>
      <c r="B62" s="21">
        <v>96</v>
      </c>
      <c r="C62" s="6">
        <v>93</v>
      </c>
      <c r="D62" s="5">
        <v>189</v>
      </c>
    </row>
    <row r="63" spans="1:4" ht="18" customHeight="1" x14ac:dyDescent="0.15">
      <c r="A63" s="8">
        <v>48</v>
      </c>
      <c r="B63" s="21">
        <v>63</v>
      </c>
      <c r="C63" s="6">
        <v>84</v>
      </c>
      <c r="D63" s="5">
        <v>147</v>
      </c>
    </row>
    <row r="64" spans="1:4" ht="18" customHeight="1" x14ac:dyDescent="0.15">
      <c r="A64" s="8">
        <v>49</v>
      </c>
      <c r="B64" s="21">
        <v>101</v>
      </c>
      <c r="C64" s="6">
        <v>86</v>
      </c>
      <c r="D64" s="5">
        <v>187</v>
      </c>
    </row>
    <row r="65" spans="1:4" ht="18" customHeight="1" x14ac:dyDescent="0.15">
      <c r="A65" s="8" t="s">
        <v>15</v>
      </c>
      <c r="B65" s="21">
        <v>405</v>
      </c>
      <c r="C65" s="6">
        <v>405</v>
      </c>
      <c r="D65" s="5">
        <v>810</v>
      </c>
    </row>
    <row r="66" spans="1:4" ht="18" customHeight="1" x14ac:dyDescent="0.15">
      <c r="A66" s="8">
        <v>50</v>
      </c>
      <c r="B66" s="21">
        <v>114</v>
      </c>
      <c r="C66" s="6">
        <v>94</v>
      </c>
      <c r="D66" s="5">
        <v>208</v>
      </c>
    </row>
    <row r="67" spans="1:4" ht="18" customHeight="1" x14ac:dyDescent="0.15">
      <c r="A67" s="8">
        <v>51</v>
      </c>
      <c r="B67" s="21">
        <v>111</v>
      </c>
      <c r="C67" s="6">
        <v>90</v>
      </c>
      <c r="D67" s="5">
        <v>201</v>
      </c>
    </row>
    <row r="68" spans="1:4" ht="18" customHeight="1" x14ac:dyDescent="0.15">
      <c r="A68" s="8">
        <v>52</v>
      </c>
      <c r="B68" s="21">
        <v>86</v>
      </c>
      <c r="C68" s="6">
        <v>80</v>
      </c>
      <c r="D68" s="5">
        <v>166</v>
      </c>
    </row>
    <row r="69" spans="1:4" ht="18" customHeight="1" x14ac:dyDescent="0.15">
      <c r="A69" s="8">
        <v>53</v>
      </c>
      <c r="B69" s="21">
        <v>102</v>
      </c>
      <c r="C69" s="6">
        <v>87</v>
      </c>
      <c r="D69" s="5">
        <v>189</v>
      </c>
    </row>
    <row r="70" spans="1:4" ht="18" customHeight="1" x14ac:dyDescent="0.15">
      <c r="A70" s="8">
        <v>54</v>
      </c>
      <c r="B70" s="21">
        <v>86</v>
      </c>
      <c r="C70" s="6">
        <v>89</v>
      </c>
      <c r="D70" s="5">
        <v>175</v>
      </c>
    </row>
    <row r="71" spans="1:4" ht="18" customHeight="1" x14ac:dyDescent="0.15">
      <c r="A71" s="8" t="s">
        <v>14</v>
      </c>
      <c r="B71" s="21">
        <v>499</v>
      </c>
      <c r="C71" s="6">
        <v>440</v>
      </c>
      <c r="D71" s="5">
        <v>939</v>
      </c>
    </row>
    <row r="72" spans="1:4" ht="18" customHeight="1" x14ac:dyDescent="0.15">
      <c r="A72" s="8">
        <v>55</v>
      </c>
      <c r="B72" s="21">
        <v>83</v>
      </c>
      <c r="C72" s="6">
        <v>73</v>
      </c>
      <c r="D72" s="5">
        <v>156</v>
      </c>
    </row>
    <row r="73" spans="1:4" ht="18" customHeight="1" x14ac:dyDescent="0.15">
      <c r="A73" s="8">
        <v>56</v>
      </c>
      <c r="B73" s="21">
        <v>79</v>
      </c>
      <c r="C73" s="6">
        <v>84</v>
      </c>
      <c r="D73" s="5">
        <v>163</v>
      </c>
    </row>
    <row r="74" spans="1:4" ht="18" customHeight="1" x14ac:dyDescent="0.15">
      <c r="A74" s="8">
        <v>57</v>
      </c>
      <c r="B74" s="21">
        <v>75</v>
      </c>
      <c r="C74" s="6">
        <v>74</v>
      </c>
      <c r="D74" s="5">
        <v>149</v>
      </c>
    </row>
    <row r="75" spans="1:4" ht="18" customHeight="1" x14ac:dyDescent="0.15">
      <c r="A75" s="8">
        <v>58</v>
      </c>
      <c r="B75" s="21">
        <v>80</v>
      </c>
      <c r="C75" s="6">
        <v>73</v>
      </c>
      <c r="D75" s="5">
        <v>153</v>
      </c>
    </row>
    <row r="76" spans="1:4" ht="18" customHeight="1" x14ac:dyDescent="0.15">
      <c r="A76" s="8">
        <v>59</v>
      </c>
      <c r="B76" s="21">
        <v>48</v>
      </c>
      <c r="C76" s="6">
        <v>59</v>
      </c>
      <c r="D76" s="5">
        <v>107</v>
      </c>
    </row>
    <row r="77" spans="1:4" ht="18" customHeight="1" x14ac:dyDescent="0.15">
      <c r="A77" s="8" t="s">
        <v>13</v>
      </c>
      <c r="B77" s="21">
        <v>365</v>
      </c>
      <c r="C77" s="6">
        <v>363</v>
      </c>
      <c r="D77" s="5">
        <v>728</v>
      </c>
    </row>
    <row r="78" spans="1:4" ht="18" customHeight="1" x14ac:dyDescent="0.15">
      <c r="A78" s="8">
        <v>60</v>
      </c>
      <c r="B78" s="21">
        <v>64</v>
      </c>
      <c r="C78" s="6">
        <v>73</v>
      </c>
      <c r="D78" s="5">
        <v>137</v>
      </c>
    </row>
    <row r="79" spans="1:4" ht="18" customHeight="1" x14ac:dyDescent="0.15">
      <c r="A79" s="8">
        <v>61</v>
      </c>
      <c r="B79" s="21">
        <v>57</v>
      </c>
      <c r="C79" s="6">
        <v>69</v>
      </c>
      <c r="D79" s="5">
        <v>126</v>
      </c>
    </row>
    <row r="80" spans="1:4" ht="18" customHeight="1" x14ac:dyDescent="0.15">
      <c r="A80" s="8">
        <v>62</v>
      </c>
      <c r="B80" s="21">
        <v>76</v>
      </c>
      <c r="C80" s="6">
        <v>67</v>
      </c>
      <c r="D80" s="5">
        <v>143</v>
      </c>
    </row>
    <row r="81" spans="1:4" ht="18" customHeight="1" x14ac:dyDescent="0.15">
      <c r="A81" s="8">
        <v>63</v>
      </c>
      <c r="B81" s="21">
        <v>52</v>
      </c>
      <c r="C81" s="6">
        <v>68</v>
      </c>
      <c r="D81" s="5">
        <v>120</v>
      </c>
    </row>
    <row r="82" spans="1:4" ht="18" customHeight="1" x14ac:dyDescent="0.15">
      <c r="A82" s="8">
        <v>64</v>
      </c>
      <c r="B82" s="21">
        <v>55</v>
      </c>
      <c r="C82" s="6">
        <v>57</v>
      </c>
      <c r="D82" s="5">
        <v>112</v>
      </c>
    </row>
    <row r="83" spans="1:4" ht="18" customHeight="1" x14ac:dyDescent="0.15">
      <c r="A83" s="8" t="s">
        <v>12</v>
      </c>
      <c r="B83" s="21">
        <v>304</v>
      </c>
      <c r="C83" s="6">
        <v>334</v>
      </c>
      <c r="D83" s="5">
        <v>638</v>
      </c>
    </row>
    <row r="84" spans="1:4" ht="18" customHeight="1" x14ac:dyDescent="0.15">
      <c r="A84" s="8" t="s">
        <v>11</v>
      </c>
      <c r="B84" s="21">
        <v>3419</v>
      </c>
      <c r="C84" s="6">
        <v>3351</v>
      </c>
      <c r="D84" s="5">
        <v>6770</v>
      </c>
    </row>
    <row r="85" spans="1:4" ht="18" customHeight="1" x14ac:dyDescent="0.15">
      <c r="A85" s="8">
        <v>65</v>
      </c>
      <c r="B85" s="21">
        <v>70</v>
      </c>
      <c r="C85" s="6">
        <v>46</v>
      </c>
      <c r="D85" s="5">
        <v>116</v>
      </c>
    </row>
    <row r="86" spans="1:4" ht="18" customHeight="1" x14ac:dyDescent="0.15">
      <c r="A86" s="8">
        <v>66</v>
      </c>
      <c r="B86" s="21">
        <v>64</v>
      </c>
      <c r="C86" s="6">
        <v>63</v>
      </c>
      <c r="D86" s="5">
        <v>127</v>
      </c>
    </row>
    <row r="87" spans="1:4" ht="18" customHeight="1" x14ac:dyDescent="0.15">
      <c r="A87" s="8">
        <v>67</v>
      </c>
      <c r="B87" s="21">
        <v>61</v>
      </c>
      <c r="C87" s="6">
        <v>64</v>
      </c>
      <c r="D87" s="5">
        <v>125</v>
      </c>
    </row>
    <row r="88" spans="1:4" ht="18" customHeight="1" x14ac:dyDescent="0.15">
      <c r="A88" s="8">
        <v>68</v>
      </c>
      <c r="B88" s="21">
        <v>54</v>
      </c>
      <c r="C88" s="6">
        <v>69</v>
      </c>
      <c r="D88" s="5">
        <v>123</v>
      </c>
    </row>
    <row r="89" spans="1:4" ht="18" customHeight="1" x14ac:dyDescent="0.15">
      <c r="A89" s="8">
        <v>69</v>
      </c>
      <c r="B89" s="21">
        <v>36</v>
      </c>
      <c r="C89" s="6">
        <v>68</v>
      </c>
      <c r="D89" s="5">
        <v>104</v>
      </c>
    </row>
    <row r="90" spans="1:4" ht="18" customHeight="1" x14ac:dyDescent="0.15">
      <c r="A90" s="8" t="s">
        <v>10</v>
      </c>
      <c r="B90" s="21">
        <v>285</v>
      </c>
      <c r="C90" s="6">
        <v>310</v>
      </c>
      <c r="D90" s="5">
        <v>595</v>
      </c>
    </row>
    <row r="91" spans="1:4" ht="18" customHeight="1" x14ac:dyDescent="0.15">
      <c r="A91" s="8">
        <v>70</v>
      </c>
      <c r="B91" s="21">
        <v>67</v>
      </c>
      <c r="C91" s="6">
        <v>68</v>
      </c>
      <c r="D91" s="5">
        <v>135</v>
      </c>
    </row>
    <row r="92" spans="1:4" ht="18" customHeight="1" x14ac:dyDescent="0.15">
      <c r="A92" s="8">
        <v>71</v>
      </c>
      <c r="B92" s="21">
        <v>67</v>
      </c>
      <c r="C92" s="6">
        <v>62</v>
      </c>
      <c r="D92" s="5">
        <v>129</v>
      </c>
    </row>
    <row r="93" spans="1:4" ht="18" customHeight="1" x14ac:dyDescent="0.15">
      <c r="A93" s="8">
        <v>72</v>
      </c>
      <c r="B93" s="21">
        <v>55</v>
      </c>
      <c r="C93" s="6">
        <v>66</v>
      </c>
      <c r="D93" s="5">
        <v>121</v>
      </c>
    </row>
    <row r="94" spans="1:4" ht="18" customHeight="1" x14ac:dyDescent="0.15">
      <c r="A94" s="8">
        <v>73</v>
      </c>
      <c r="B94" s="21">
        <v>67</v>
      </c>
      <c r="C94" s="6">
        <v>68</v>
      </c>
      <c r="D94" s="5">
        <v>135</v>
      </c>
    </row>
    <row r="95" spans="1:4" ht="18" customHeight="1" x14ac:dyDescent="0.15">
      <c r="A95" s="8">
        <v>74</v>
      </c>
      <c r="B95" s="21">
        <v>48</v>
      </c>
      <c r="C95" s="6">
        <v>88</v>
      </c>
      <c r="D95" s="5">
        <v>136</v>
      </c>
    </row>
    <row r="96" spans="1:4" ht="18" customHeight="1" x14ac:dyDescent="0.15">
      <c r="A96" s="8" t="s">
        <v>9</v>
      </c>
      <c r="B96" s="21">
        <v>304</v>
      </c>
      <c r="C96" s="6">
        <v>352</v>
      </c>
      <c r="D96" s="5">
        <v>656</v>
      </c>
    </row>
    <row r="97" spans="1:4" ht="18" customHeight="1" x14ac:dyDescent="0.15">
      <c r="A97" s="8">
        <v>75</v>
      </c>
      <c r="B97" s="21">
        <v>73</v>
      </c>
      <c r="C97" s="6">
        <v>97</v>
      </c>
      <c r="D97" s="5">
        <v>170</v>
      </c>
    </row>
    <row r="98" spans="1:4" ht="18" customHeight="1" x14ac:dyDescent="0.15">
      <c r="A98" s="8">
        <v>76</v>
      </c>
      <c r="B98" s="21">
        <v>65</v>
      </c>
      <c r="C98" s="6">
        <v>114</v>
      </c>
      <c r="D98" s="5">
        <v>179</v>
      </c>
    </row>
    <row r="99" spans="1:4" ht="18" customHeight="1" x14ac:dyDescent="0.15">
      <c r="A99" s="8">
        <v>77</v>
      </c>
      <c r="B99" s="21">
        <v>75</v>
      </c>
      <c r="C99" s="6">
        <v>98</v>
      </c>
      <c r="D99" s="5">
        <v>173</v>
      </c>
    </row>
    <row r="100" spans="1:4" ht="18" customHeight="1" x14ac:dyDescent="0.15">
      <c r="A100" s="8">
        <v>78</v>
      </c>
      <c r="B100" s="21">
        <v>70</v>
      </c>
      <c r="C100" s="6">
        <v>96</v>
      </c>
      <c r="D100" s="5">
        <v>166</v>
      </c>
    </row>
    <row r="101" spans="1:4" ht="18" customHeight="1" x14ac:dyDescent="0.15">
      <c r="A101" s="8">
        <v>79</v>
      </c>
      <c r="B101" s="21">
        <v>42</v>
      </c>
      <c r="C101" s="6">
        <v>79</v>
      </c>
      <c r="D101" s="5">
        <v>121</v>
      </c>
    </row>
    <row r="102" spans="1:4" ht="18" customHeight="1" x14ac:dyDescent="0.15">
      <c r="A102" s="8" t="s">
        <v>8</v>
      </c>
      <c r="B102" s="21">
        <v>325</v>
      </c>
      <c r="C102" s="6">
        <v>484</v>
      </c>
      <c r="D102" s="5">
        <v>809</v>
      </c>
    </row>
    <row r="103" spans="1:4" ht="18" customHeight="1" x14ac:dyDescent="0.15">
      <c r="A103" s="8">
        <v>80</v>
      </c>
      <c r="B103" s="21">
        <v>40</v>
      </c>
      <c r="C103" s="6">
        <v>59</v>
      </c>
      <c r="D103" s="5">
        <v>99</v>
      </c>
    </row>
    <row r="104" spans="1:4" ht="18" customHeight="1" x14ac:dyDescent="0.15">
      <c r="A104" s="8">
        <v>81</v>
      </c>
      <c r="B104" s="21">
        <v>62</v>
      </c>
      <c r="C104" s="6">
        <v>68</v>
      </c>
      <c r="D104" s="5">
        <v>130</v>
      </c>
    </row>
    <row r="105" spans="1:4" ht="18" customHeight="1" x14ac:dyDescent="0.15">
      <c r="A105" s="8">
        <v>82</v>
      </c>
      <c r="B105" s="21">
        <v>57</v>
      </c>
      <c r="C105" s="6">
        <v>87</v>
      </c>
      <c r="D105" s="5">
        <v>144</v>
      </c>
    </row>
    <row r="106" spans="1:4" ht="18" customHeight="1" x14ac:dyDescent="0.15">
      <c r="A106" s="8">
        <v>83</v>
      </c>
      <c r="B106" s="21">
        <v>44</v>
      </c>
      <c r="C106" s="6">
        <v>91</v>
      </c>
      <c r="D106" s="5">
        <v>135</v>
      </c>
    </row>
    <row r="107" spans="1:4" ht="18" customHeight="1" x14ac:dyDescent="0.15">
      <c r="A107" s="8">
        <v>84</v>
      </c>
      <c r="B107" s="21">
        <v>54</v>
      </c>
      <c r="C107" s="6">
        <v>72</v>
      </c>
      <c r="D107" s="5">
        <v>126</v>
      </c>
    </row>
    <row r="108" spans="1:4" ht="18" customHeight="1" x14ac:dyDescent="0.15">
      <c r="A108" s="8" t="s">
        <v>7</v>
      </c>
      <c r="B108" s="21">
        <v>257</v>
      </c>
      <c r="C108" s="6">
        <v>377</v>
      </c>
      <c r="D108" s="5">
        <v>634</v>
      </c>
    </row>
    <row r="109" spans="1:4" ht="18" customHeight="1" x14ac:dyDescent="0.15">
      <c r="A109" s="8">
        <v>85</v>
      </c>
      <c r="B109" s="21">
        <v>40</v>
      </c>
      <c r="C109" s="6">
        <v>61</v>
      </c>
      <c r="D109" s="5">
        <v>101</v>
      </c>
    </row>
    <row r="110" spans="1:4" ht="18" customHeight="1" x14ac:dyDescent="0.15">
      <c r="A110" s="8">
        <v>86</v>
      </c>
      <c r="B110" s="21">
        <v>32</v>
      </c>
      <c r="C110" s="6">
        <v>43</v>
      </c>
      <c r="D110" s="5">
        <v>75</v>
      </c>
    </row>
    <row r="111" spans="1:4" ht="18" customHeight="1" x14ac:dyDescent="0.15">
      <c r="A111" s="8">
        <v>87</v>
      </c>
      <c r="B111" s="21">
        <v>18</v>
      </c>
      <c r="C111" s="6">
        <v>44</v>
      </c>
      <c r="D111" s="5">
        <v>62</v>
      </c>
    </row>
    <row r="112" spans="1:4" ht="18" customHeight="1" x14ac:dyDescent="0.15">
      <c r="A112" s="8">
        <v>88</v>
      </c>
      <c r="B112" s="21">
        <v>22</v>
      </c>
      <c r="C112" s="6">
        <v>58</v>
      </c>
      <c r="D112" s="5">
        <v>80</v>
      </c>
    </row>
    <row r="113" spans="1:4" ht="18" customHeight="1" x14ac:dyDescent="0.15">
      <c r="A113" s="8">
        <v>89</v>
      </c>
      <c r="B113" s="21">
        <v>22</v>
      </c>
      <c r="C113" s="6">
        <v>44</v>
      </c>
      <c r="D113" s="5">
        <v>66</v>
      </c>
    </row>
    <row r="114" spans="1:4" ht="18" customHeight="1" x14ac:dyDescent="0.15">
      <c r="A114" s="8" t="s">
        <v>6</v>
      </c>
      <c r="B114" s="21">
        <v>134</v>
      </c>
      <c r="C114" s="6">
        <v>250</v>
      </c>
      <c r="D114" s="5">
        <v>384</v>
      </c>
    </row>
    <row r="115" spans="1:4" ht="18" customHeight="1" x14ac:dyDescent="0.15">
      <c r="A115" s="8">
        <v>90</v>
      </c>
      <c r="B115" s="21">
        <v>21</v>
      </c>
      <c r="C115" s="6">
        <v>31</v>
      </c>
      <c r="D115" s="5">
        <v>52</v>
      </c>
    </row>
    <row r="116" spans="1:4" ht="18" customHeight="1" x14ac:dyDescent="0.15">
      <c r="A116" s="8">
        <v>91</v>
      </c>
      <c r="B116" s="21">
        <v>13</v>
      </c>
      <c r="C116" s="6">
        <v>28</v>
      </c>
      <c r="D116" s="5">
        <v>41</v>
      </c>
    </row>
    <row r="117" spans="1:4" ht="18" customHeight="1" x14ac:dyDescent="0.15">
      <c r="A117" s="8">
        <v>92</v>
      </c>
      <c r="B117" s="21">
        <v>17</v>
      </c>
      <c r="C117" s="6">
        <v>30</v>
      </c>
      <c r="D117" s="5">
        <v>47</v>
      </c>
    </row>
    <row r="118" spans="1:4" ht="18" customHeight="1" x14ac:dyDescent="0.15">
      <c r="A118" s="8">
        <v>93</v>
      </c>
      <c r="B118" s="21">
        <v>8</v>
      </c>
      <c r="C118" s="6">
        <v>26</v>
      </c>
      <c r="D118" s="5">
        <v>34</v>
      </c>
    </row>
    <row r="119" spans="1:4" ht="18" customHeight="1" x14ac:dyDescent="0.15">
      <c r="A119" s="8">
        <v>94</v>
      </c>
      <c r="B119" s="21">
        <v>5</v>
      </c>
      <c r="C119" s="6">
        <v>29</v>
      </c>
      <c r="D119" s="5">
        <v>34</v>
      </c>
    </row>
    <row r="120" spans="1:4" ht="18" customHeight="1" x14ac:dyDescent="0.15">
      <c r="A120" s="8" t="s">
        <v>5</v>
      </c>
      <c r="B120" s="21">
        <v>64</v>
      </c>
      <c r="C120" s="6">
        <v>144</v>
      </c>
      <c r="D120" s="5">
        <v>208</v>
      </c>
    </row>
    <row r="121" spans="1:4" ht="18" customHeight="1" x14ac:dyDescent="0.15">
      <c r="A121" s="8">
        <v>95</v>
      </c>
      <c r="B121" s="21">
        <v>6</v>
      </c>
      <c r="C121" s="6">
        <v>16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14</v>
      </c>
      <c r="D122" s="5">
        <v>17</v>
      </c>
    </row>
    <row r="123" spans="1:4" ht="18" customHeight="1" x14ac:dyDescent="0.15">
      <c r="A123" s="8">
        <v>97</v>
      </c>
      <c r="B123" s="21">
        <v>4</v>
      </c>
      <c r="C123" s="6">
        <v>6</v>
      </c>
      <c r="D123" s="5">
        <v>10</v>
      </c>
    </row>
    <row r="124" spans="1:4" ht="18" customHeight="1" x14ac:dyDescent="0.15">
      <c r="A124" s="8">
        <v>98</v>
      </c>
      <c r="B124" s="21">
        <v>3</v>
      </c>
      <c r="C124" s="6">
        <v>10</v>
      </c>
      <c r="D124" s="5">
        <v>13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16</v>
      </c>
      <c r="C126" s="6">
        <v>49</v>
      </c>
      <c r="D126" s="5">
        <v>6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1385</v>
      </c>
      <c r="C130" s="6">
        <v>1967</v>
      </c>
      <c r="D130" s="5">
        <v>3352</v>
      </c>
    </row>
    <row r="131" spans="1:4" ht="18" customHeight="1" x14ac:dyDescent="0.15">
      <c r="A131" s="4" t="s">
        <v>0</v>
      </c>
      <c r="B131" s="20">
        <v>5502</v>
      </c>
      <c r="C131" s="2">
        <v>5977</v>
      </c>
      <c r="D131" s="1">
        <v>1147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CC03C0-B00D-423B-A28C-33AB19C4437C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4</v>
      </c>
      <c r="C5" s="11">
        <v>39</v>
      </c>
      <c r="D5" s="10">
        <v>73</v>
      </c>
    </row>
    <row r="6" spans="1:4" ht="18" customHeight="1" x14ac:dyDescent="0.15">
      <c r="A6" s="8">
        <v>1</v>
      </c>
      <c r="B6" s="21">
        <v>43</v>
      </c>
      <c r="C6" s="6">
        <v>32</v>
      </c>
      <c r="D6" s="5">
        <v>75</v>
      </c>
    </row>
    <row r="7" spans="1:4" ht="18" customHeight="1" x14ac:dyDescent="0.15">
      <c r="A7" s="8">
        <v>2</v>
      </c>
      <c r="B7" s="21">
        <v>38</v>
      </c>
      <c r="C7" s="6">
        <v>33</v>
      </c>
      <c r="D7" s="5">
        <v>71</v>
      </c>
    </row>
    <row r="8" spans="1:4" ht="18" customHeight="1" x14ac:dyDescent="0.15">
      <c r="A8" s="8">
        <v>3</v>
      </c>
      <c r="B8" s="21">
        <v>36</v>
      </c>
      <c r="C8" s="6">
        <v>23</v>
      </c>
      <c r="D8" s="5">
        <v>59</v>
      </c>
    </row>
    <row r="9" spans="1:4" ht="18" customHeight="1" x14ac:dyDescent="0.15">
      <c r="A9" s="8">
        <v>4</v>
      </c>
      <c r="B9" s="21">
        <v>30</v>
      </c>
      <c r="C9" s="6">
        <v>48</v>
      </c>
      <c r="D9" s="5">
        <v>78</v>
      </c>
    </row>
    <row r="10" spans="1:4" ht="18" customHeight="1" x14ac:dyDescent="0.15">
      <c r="A10" s="8" t="s">
        <v>25</v>
      </c>
      <c r="B10" s="21">
        <v>181</v>
      </c>
      <c r="C10" s="6">
        <v>175</v>
      </c>
      <c r="D10" s="5">
        <v>356</v>
      </c>
    </row>
    <row r="11" spans="1:4" ht="18" customHeight="1" x14ac:dyDescent="0.15">
      <c r="A11" s="8">
        <v>5</v>
      </c>
      <c r="B11" s="21">
        <v>28</v>
      </c>
      <c r="C11" s="6">
        <v>36</v>
      </c>
      <c r="D11" s="5">
        <v>64</v>
      </c>
    </row>
    <row r="12" spans="1:4" ht="18" customHeight="1" x14ac:dyDescent="0.15">
      <c r="A12" s="8">
        <v>6</v>
      </c>
      <c r="B12" s="21">
        <v>32</v>
      </c>
      <c r="C12" s="6">
        <v>43</v>
      </c>
      <c r="D12" s="5">
        <v>75</v>
      </c>
    </row>
    <row r="13" spans="1:4" ht="18" customHeight="1" x14ac:dyDescent="0.15">
      <c r="A13" s="8">
        <v>7</v>
      </c>
      <c r="B13" s="21">
        <v>43</v>
      </c>
      <c r="C13" s="6">
        <v>40</v>
      </c>
      <c r="D13" s="5">
        <v>83</v>
      </c>
    </row>
    <row r="14" spans="1:4" ht="18" customHeight="1" x14ac:dyDescent="0.15">
      <c r="A14" s="8">
        <v>8</v>
      </c>
      <c r="B14" s="21">
        <v>54</v>
      </c>
      <c r="C14" s="6">
        <v>41</v>
      </c>
      <c r="D14" s="5">
        <v>95</v>
      </c>
    </row>
    <row r="15" spans="1:4" ht="18" customHeight="1" x14ac:dyDescent="0.15">
      <c r="A15" s="8">
        <v>9</v>
      </c>
      <c r="B15" s="21">
        <v>41</v>
      </c>
      <c r="C15" s="6">
        <v>33</v>
      </c>
      <c r="D15" s="5">
        <v>74</v>
      </c>
    </row>
    <row r="16" spans="1:4" ht="18" customHeight="1" x14ac:dyDescent="0.15">
      <c r="A16" s="8" t="s">
        <v>24</v>
      </c>
      <c r="B16" s="21">
        <v>198</v>
      </c>
      <c r="C16" s="6">
        <v>193</v>
      </c>
      <c r="D16" s="5">
        <v>391</v>
      </c>
    </row>
    <row r="17" spans="1:4" ht="18" customHeight="1" x14ac:dyDescent="0.15">
      <c r="A17" s="8">
        <v>10</v>
      </c>
      <c r="B17" s="21">
        <v>39</v>
      </c>
      <c r="C17" s="6">
        <v>45</v>
      </c>
      <c r="D17" s="5">
        <v>84</v>
      </c>
    </row>
    <row r="18" spans="1:4" ht="18" customHeight="1" x14ac:dyDescent="0.15">
      <c r="A18" s="8">
        <v>11</v>
      </c>
      <c r="B18" s="21">
        <v>37</v>
      </c>
      <c r="C18" s="6">
        <v>43</v>
      </c>
      <c r="D18" s="5">
        <v>80</v>
      </c>
    </row>
    <row r="19" spans="1:4" ht="18" customHeight="1" x14ac:dyDescent="0.15">
      <c r="A19" s="8">
        <v>12</v>
      </c>
      <c r="B19" s="21">
        <v>49</v>
      </c>
      <c r="C19" s="6">
        <v>44</v>
      </c>
      <c r="D19" s="5">
        <v>93</v>
      </c>
    </row>
    <row r="20" spans="1:4" ht="18" customHeight="1" x14ac:dyDescent="0.15">
      <c r="A20" s="8">
        <v>13</v>
      </c>
      <c r="B20" s="21">
        <v>49</v>
      </c>
      <c r="C20" s="6">
        <v>45</v>
      </c>
      <c r="D20" s="5">
        <v>94</v>
      </c>
    </row>
    <row r="21" spans="1:4" ht="18" customHeight="1" x14ac:dyDescent="0.15">
      <c r="A21" s="8">
        <v>14</v>
      </c>
      <c r="B21" s="21">
        <v>44</v>
      </c>
      <c r="C21" s="6">
        <v>51</v>
      </c>
      <c r="D21" s="5">
        <v>95</v>
      </c>
    </row>
    <row r="22" spans="1:4" ht="18" customHeight="1" x14ac:dyDescent="0.15">
      <c r="A22" s="8" t="s">
        <v>23</v>
      </c>
      <c r="B22" s="21">
        <v>218</v>
      </c>
      <c r="C22" s="6">
        <v>228</v>
      </c>
      <c r="D22" s="5">
        <v>446</v>
      </c>
    </row>
    <row r="23" spans="1:4" ht="18" customHeight="1" x14ac:dyDescent="0.15">
      <c r="A23" s="8" t="s">
        <v>22</v>
      </c>
      <c r="B23" s="21">
        <v>597</v>
      </c>
      <c r="C23" s="6">
        <v>596</v>
      </c>
      <c r="D23" s="5">
        <v>1193</v>
      </c>
    </row>
    <row r="24" spans="1:4" ht="18" customHeight="1" x14ac:dyDescent="0.15">
      <c r="A24" s="8">
        <v>15</v>
      </c>
      <c r="B24" s="21">
        <v>50</v>
      </c>
      <c r="C24" s="6">
        <v>48</v>
      </c>
      <c r="D24" s="5">
        <v>98</v>
      </c>
    </row>
    <row r="25" spans="1:4" ht="18" customHeight="1" x14ac:dyDescent="0.15">
      <c r="A25" s="8">
        <v>16</v>
      </c>
      <c r="B25" s="21">
        <v>47</v>
      </c>
      <c r="C25" s="6">
        <v>55</v>
      </c>
      <c r="D25" s="5">
        <v>102</v>
      </c>
    </row>
    <row r="26" spans="1:4" ht="18" customHeight="1" x14ac:dyDescent="0.15">
      <c r="A26" s="8">
        <v>17</v>
      </c>
      <c r="B26" s="21">
        <v>55</v>
      </c>
      <c r="C26" s="6">
        <v>42</v>
      </c>
      <c r="D26" s="5">
        <v>97</v>
      </c>
    </row>
    <row r="27" spans="1:4" ht="18" customHeight="1" x14ac:dyDescent="0.15">
      <c r="A27" s="8">
        <v>18</v>
      </c>
      <c r="B27" s="21">
        <v>61</v>
      </c>
      <c r="C27" s="6">
        <v>52</v>
      </c>
      <c r="D27" s="5">
        <v>113</v>
      </c>
    </row>
    <row r="28" spans="1:4" ht="18" customHeight="1" x14ac:dyDescent="0.15">
      <c r="A28" s="8">
        <v>19</v>
      </c>
      <c r="B28" s="21">
        <v>64</v>
      </c>
      <c r="C28" s="6">
        <v>54</v>
      </c>
      <c r="D28" s="5">
        <v>118</v>
      </c>
    </row>
    <row r="29" spans="1:4" ht="18" customHeight="1" x14ac:dyDescent="0.15">
      <c r="A29" s="8" t="s">
        <v>21</v>
      </c>
      <c r="B29" s="21">
        <v>277</v>
      </c>
      <c r="C29" s="6">
        <v>251</v>
      </c>
      <c r="D29" s="5">
        <v>528</v>
      </c>
    </row>
    <row r="30" spans="1:4" ht="18" customHeight="1" x14ac:dyDescent="0.15">
      <c r="A30" s="8">
        <v>20</v>
      </c>
      <c r="B30" s="21">
        <v>42</v>
      </c>
      <c r="C30" s="6">
        <v>61</v>
      </c>
      <c r="D30" s="5">
        <v>103</v>
      </c>
    </row>
    <row r="31" spans="1:4" ht="18" customHeight="1" x14ac:dyDescent="0.15">
      <c r="A31" s="8">
        <v>21</v>
      </c>
      <c r="B31" s="21">
        <v>68</v>
      </c>
      <c r="C31" s="6">
        <v>58</v>
      </c>
      <c r="D31" s="5">
        <v>126</v>
      </c>
    </row>
    <row r="32" spans="1:4" ht="18" customHeight="1" x14ac:dyDescent="0.15">
      <c r="A32" s="8">
        <v>22</v>
      </c>
      <c r="B32" s="21">
        <v>64</v>
      </c>
      <c r="C32" s="6">
        <v>46</v>
      </c>
      <c r="D32" s="5">
        <v>110</v>
      </c>
    </row>
    <row r="33" spans="1:4" ht="18" customHeight="1" x14ac:dyDescent="0.15">
      <c r="A33" s="8">
        <v>23</v>
      </c>
      <c r="B33" s="21">
        <v>53</v>
      </c>
      <c r="C33" s="6">
        <v>54</v>
      </c>
      <c r="D33" s="5">
        <v>107</v>
      </c>
    </row>
    <row r="34" spans="1:4" ht="18" customHeight="1" x14ac:dyDescent="0.15">
      <c r="A34" s="8">
        <v>24</v>
      </c>
      <c r="B34" s="21">
        <v>59</v>
      </c>
      <c r="C34" s="6">
        <v>60</v>
      </c>
      <c r="D34" s="5">
        <v>119</v>
      </c>
    </row>
    <row r="35" spans="1:4" ht="18" customHeight="1" x14ac:dyDescent="0.15">
      <c r="A35" s="8" t="s">
        <v>20</v>
      </c>
      <c r="B35" s="21">
        <v>286</v>
      </c>
      <c r="C35" s="6">
        <v>279</v>
      </c>
      <c r="D35" s="5">
        <v>565</v>
      </c>
    </row>
    <row r="36" spans="1:4" ht="18" customHeight="1" x14ac:dyDescent="0.15">
      <c r="A36" s="8">
        <v>25</v>
      </c>
      <c r="B36" s="21">
        <v>59</v>
      </c>
      <c r="C36" s="6">
        <v>55</v>
      </c>
      <c r="D36" s="5">
        <v>114</v>
      </c>
    </row>
    <row r="37" spans="1:4" ht="18" customHeight="1" x14ac:dyDescent="0.15">
      <c r="A37" s="8">
        <v>26</v>
      </c>
      <c r="B37" s="21">
        <v>64</v>
      </c>
      <c r="C37" s="6">
        <v>57</v>
      </c>
      <c r="D37" s="5">
        <v>121</v>
      </c>
    </row>
    <row r="38" spans="1:4" ht="18" customHeight="1" x14ac:dyDescent="0.15">
      <c r="A38" s="8">
        <v>27</v>
      </c>
      <c r="B38" s="21">
        <v>60</v>
      </c>
      <c r="C38" s="6">
        <v>52</v>
      </c>
      <c r="D38" s="5">
        <v>112</v>
      </c>
    </row>
    <row r="39" spans="1:4" ht="18" customHeight="1" x14ac:dyDescent="0.15">
      <c r="A39" s="8">
        <v>28</v>
      </c>
      <c r="B39" s="21">
        <v>64</v>
      </c>
      <c r="C39" s="6">
        <v>62</v>
      </c>
      <c r="D39" s="5">
        <v>126</v>
      </c>
    </row>
    <row r="40" spans="1:4" ht="18" customHeight="1" x14ac:dyDescent="0.15">
      <c r="A40" s="8">
        <v>29</v>
      </c>
      <c r="B40" s="21">
        <v>58</v>
      </c>
      <c r="C40" s="6">
        <v>66</v>
      </c>
      <c r="D40" s="5">
        <v>124</v>
      </c>
    </row>
    <row r="41" spans="1:4" ht="18" customHeight="1" x14ac:dyDescent="0.15">
      <c r="A41" s="8" t="s">
        <v>19</v>
      </c>
      <c r="B41" s="21">
        <v>305</v>
      </c>
      <c r="C41" s="6">
        <v>292</v>
      </c>
      <c r="D41" s="5">
        <v>597</v>
      </c>
    </row>
    <row r="42" spans="1:4" ht="18" customHeight="1" x14ac:dyDescent="0.15">
      <c r="A42" s="8">
        <v>30</v>
      </c>
      <c r="B42" s="21">
        <v>62</v>
      </c>
      <c r="C42" s="6">
        <v>64</v>
      </c>
      <c r="D42" s="5">
        <v>126</v>
      </c>
    </row>
    <row r="43" spans="1:4" ht="18" customHeight="1" x14ac:dyDescent="0.15">
      <c r="A43" s="8">
        <v>31</v>
      </c>
      <c r="B43" s="21">
        <v>71</v>
      </c>
      <c r="C43" s="6">
        <v>57</v>
      </c>
      <c r="D43" s="5">
        <v>128</v>
      </c>
    </row>
    <row r="44" spans="1:4" ht="18" customHeight="1" x14ac:dyDescent="0.15">
      <c r="A44" s="8">
        <v>32</v>
      </c>
      <c r="B44" s="21">
        <v>62</v>
      </c>
      <c r="C44" s="6">
        <v>46</v>
      </c>
      <c r="D44" s="5">
        <v>108</v>
      </c>
    </row>
    <row r="45" spans="1:4" ht="18" customHeight="1" x14ac:dyDescent="0.15">
      <c r="A45" s="8">
        <v>33</v>
      </c>
      <c r="B45" s="21">
        <v>60</v>
      </c>
      <c r="C45" s="6">
        <v>51</v>
      </c>
      <c r="D45" s="5">
        <v>111</v>
      </c>
    </row>
    <row r="46" spans="1:4" ht="18" customHeight="1" x14ac:dyDescent="0.15">
      <c r="A46" s="8">
        <v>34</v>
      </c>
      <c r="B46" s="21">
        <v>56</v>
      </c>
      <c r="C46" s="6">
        <v>54</v>
      </c>
      <c r="D46" s="5">
        <v>110</v>
      </c>
    </row>
    <row r="47" spans="1:4" ht="18" customHeight="1" x14ac:dyDescent="0.15">
      <c r="A47" s="8" t="s">
        <v>18</v>
      </c>
      <c r="B47" s="21">
        <v>311</v>
      </c>
      <c r="C47" s="6">
        <v>272</v>
      </c>
      <c r="D47" s="5">
        <v>583</v>
      </c>
    </row>
    <row r="48" spans="1:4" ht="18" customHeight="1" x14ac:dyDescent="0.15">
      <c r="A48" s="8">
        <v>35</v>
      </c>
      <c r="B48" s="21">
        <v>56</v>
      </c>
      <c r="C48" s="6">
        <v>52</v>
      </c>
      <c r="D48" s="5">
        <v>108</v>
      </c>
    </row>
    <row r="49" spans="1:4" ht="18" customHeight="1" x14ac:dyDescent="0.15">
      <c r="A49" s="8">
        <v>36</v>
      </c>
      <c r="B49" s="21">
        <v>52</v>
      </c>
      <c r="C49" s="6">
        <v>62</v>
      </c>
      <c r="D49" s="5">
        <v>114</v>
      </c>
    </row>
    <row r="50" spans="1:4" ht="18" customHeight="1" x14ac:dyDescent="0.15">
      <c r="A50" s="8">
        <v>37</v>
      </c>
      <c r="B50" s="21">
        <v>64</v>
      </c>
      <c r="C50" s="6">
        <v>54</v>
      </c>
      <c r="D50" s="5">
        <v>118</v>
      </c>
    </row>
    <row r="51" spans="1:4" ht="18" customHeight="1" x14ac:dyDescent="0.15">
      <c r="A51" s="8">
        <v>38</v>
      </c>
      <c r="B51" s="21">
        <v>53</v>
      </c>
      <c r="C51" s="6">
        <v>69</v>
      </c>
      <c r="D51" s="5">
        <v>122</v>
      </c>
    </row>
    <row r="52" spans="1:4" ht="18" customHeight="1" x14ac:dyDescent="0.15">
      <c r="A52" s="8">
        <v>39</v>
      </c>
      <c r="B52" s="21">
        <v>61</v>
      </c>
      <c r="C52" s="6">
        <v>55</v>
      </c>
      <c r="D52" s="5">
        <v>116</v>
      </c>
    </row>
    <row r="53" spans="1:4" ht="18" customHeight="1" x14ac:dyDescent="0.15">
      <c r="A53" s="8" t="s">
        <v>17</v>
      </c>
      <c r="B53" s="21">
        <v>286</v>
      </c>
      <c r="C53" s="6">
        <v>292</v>
      </c>
      <c r="D53" s="5">
        <v>578</v>
      </c>
    </row>
    <row r="54" spans="1:4" ht="18" customHeight="1" x14ac:dyDescent="0.15">
      <c r="A54" s="8">
        <v>40</v>
      </c>
      <c r="B54" s="21">
        <v>57</v>
      </c>
      <c r="C54" s="6">
        <v>55</v>
      </c>
      <c r="D54" s="5">
        <v>112</v>
      </c>
    </row>
    <row r="55" spans="1:4" ht="18" customHeight="1" x14ac:dyDescent="0.15">
      <c r="A55" s="8">
        <v>41</v>
      </c>
      <c r="B55" s="21">
        <v>66</v>
      </c>
      <c r="C55" s="6">
        <v>65</v>
      </c>
      <c r="D55" s="5">
        <v>131</v>
      </c>
    </row>
    <row r="56" spans="1:4" ht="18" customHeight="1" x14ac:dyDescent="0.15">
      <c r="A56" s="8">
        <v>42</v>
      </c>
      <c r="B56" s="21">
        <v>54</v>
      </c>
      <c r="C56" s="6">
        <v>52</v>
      </c>
      <c r="D56" s="5">
        <v>106</v>
      </c>
    </row>
    <row r="57" spans="1:4" ht="18" customHeight="1" x14ac:dyDescent="0.15">
      <c r="A57" s="8">
        <v>43</v>
      </c>
      <c r="B57" s="21">
        <v>72</v>
      </c>
      <c r="C57" s="6">
        <v>55</v>
      </c>
      <c r="D57" s="5">
        <v>127</v>
      </c>
    </row>
    <row r="58" spans="1:4" ht="18" customHeight="1" x14ac:dyDescent="0.15">
      <c r="A58" s="8">
        <v>44</v>
      </c>
      <c r="B58" s="21">
        <v>69</v>
      </c>
      <c r="C58" s="6">
        <v>71</v>
      </c>
      <c r="D58" s="5">
        <v>140</v>
      </c>
    </row>
    <row r="59" spans="1:4" ht="18" customHeight="1" x14ac:dyDescent="0.15">
      <c r="A59" s="8" t="s">
        <v>16</v>
      </c>
      <c r="B59" s="21">
        <v>318</v>
      </c>
      <c r="C59" s="6">
        <v>298</v>
      </c>
      <c r="D59" s="5">
        <v>616</v>
      </c>
    </row>
    <row r="60" spans="1:4" ht="18" customHeight="1" x14ac:dyDescent="0.15">
      <c r="A60" s="8">
        <v>45</v>
      </c>
      <c r="B60" s="21">
        <v>65</v>
      </c>
      <c r="C60" s="6">
        <v>57</v>
      </c>
      <c r="D60" s="5">
        <v>122</v>
      </c>
    </row>
    <row r="61" spans="1:4" ht="18" customHeight="1" x14ac:dyDescent="0.15">
      <c r="A61" s="8">
        <v>46</v>
      </c>
      <c r="B61" s="21">
        <v>79</v>
      </c>
      <c r="C61" s="6">
        <v>68</v>
      </c>
      <c r="D61" s="5">
        <v>147</v>
      </c>
    </row>
    <row r="62" spans="1:4" ht="18" customHeight="1" x14ac:dyDescent="0.15">
      <c r="A62" s="8">
        <v>47</v>
      </c>
      <c r="B62" s="21">
        <v>96</v>
      </c>
      <c r="C62" s="6">
        <v>100</v>
      </c>
      <c r="D62" s="5">
        <v>196</v>
      </c>
    </row>
    <row r="63" spans="1:4" ht="18" customHeight="1" x14ac:dyDescent="0.15">
      <c r="A63" s="8">
        <v>48</v>
      </c>
      <c r="B63" s="21">
        <v>80</v>
      </c>
      <c r="C63" s="6">
        <v>81</v>
      </c>
      <c r="D63" s="5">
        <v>161</v>
      </c>
    </row>
    <row r="64" spans="1:4" ht="18" customHeight="1" x14ac:dyDescent="0.15">
      <c r="A64" s="8">
        <v>49</v>
      </c>
      <c r="B64" s="21">
        <v>80</v>
      </c>
      <c r="C64" s="6">
        <v>91</v>
      </c>
      <c r="D64" s="5">
        <v>171</v>
      </c>
    </row>
    <row r="65" spans="1:4" ht="18" customHeight="1" x14ac:dyDescent="0.15">
      <c r="A65" s="8" t="s">
        <v>15</v>
      </c>
      <c r="B65" s="21">
        <v>400</v>
      </c>
      <c r="C65" s="6">
        <v>397</v>
      </c>
      <c r="D65" s="5">
        <v>797</v>
      </c>
    </row>
    <row r="66" spans="1:4" ht="18" customHeight="1" x14ac:dyDescent="0.15">
      <c r="A66" s="8">
        <v>50</v>
      </c>
      <c r="B66" s="21">
        <v>108</v>
      </c>
      <c r="C66" s="6">
        <v>97</v>
      </c>
      <c r="D66" s="5">
        <v>205</v>
      </c>
    </row>
    <row r="67" spans="1:4" ht="18" customHeight="1" x14ac:dyDescent="0.15">
      <c r="A67" s="8">
        <v>51</v>
      </c>
      <c r="B67" s="21">
        <v>103</v>
      </c>
      <c r="C67" s="6">
        <v>95</v>
      </c>
      <c r="D67" s="5">
        <v>198</v>
      </c>
    </row>
    <row r="68" spans="1:4" ht="18" customHeight="1" x14ac:dyDescent="0.15">
      <c r="A68" s="8">
        <v>52</v>
      </c>
      <c r="B68" s="21">
        <v>104</v>
      </c>
      <c r="C68" s="6">
        <v>105</v>
      </c>
      <c r="D68" s="5">
        <v>209</v>
      </c>
    </row>
    <row r="69" spans="1:4" ht="18" customHeight="1" x14ac:dyDescent="0.15">
      <c r="A69" s="8">
        <v>53</v>
      </c>
      <c r="B69" s="21">
        <v>116</v>
      </c>
      <c r="C69" s="6">
        <v>109</v>
      </c>
      <c r="D69" s="5">
        <v>225</v>
      </c>
    </row>
    <row r="70" spans="1:4" ht="18" customHeight="1" x14ac:dyDescent="0.15">
      <c r="A70" s="8">
        <v>54</v>
      </c>
      <c r="B70" s="21">
        <v>90</v>
      </c>
      <c r="C70" s="6">
        <v>87</v>
      </c>
      <c r="D70" s="5">
        <v>177</v>
      </c>
    </row>
    <row r="71" spans="1:4" ht="18" customHeight="1" x14ac:dyDescent="0.15">
      <c r="A71" s="8" t="s">
        <v>14</v>
      </c>
      <c r="B71" s="21">
        <v>521</v>
      </c>
      <c r="C71" s="6">
        <v>493</v>
      </c>
      <c r="D71" s="5">
        <v>1014</v>
      </c>
    </row>
    <row r="72" spans="1:4" ht="18" customHeight="1" x14ac:dyDescent="0.15">
      <c r="A72" s="8">
        <v>55</v>
      </c>
      <c r="B72" s="21">
        <v>112</v>
      </c>
      <c r="C72" s="6">
        <v>86</v>
      </c>
      <c r="D72" s="5">
        <v>198</v>
      </c>
    </row>
    <row r="73" spans="1:4" ht="18" customHeight="1" x14ac:dyDescent="0.15">
      <c r="A73" s="8">
        <v>56</v>
      </c>
      <c r="B73" s="21">
        <v>82</v>
      </c>
      <c r="C73" s="6">
        <v>87</v>
      </c>
      <c r="D73" s="5">
        <v>169</v>
      </c>
    </row>
    <row r="74" spans="1:4" ht="18" customHeight="1" x14ac:dyDescent="0.15">
      <c r="A74" s="8">
        <v>57</v>
      </c>
      <c r="B74" s="21">
        <v>96</v>
      </c>
      <c r="C74" s="6">
        <v>94</v>
      </c>
      <c r="D74" s="5">
        <v>190</v>
      </c>
    </row>
    <row r="75" spans="1:4" ht="18" customHeight="1" x14ac:dyDescent="0.15">
      <c r="A75" s="8">
        <v>58</v>
      </c>
      <c r="B75" s="21">
        <v>78</v>
      </c>
      <c r="C75" s="6">
        <v>108</v>
      </c>
      <c r="D75" s="5">
        <v>186</v>
      </c>
    </row>
    <row r="76" spans="1:4" ht="18" customHeight="1" x14ac:dyDescent="0.15">
      <c r="A76" s="8">
        <v>59</v>
      </c>
      <c r="B76" s="21">
        <v>52</v>
      </c>
      <c r="C76" s="6">
        <v>66</v>
      </c>
      <c r="D76" s="5">
        <v>118</v>
      </c>
    </row>
    <row r="77" spans="1:4" ht="18" customHeight="1" x14ac:dyDescent="0.15">
      <c r="A77" s="8" t="s">
        <v>13</v>
      </c>
      <c r="B77" s="21">
        <v>420</v>
      </c>
      <c r="C77" s="6">
        <v>441</v>
      </c>
      <c r="D77" s="5">
        <v>861</v>
      </c>
    </row>
    <row r="78" spans="1:4" ht="18" customHeight="1" x14ac:dyDescent="0.15">
      <c r="A78" s="8">
        <v>60</v>
      </c>
      <c r="B78" s="21">
        <v>97</v>
      </c>
      <c r="C78" s="6">
        <v>88</v>
      </c>
      <c r="D78" s="5">
        <v>185</v>
      </c>
    </row>
    <row r="79" spans="1:4" ht="18" customHeight="1" x14ac:dyDescent="0.15">
      <c r="A79" s="8">
        <v>61</v>
      </c>
      <c r="B79" s="21">
        <v>81</v>
      </c>
      <c r="C79" s="6">
        <v>75</v>
      </c>
      <c r="D79" s="5">
        <v>156</v>
      </c>
    </row>
    <row r="80" spans="1:4" ht="18" customHeight="1" x14ac:dyDescent="0.15">
      <c r="A80" s="8">
        <v>62</v>
      </c>
      <c r="B80" s="21">
        <v>80</v>
      </c>
      <c r="C80" s="6">
        <v>69</v>
      </c>
      <c r="D80" s="5">
        <v>149</v>
      </c>
    </row>
    <row r="81" spans="1:4" ht="18" customHeight="1" x14ac:dyDescent="0.15">
      <c r="A81" s="8">
        <v>63</v>
      </c>
      <c r="B81" s="21">
        <v>61</v>
      </c>
      <c r="C81" s="6">
        <v>62</v>
      </c>
      <c r="D81" s="5">
        <v>123</v>
      </c>
    </row>
    <row r="82" spans="1:4" ht="18" customHeight="1" x14ac:dyDescent="0.15">
      <c r="A82" s="8">
        <v>64</v>
      </c>
      <c r="B82" s="21">
        <v>56</v>
      </c>
      <c r="C82" s="6">
        <v>58</v>
      </c>
      <c r="D82" s="5">
        <v>114</v>
      </c>
    </row>
    <row r="83" spans="1:4" ht="18" customHeight="1" x14ac:dyDescent="0.15">
      <c r="A83" s="8" t="s">
        <v>12</v>
      </c>
      <c r="B83" s="21">
        <v>375</v>
      </c>
      <c r="C83" s="6">
        <v>352</v>
      </c>
      <c r="D83" s="5">
        <v>727</v>
      </c>
    </row>
    <row r="84" spans="1:4" ht="18" customHeight="1" x14ac:dyDescent="0.15">
      <c r="A84" s="8" t="s">
        <v>11</v>
      </c>
      <c r="B84" s="21">
        <v>3499</v>
      </c>
      <c r="C84" s="6">
        <v>3367</v>
      </c>
      <c r="D84" s="5">
        <v>6866</v>
      </c>
    </row>
    <row r="85" spans="1:4" ht="18" customHeight="1" x14ac:dyDescent="0.15">
      <c r="A85" s="8">
        <v>65</v>
      </c>
      <c r="B85" s="21">
        <v>57</v>
      </c>
      <c r="C85" s="6">
        <v>67</v>
      </c>
      <c r="D85" s="5">
        <v>124</v>
      </c>
    </row>
    <row r="86" spans="1:4" ht="18" customHeight="1" x14ac:dyDescent="0.15">
      <c r="A86" s="8">
        <v>66</v>
      </c>
      <c r="B86" s="21">
        <v>60</v>
      </c>
      <c r="C86" s="6">
        <v>52</v>
      </c>
      <c r="D86" s="5">
        <v>112</v>
      </c>
    </row>
    <row r="87" spans="1:4" ht="18" customHeight="1" x14ac:dyDescent="0.15">
      <c r="A87" s="8">
        <v>67</v>
      </c>
      <c r="B87" s="21">
        <v>52</v>
      </c>
      <c r="C87" s="6">
        <v>60</v>
      </c>
      <c r="D87" s="5">
        <v>112</v>
      </c>
    </row>
    <row r="88" spans="1:4" ht="18" customHeight="1" x14ac:dyDescent="0.15">
      <c r="A88" s="8">
        <v>68</v>
      </c>
      <c r="B88" s="21">
        <v>59</v>
      </c>
      <c r="C88" s="6">
        <v>61</v>
      </c>
      <c r="D88" s="5">
        <v>120</v>
      </c>
    </row>
    <row r="89" spans="1:4" ht="18" customHeight="1" x14ac:dyDescent="0.15">
      <c r="A89" s="8">
        <v>69</v>
      </c>
      <c r="B89" s="21">
        <v>50</v>
      </c>
      <c r="C89" s="6">
        <v>65</v>
      </c>
      <c r="D89" s="5">
        <v>115</v>
      </c>
    </row>
    <row r="90" spans="1:4" ht="18" customHeight="1" x14ac:dyDescent="0.15">
      <c r="A90" s="8" t="s">
        <v>10</v>
      </c>
      <c r="B90" s="21">
        <v>278</v>
      </c>
      <c r="C90" s="6">
        <v>305</v>
      </c>
      <c r="D90" s="5">
        <v>583</v>
      </c>
    </row>
    <row r="91" spans="1:4" ht="18" customHeight="1" x14ac:dyDescent="0.15">
      <c r="A91" s="8">
        <v>70</v>
      </c>
      <c r="B91" s="21">
        <v>49</v>
      </c>
      <c r="C91" s="6">
        <v>62</v>
      </c>
      <c r="D91" s="5">
        <v>111</v>
      </c>
    </row>
    <row r="92" spans="1:4" ht="18" customHeight="1" x14ac:dyDescent="0.15">
      <c r="A92" s="8">
        <v>71</v>
      </c>
      <c r="B92" s="21">
        <v>47</v>
      </c>
      <c r="C92" s="6">
        <v>57</v>
      </c>
      <c r="D92" s="5">
        <v>104</v>
      </c>
    </row>
    <row r="93" spans="1:4" ht="18" customHeight="1" x14ac:dyDescent="0.15">
      <c r="A93" s="8">
        <v>72</v>
      </c>
      <c r="B93" s="21">
        <v>65</v>
      </c>
      <c r="C93" s="6">
        <v>67</v>
      </c>
      <c r="D93" s="5">
        <v>132</v>
      </c>
    </row>
    <row r="94" spans="1:4" ht="18" customHeight="1" x14ac:dyDescent="0.15">
      <c r="A94" s="8">
        <v>73</v>
      </c>
      <c r="B94" s="21">
        <v>47</v>
      </c>
      <c r="C94" s="6">
        <v>66</v>
      </c>
      <c r="D94" s="5">
        <v>113</v>
      </c>
    </row>
    <row r="95" spans="1:4" ht="18" customHeight="1" x14ac:dyDescent="0.15">
      <c r="A95" s="8">
        <v>74</v>
      </c>
      <c r="B95" s="21">
        <v>54</v>
      </c>
      <c r="C95" s="6">
        <v>73</v>
      </c>
      <c r="D95" s="5">
        <v>127</v>
      </c>
    </row>
    <row r="96" spans="1:4" ht="18" customHeight="1" x14ac:dyDescent="0.15">
      <c r="A96" s="8" t="s">
        <v>9</v>
      </c>
      <c r="B96" s="21">
        <v>262</v>
      </c>
      <c r="C96" s="6">
        <v>325</v>
      </c>
      <c r="D96" s="5">
        <v>587</v>
      </c>
    </row>
    <row r="97" spans="1:4" ht="18" customHeight="1" x14ac:dyDescent="0.15">
      <c r="A97" s="8">
        <v>75</v>
      </c>
      <c r="B97" s="21">
        <v>67</v>
      </c>
      <c r="C97" s="6">
        <v>71</v>
      </c>
      <c r="D97" s="5">
        <v>138</v>
      </c>
    </row>
    <row r="98" spans="1:4" ht="18" customHeight="1" x14ac:dyDescent="0.15">
      <c r="A98" s="8">
        <v>76</v>
      </c>
      <c r="B98" s="21">
        <v>76</v>
      </c>
      <c r="C98" s="6">
        <v>117</v>
      </c>
      <c r="D98" s="5">
        <v>193</v>
      </c>
    </row>
    <row r="99" spans="1:4" ht="18" customHeight="1" x14ac:dyDescent="0.15">
      <c r="A99" s="8">
        <v>77</v>
      </c>
      <c r="B99" s="21">
        <v>79</v>
      </c>
      <c r="C99" s="6">
        <v>90</v>
      </c>
      <c r="D99" s="5">
        <v>169</v>
      </c>
    </row>
    <row r="100" spans="1:4" ht="18" customHeight="1" x14ac:dyDescent="0.15">
      <c r="A100" s="8">
        <v>78</v>
      </c>
      <c r="B100" s="21">
        <v>77</v>
      </c>
      <c r="C100" s="6">
        <v>106</v>
      </c>
      <c r="D100" s="5">
        <v>183</v>
      </c>
    </row>
    <row r="101" spans="1:4" ht="18" customHeight="1" x14ac:dyDescent="0.15">
      <c r="A101" s="8">
        <v>79</v>
      </c>
      <c r="B101" s="21">
        <v>65</v>
      </c>
      <c r="C101" s="6">
        <v>60</v>
      </c>
      <c r="D101" s="5">
        <v>125</v>
      </c>
    </row>
    <row r="102" spans="1:4" ht="18" customHeight="1" x14ac:dyDescent="0.15">
      <c r="A102" s="8" t="s">
        <v>8</v>
      </c>
      <c r="B102" s="21">
        <v>364</v>
      </c>
      <c r="C102" s="6">
        <v>444</v>
      </c>
      <c r="D102" s="5">
        <v>808</v>
      </c>
    </row>
    <row r="103" spans="1:4" ht="18" customHeight="1" x14ac:dyDescent="0.15">
      <c r="A103" s="8">
        <v>80</v>
      </c>
      <c r="B103" s="21">
        <v>33</v>
      </c>
      <c r="C103" s="6">
        <v>54</v>
      </c>
      <c r="D103" s="5">
        <v>87</v>
      </c>
    </row>
    <row r="104" spans="1:4" ht="18" customHeight="1" x14ac:dyDescent="0.15">
      <c r="A104" s="8">
        <v>81</v>
      </c>
      <c r="B104" s="21">
        <v>50</v>
      </c>
      <c r="C104" s="6">
        <v>65</v>
      </c>
      <c r="D104" s="5">
        <v>115</v>
      </c>
    </row>
    <row r="105" spans="1:4" ht="18" customHeight="1" x14ac:dyDescent="0.15">
      <c r="A105" s="8">
        <v>82</v>
      </c>
      <c r="B105" s="21">
        <v>47</v>
      </c>
      <c r="C105" s="6">
        <v>79</v>
      </c>
      <c r="D105" s="5">
        <v>126</v>
      </c>
    </row>
    <row r="106" spans="1:4" ht="18" customHeight="1" x14ac:dyDescent="0.15">
      <c r="A106" s="8">
        <v>83</v>
      </c>
      <c r="B106" s="21">
        <v>49</v>
      </c>
      <c r="C106" s="6">
        <v>63</v>
      </c>
      <c r="D106" s="5">
        <v>112</v>
      </c>
    </row>
    <row r="107" spans="1:4" ht="18" customHeight="1" x14ac:dyDescent="0.15">
      <c r="A107" s="8">
        <v>84</v>
      </c>
      <c r="B107" s="21">
        <v>33</v>
      </c>
      <c r="C107" s="6">
        <v>55</v>
      </c>
      <c r="D107" s="5">
        <v>88</v>
      </c>
    </row>
    <row r="108" spans="1:4" ht="18" customHeight="1" x14ac:dyDescent="0.15">
      <c r="A108" s="8" t="s">
        <v>7</v>
      </c>
      <c r="B108" s="21">
        <v>212</v>
      </c>
      <c r="C108" s="6">
        <v>316</v>
      </c>
      <c r="D108" s="5">
        <v>528</v>
      </c>
    </row>
    <row r="109" spans="1:4" ht="18" customHeight="1" x14ac:dyDescent="0.15">
      <c r="A109" s="8">
        <v>85</v>
      </c>
      <c r="B109" s="21">
        <v>50</v>
      </c>
      <c r="C109" s="6">
        <v>56</v>
      </c>
      <c r="D109" s="5">
        <v>106</v>
      </c>
    </row>
    <row r="110" spans="1:4" ht="18" customHeight="1" x14ac:dyDescent="0.15">
      <c r="A110" s="8">
        <v>86</v>
      </c>
      <c r="B110" s="21">
        <v>30</v>
      </c>
      <c r="C110" s="6">
        <v>37</v>
      </c>
      <c r="D110" s="5">
        <v>67</v>
      </c>
    </row>
    <row r="111" spans="1:4" ht="18" customHeight="1" x14ac:dyDescent="0.15">
      <c r="A111" s="8">
        <v>87</v>
      </c>
      <c r="B111" s="21">
        <v>18</v>
      </c>
      <c r="C111" s="6">
        <v>43</v>
      </c>
      <c r="D111" s="5">
        <v>61</v>
      </c>
    </row>
    <row r="112" spans="1:4" ht="18" customHeight="1" x14ac:dyDescent="0.15">
      <c r="A112" s="8">
        <v>88</v>
      </c>
      <c r="B112" s="21">
        <v>29</v>
      </c>
      <c r="C112" s="6">
        <v>35</v>
      </c>
      <c r="D112" s="5">
        <v>64</v>
      </c>
    </row>
    <row r="113" spans="1:4" ht="18" customHeight="1" x14ac:dyDescent="0.15">
      <c r="A113" s="8">
        <v>89</v>
      </c>
      <c r="B113" s="21">
        <v>22</v>
      </c>
      <c r="C113" s="6">
        <v>40</v>
      </c>
      <c r="D113" s="5">
        <v>62</v>
      </c>
    </row>
    <row r="114" spans="1:4" ht="18" customHeight="1" x14ac:dyDescent="0.15">
      <c r="A114" s="8" t="s">
        <v>6</v>
      </c>
      <c r="B114" s="21">
        <v>149</v>
      </c>
      <c r="C114" s="6">
        <v>211</v>
      </c>
      <c r="D114" s="5">
        <v>360</v>
      </c>
    </row>
    <row r="115" spans="1:4" ht="18" customHeight="1" x14ac:dyDescent="0.15">
      <c r="A115" s="8">
        <v>90</v>
      </c>
      <c r="B115" s="21">
        <v>13</v>
      </c>
      <c r="C115" s="6">
        <v>32</v>
      </c>
      <c r="D115" s="5">
        <v>45</v>
      </c>
    </row>
    <row r="116" spans="1:4" ht="18" customHeight="1" x14ac:dyDescent="0.15">
      <c r="A116" s="8">
        <v>91</v>
      </c>
      <c r="B116" s="21">
        <v>12</v>
      </c>
      <c r="C116" s="6">
        <v>22</v>
      </c>
      <c r="D116" s="5">
        <v>34</v>
      </c>
    </row>
    <row r="117" spans="1:4" ht="18" customHeight="1" x14ac:dyDescent="0.15">
      <c r="A117" s="8">
        <v>92</v>
      </c>
      <c r="B117" s="21">
        <v>10</v>
      </c>
      <c r="C117" s="6">
        <v>21</v>
      </c>
      <c r="D117" s="5">
        <v>31</v>
      </c>
    </row>
    <row r="118" spans="1:4" ht="18" customHeight="1" x14ac:dyDescent="0.15">
      <c r="A118" s="8">
        <v>93</v>
      </c>
      <c r="B118" s="21">
        <v>9</v>
      </c>
      <c r="C118" s="6">
        <v>30</v>
      </c>
      <c r="D118" s="5">
        <v>39</v>
      </c>
    </row>
    <row r="119" spans="1:4" ht="18" customHeight="1" x14ac:dyDescent="0.15">
      <c r="A119" s="8">
        <v>94</v>
      </c>
      <c r="B119" s="21">
        <v>4</v>
      </c>
      <c r="C119" s="6">
        <v>13</v>
      </c>
      <c r="D119" s="5">
        <v>17</v>
      </c>
    </row>
    <row r="120" spans="1:4" ht="18" customHeight="1" x14ac:dyDescent="0.15">
      <c r="A120" s="8" t="s">
        <v>5</v>
      </c>
      <c r="B120" s="21">
        <v>48</v>
      </c>
      <c r="C120" s="6">
        <v>118</v>
      </c>
      <c r="D120" s="5">
        <v>166</v>
      </c>
    </row>
    <row r="121" spans="1:4" ht="18" customHeight="1" x14ac:dyDescent="0.15">
      <c r="A121" s="8">
        <v>95</v>
      </c>
      <c r="B121" s="21">
        <v>1</v>
      </c>
      <c r="C121" s="6">
        <v>9</v>
      </c>
      <c r="D121" s="5">
        <v>10</v>
      </c>
    </row>
    <row r="122" spans="1:4" ht="18" customHeight="1" x14ac:dyDescent="0.15">
      <c r="A122" s="8">
        <v>96</v>
      </c>
      <c r="B122" s="21">
        <v>2</v>
      </c>
      <c r="C122" s="6">
        <v>10</v>
      </c>
      <c r="D122" s="5">
        <v>12</v>
      </c>
    </row>
    <row r="123" spans="1:4" ht="18" customHeight="1" x14ac:dyDescent="0.15">
      <c r="A123" s="8">
        <v>97</v>
      </c>
      <c r="B123" s="21">
        <v>2</v>
      </c>
      <c r="C123" s="6">
        <v>5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4</v>
      </c>
      <c r="C125" s="6">
        <v>4</v>
      </c>
      <c r="D125" s="5">
        <v>8</v>
      </c>
    </row>
    <row r="126" spans="1:4" ht="18" customHeight="1" x14ac:dyDescent="0.15">
      <c r="A126" s="8" t="s">
        <v>4</v>
      </c>
      <c r="B126" s="21">
        <v>9</v>
      </c>
      <c r="C126" s="6">
        <v>34</v>
      </c>
      <c r="D126" s="5">
        <v>43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1323</v>
      </c>
      <c r="C130" s="6">
        <v>1761</v>
      </c>
      <c r="D130" s="5">
        <v>3084</v>
      </c>
    </row>
    <row r="131" spans="1:4" ht="18" customHeight="1" x14ac:dyDescent="0.15">
      <c r="A131" s="4" t="s">
        <v>0</v>
      </c>
      <c r="B131" s="20">
        <v>5419</v>
      </c>
      <c r="C131" s="2">
        <v>5724</v>
      </c>
      <c r="D131" s="1">
        <v>1114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FDB0FB-52C2-4CD7-8A84-E9D7778D0022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5</v>
      </c>
      <c r="C5" s="11">
        <v>15</v>
      </c>
      <c r="D5" s="10">
        <v>40</v>
      </c>
    </row>
    <row r="6" spans="1:4" ht="18" customHeight="1" x14ac:dyDescent="0.15">
      <c r="A6" s="8">
        <v>1</v>
      </c>
      <c r="B6" s="21">
        <v>18</v>
      </c>
      <c r="C6" s="6">
        <v>15</v>
      </c>
      <c r="D6" s="5">
        <v>33</v>
      </c>
    </row>
    <row r="7" spans="1:4" ht="18" customHeight="1" x14ac:dyDescent="0.15">
      <c r="A7" s="8">
        <v>2</v>
      </c>
      <c r="B7" s="21">
        <v>24</v>
      </c>
      <c r="C7" s="6">
        <v>23</v>
      </c>
      <c r="D7" s="5">
        <v>47</v>
      </c>
    </row>
    <row r="8" spans="1:4" ht="18" customHeight="1" x14ac:dyDescent="0.15">
      <c r="A8" s="8">
        <v>3</v>
      </c>
      <c r="B8" s="21">
        <v>17</v>
      </c>
      <c r="C8" s="6">
        <v>16</v>
      </c>
      <c r="D8" s="5">
        <v>33</v>
      </c>
    </row>
    <row r="9" spans="1:4" ht="18" customHeight="1" x14ac:dyDescent="0.15">
      <c r="A9" s="8">
        <v>4</v>
      </c>
      <c r="B9" s="21">
        <v>20</v>
      </c>
      <c r="C9" s="6">
        <v>20</v>
      </c>
      <c r="D9" s="5">
        <v>40</v>
      </c>
    </row>
    <row r="10" spans="1:4" ht="18" customHeight="1" x14ac:dyDescent="0.15">
      <c r="A10" s="8" t="s">
        <v>25</v>
      </c>
      <c r="B10" s="21">
        <v>104</v>
      </c>
      <c r="C10" s="6">
        <v>89</v>
      </c>
      <c r="D10" s="5">
        <v>193</v>
      </c>
    </row>
    <row r="11" spans="1:4" ht="18" customHeight="1" x14ac:dyDescent="0.15">
      <c r="A11" s="8">
        <v>5</v>
      </c>
      <c r="B11" s="21">
        <v>16</v>
      </c>
      <c r="C11" s="6">
        <v>23</v>
      </c>
      <c r="D11" s="5">
        <v>39</v>
      </c>
    </row>
    <row r="12" spans="1:4" ht="18" customHeight="1" x14ac:dyDescent="0.15">
      <c r="A12" s="8">
        <v>6</v>
      </c>
      <c r="B12" s="21">
        <v>18</v>
      </c>
      <c r="C12" s="6">
        <v>14</v>
      </c>
      <c r="D12" s="5">
        <v>32</v>
      </c>
    </row>
    <row r="13" spans="1:4" ht="18" customHeight="1" x14ac:dyDescent="0.15">
      <c r="A13" s="8">
        <v>7</v>
      </c>
      <c r="B13" s="21">
        <v>27</v>
      </c>
      <c r="C13" s="6">
        <v>23</v>
      </c>
      <c r="D13" s="5">
        <v>50</v>
      </c>
    </row>
    <row r="14" spans="1:4" ht="18" customHeight="1" x14ac:dyDescent="0.15">
      <c r="A14" s="8">
        <v>8</v>
      </c>
      <c r="B14" s="21">
        <v>19</v>
      </c>
      <c r="C14" s="6">
        <v>16</v>
      </c>
      <c r="D14" s="5">
        <v>35</v>
      </c>
    </row>
    <row r="15" spans="1:4" ht="18" customHeight="1" x14ac:dyDescent="0.15">
      <c r="A15" s="8">
        <v>9</v>
      </c>
      <c r="B15" s="21">
        <v>30</v>
      </c>
      <c r="C15" s="6">
        <v>26</v>
      </c>
      <c r="D15" s="5">
        <v>56</v>
      </c>
    </row>
    <row r="16" spans="1:4" ht="18" customHeight="1" x14ac:dyDescent="0.15">
      <c r="A16" s="8" t="s">
        <v>24</v>
      </c>
      <c r="B16" s="21">
        <v>110</v>
      </c>
      <c r="C16" s="6">
        <v>102</v>
      </c>
      <c r="D16" s="5">
        <v>212</v>
      </c>
    </row>
    <row r="17" spans="1:4" ht="18" customHeight="1" x14ac:dyDescent="0.15">
      <c r="A17" s="8">
        <v>10</v>
      </c>
      <c r="B17" s="21">
        <v>15</v>
      </c>
      <c r="C17" s="6">
        <v>27</v>
      </c>
      <c r="D17" s="5">
        <v>42</v>
      </c>
    </row>
    <row r="18" spans="1:4" ht="18" customHeight="1" x14ac:dyDescent="0.15">
      <c r="A18" s="8">
        <v>11</v>
      </c>
      <c r="B18" s="21">
        <v>16</v>
      </c>
      <c r="C18" s="6">
        <v>28</v>
      </c>
      <c r="D18" s="5">
        <v>44</v>
      </c>
    </row>
    <row r="19" spans="1:4" ht="18" customHeight="1" x14ac:dyDescent="0.15">
      <c r="A19" s="8">
        <v>12</v>
      </c>
      <c r="B19" s="21">
        <v>25</v>
      </c>
      <c r="C19" s="6">
        <v>20</v>
      </c>
      <c r="D19" s="5">
        <v>45</v>
      </c>
    </row>
    <row r="20" spans="1:4" ht="18" customHeight="1" x14ac:dyDescent="0.15">
      <c r="A20" s="8">
        <v>13</v>
      </c>
      <c r="B20" s="21">
        <v>22</v>
      </c>
      <c r="C20" s="6">
        <v>10</v>
      </c>
      <c r="D20" s="5">
        <v>32</v>
      </c>
    </row>
    <row r="21" spans="1:4" ht="18" customHeight="1" x14ac:dyDescent="0.15">
      <c r="A21" s="8">
        <v>14</v>
      </c>
      <c r="B21" s="21">
        <v>30</v>
      </c>
      <c r="C21" s="6">
        <v>23</v>
      </c>
      <c r="D21" s="5">
        <v>53</v>
      </c>
    </row>
    <row r="22" spans="1:4" ht="18" customHeight="1" x14ac:dyDescent="0.15">
      <c r="A22" s="8" t="s">
        <v>23</v>
      </c>
      <c r="B22" s="21">
        <v>108</v>
      </c>
      <c r="C22" s="6">
        <v>108</v>
      </c>
      <c r="D22" s="5">
        <v>216</v>
      </c>
    </row>
    <row r="23" spans="1:4" ht="18" customHeight="1" x14ac:dyDescent="0.15">
      <c r="A23" s="8" t="s">
        <v>22</v>
      </c>
      <c r="B23" s="21">
        <v>322</v>
      </c>
      <c r="C23" s="6">
        <v>299</v>
      </c>
      <c r="D23" s="5">
        <v>621</v>
      </c>
    </row>
    <row r="24" spans="1:4" ht="18" customHeight="1" x14ac:dyDescent="0.15">
      <c r="A24" s="8">
        <v>15</v>
      </c>
      <c r="B24" s="21">
        <v>28</v>
      </c>
      <c r="C24" s="6">
        <v>25</v>
      </c>
      <c r="D24" s="5">
        <v>53</v>
      </c>
    </row>
    <row r="25" spans="1:4" ht="18" customHeight="1" x14ac:dyDescent="0.15">
      <c r="A25" s="8">
        <v>16</v>
      </c>
      <c r="B25" s="21">
        <v>18</v>
      </c>
      <c r="C25" s="6">
        <v>19</v>
      </c>
      <c r="D25" s="5">
        <v>37</v>
      </c>
    </row>
    <row r="26" spans="1:4" ht="18" customHeight="1" x14ac:dyDescent="0.15">
      <c r="A26" s="8">
        <v>17</v>
      </c>
      <c r="B26" s="21">
        <v>13</v>
      </c>
      <c r="C26" s="6">
        <v>23</v>
      </c>
      <c r="D26" s="5">
        <v>36</v>
      </c>
    </row>
    <row r="27" spans="1:4" ht="18" customHeight="1" x14ac:dyDescent="0.15">
      <c r="A27" s="8">
        <v>18</v>
      </c>
      <c r="B27" s="21">
        <v>17</v>
      </c>
      <c r="C27" s="6">
        <v>10</v>
      </c>
      <c r="D27" s="5">
        <v>27</v>
      </c>
    </row>
    <row r="28" spans="1:4" ht="18" customHeight="1" x14ac:dyDescent="0.15">
      <c r="A28" s="8">
        <v>19</v>
      </c>
      <c r="B28" s="21">
        <v>15</v>
      </c>
      <c r="C28" s="6">
        <v>36</v>
      </c>
      <c r="D28" s="5">
        <v>51</v>
      </c>
    </row>
    <row r="29" spans="1:4" ht="18" customHeight="1" x14ac:dyDescent="0.15">
      <c r="A29" s="8" t="s">
        <v>21</v>
      </c>
      <c r="B29" s="21">
        <v>91</v>
      </c>
      <c r="C29" s="6">
        <v>113</v>
      </c>
      <c r="D29" s="5">
        <v>204</v>
      </c>
    </row>
    <row r="30" spans="1:4" ht="18" customHeight="1" x14ac:dyDescent="0.15">
      <c r="A30" s="8">
        <v>20</v>
      </c>
      <c r="B30" s="21">
        <v>23</v>
      </c>
      <c r="C30" s="6">
        <v>26</v>
      </c>
      <c r="D30" s="5">
        <v>49</v>
      </c>
    </row>
    <row r="31" spans="1:4" ht="18" customHeight="1" x14ac:dyDescent="0.15">
      <c r="A31" s="8">
        <v>21</v>
      </c>
      <c r="B31" s="21">
        <v>19</v>
      </c>
      <c r="C31" s="6">
        <v>22</v>
      </c>
      <c r="D31" s="5">
        <v>41</v>
      </c>
    </row>
    <row r="32" spans="1:4" ht="18" customHeight="1" x14ac:dyDescent="0.15">
      <c r="A32" s="8">
        <v>22</v>
      </c>
      <c r="B32" s="21">
        <v>18</v>
      </c>
      <c r="C32" s="6">
        <v>24</v>
      </c>
      <c r="D32" s="5">
        <v>42</v>
      </c>
    </row>
    <row r="33" spans="1:4" ht="18" customHeight="1" x14ac:dyDescent="0.15">
      <c r="A33" s="8">
        <v>23</v>
      </c>
      <c r="B33" s="21">
        <v>27</v>
      </c>
      <c r="C33" s="6">
        <v>27</v>
      </c>
      <c r="D33" s="5">
        <v>54</v>
      </c>
    </row>
    <row r="34" spans="1:4" ht="18" customHeight="1" x14ac:dyDescent="0.15">
      <c r="A34" s="8">
        <v>24</v>
      </c>
      <c r="B34" s="21">
        <v>24</v>
      </c>
      <c r="C34" s="6">
        <v>9</v>
      </c>
      <c r="D34" s="5">
        <v>33</v>
      </c>
    </row>
    <row r="35" spans="1:4" ht="18" customHeight="1" x14ac:dyDescent="0.15">
      <c r="A35" s="8" t="s">
        <v>20</v>
      </c>
      <c r="B35" s="21">
        <v>111</v>
      </c>
      <c r="C35" s="6">
        <v>108</v>
      </c>
      <c r="D35" s="5">
        <v>219</v>
      </c>
    </row>
    <row r="36" spans="1:4" ht="18" customHeight="1" x14ac:dyDescent="0.15">
      <c r="A36" s="8">
        <v>25</v>
      </c>
      <c r="B36" s="21">
        <v>35</v>
      </c>
      <c r="C36" s="6">
        <v>24</v>
      </c>
      <c r="D36" s="5">
        <v>59</v>
      </c>
    </row>
    <row r="37" spans="1:4" ht="18" customHeight="1" x14ac:dyDescent="0.15">
      <c r="A37" s="8">
        <v>26</v>
      </c>
      <c r="B37" s="21">
        <v>25</v>
      </c>
      <c r="C37" s="6">
        <v>28</v>
      </c>
      <c r="D37" s="5">
        <v>53</v>
      </c>
    </row>
    <row r="38" spans="1:4" ht="18" customHeight="1" x14ac:dyDescent="0.15">
      <c r="A38" s="8">
        <v>27</v>
      </c>
      <c r="B38" s="21">
        <v>34</v>
      </c>
      <c r="C38" s="6">
        <v>13</v>
      </c>
      <c r="D38" s="5">
        <v>47</v>
      </c>
    </row>
    <row r="39" spans="1:4" ht="18" customHeight="1" x14ac:dyDescent="0.15">
      <c r="A39" s="8">
        <v>28</v>
      </c>
      <c r="B39" s="21">
        <v>32</v>
      </c>
      <c r="C39" s="6">
        <v>26</v>
      </c>
      <c r="D39" s="5">
        <v>58</v>
      </c>
    </row>
    <row r="40" spans="1:4" ht="18" customHeight="1" x14ac:dyDescent="0.15">
      <c r="A40" s="8">
        <v>29</v>
      </c>
      <c r="B40" s="21">
        <v>29</v>
      </c>
      <c r="C40" s="6">
        <v>23</v>
      </c>
      <c r="D40" s="5">
        <v>52</v>
      </c>
    </row>
    <row r="41" spans="1:4" ht="18" customHeight="1" x14ac:dyDescent="0.15">
      <c r="A41" s="8" t="s">
        <v>19</v>
      </c>
      <c r="B41" s="21">
        <v>155</v>
      </c>
      <c r="C41" s="6">
        <v>114</v>
      </c>
      <c r="D41" s="5">
        <v>269</v>
      </c>
    </row>
    <row r="42" spans="1:4" ht="18" customHeight="1" x14ac:dyDescent="0.15">
      <c r="A42" s="8">
        <v>30</v>
      </c>
      <c r="B42" s="21">
        <v>27</v>
      </c>
      <c r="C42" s="6">
        <v>26</v>
      </c>
      <c r="D42" s="5">
        <v>53</v>
      </c>
    </row>
    <row r="43" spans="1:4" ht="18" customHeight="1" x14ac:dyDescent="0.15">
      <c r="A43" s="8">
        <v>31</v>
      </c>
      <c r="B43" s="21">
        <v>41</v>
      </c>
      <c r="C43" s="6">
        <v>21</v>
      </c>
      <c r="D43" s="5">
        <v>62</v>
      </c>
    </row>
    <row r="44" spans="1:4" ht="18" customHeight="1" x14ac:dyDescent="0.15">
      <c r="A44" s="8">
        <v>32</v>
      </c>
      <c r="B44" s="21">
        <v>23</v>
      </c>
      <c r="C44" s="6">
        <v>20</v>
      </c>
      <c r="D44" s="5">
        <v>43</v>
      </c>
    </row>
    <row r="45" spans="1:4" ht="18" customHeight="1" x14ac:dyDescent="0.15">
      <c r="A45" s="8">
        <v>33</v>
      </c>
      <c r="B45" s="21">
        <v>35</v>
      </c>
      <c r="C45" s="6">
        <v>19</v>
      </c>
      <c r="D45" s="5">
        <v>54</v>
      </c>
    </row>
    <row r="46" spans="1:4" ht="18" customHeight="1" x14ac:dyDescent="0.15">
      <c r="A46" s="8">
        <v>34</v>
      </c>
      <c r="B46" s="21">
        <v>20</v>
      </c>
      <c r="C46" s="6">
        <v>28</v>
      </c>
      <c r="D46" s="5">
        <v>48</v>
      </c>
    </row>
    <row r="47" spans="1:4" ht="18" customHeight="1" x14ac:dyDescent="0.15">
      <c r="A47" s="8" t="s">
        <v>18</v>
      </c>
      <c r="B47" s="21">
        <v>146</v>
      </c>
      <c r="C47" s="6">
        <v>114</v>
      </c>
      <c r="D47" s="5">
        <v>260</v>
      </c>
    </row>
    <row r="48" spans="1:4" ht="18" customHeight="1" x14ac:dyDescent="0.15">
      <c r="A48" s="8">
        <v>35</v>
      </c>
      <c r="B48" s="21">
        <v>25</v>
      </c>
      <c r="C48" s="6">
        <v>24</v>
      </c>
      <c r="D48" s="5">
        <v>49</v>
      </c>
    </row>
    <row r="49" spans="1:4" ht="18" customHeight="1" x14ac:dyDescent="0.15">
      <c r="A49" s="8">
        <v>36</v>
      </c>
      <c r="B49" s="21">
        <v>28</v>
      </c>
      <c r="C49" s="6">
        <v>21</v>
      </c>
      <c r="D49" s="5">
        <v>49</v>
      </c>
    </row>
    <row r="50" spans="1:4" ht="18" customHeight="1" x14ac:dyDescent="0.15">
      <c r="A50" s="8">
        <v>37</v>
      </c>
      <c r="B50" s="21">
        <v>22</v>
      </c>
      <c r="C50" s="6">
        <v>28</v>
      </c>
      <c r="D50" s="5">
        <v>50</v>
      </c>
    </row>
    <row r="51" spans="1:4" ht="18" customHeight="1" x14ac:dyDescent="0.15">
      <c r="A51" s="8">
        <v>38</v>
      </c>
      <c r="B51" s="21">
        <v>25</v>
      </c>
      <c r="C51" s="6">
        <v>23</v>
      </c>
      <c r="D51" s="5">
        <v>48</v>
      </c>
    </row>
    <row r="52" spans="1:4" ht="18" customHeight="1" x14ac:dyDescent="0.15">
      <c r="A52" s="8">
        <v>39</v>
      </c>
      <c r="B52" s="21">
        <v>30</v>
      </c>
      <c r="C52" s="6">
        <v>29</v>
      </c>
      <c r="D52" s="5">
        <v>59</v>
      </c>
    </row>
    <row r="53" spans="1:4" ht="18" customHeight="1" x14ac:dyDescent="0.15">
      <c r="A53" s="8" t="s">
        <v>17</v>
      </c>
      <c r="B53" s="21">
        <v>130</v>
      </c>
      <c r="C53" s="6">
        <v>125</v>
      </c>
      <c r="D53" s="5">
        <v>255</v>
      </c>
    </row>
    <row r="54" spans="1:4" ht="18" customHeight="1" x14ac:dyDescent="0.15">
      <c r="A54" s="8">
        <v>40</v>
      </c>
      <c r="B54" s="21">
        <v>40</v>
      </c>
      <c r="C54" s="6">
        <v>34</v>
      </c>
      <c r="D54" s="5">
        <v>74</v>
      </c>
    </row>
    <row r="55" spans="1:4" ht="18" customHeight="1" x14ac:dyDescent="0.15">
      <c r="A55" s="8">
        <v>41</v>
      </c>
      <c r="B55" s="21">
        <v>31</v>
      </c>
      <c r="C55" s="6">
        <v>38</v>
      </c>
      <c r="D55" s="5">
        <v>69</v>
      </c>
    </row>
    <row r="56" spans="1:4" ht="18" customHeight="1" x14ac:dyDescent="0.15">
      <c r="A56" s="8">
        <v>42</v>
      </c>
      <c r="B56" s="21">
        <v>24</v>
      </c>
      <c r="C56" s="6">
        <v>31</v>
      </c>
      <c r="D56" s="5">
        <v>55</v>
      </c>
    </row>
    <row r="57" spans="1:4" ht="18" customHeight="1" x14ac:dyDescent="0.15">
      <c r="A57" s="8">
        <v>43</v>
      </c>
      <c r="B57" s="21">
        <v>34</v>
      </c>
      <c r="C57" s="6">
        <v>34</v>
      </c>
      <c r="D57" s="5">
        <v>68</v>
      </c>
    </row>
    <row r="58" spans="1:4" ht="18" customHeight="1" x14ac:dyDescent="0.15">
      <c r="A58" s="8">
        <v>44</v>
      </c>
      <c r="B58" s="21">
        <v>31</v>
      </c>
      <c r="C58" s="6">
        <v>37</v>
      </c>
      <c r="D58" s="5">
        <v>68</v>
      </c>
    </row>
    <row r="59" spans="1:4" ht="18" customHeight="1" x14ac:dyDescent="0.15">
      <c r="A59" s="8" t="s">
        <v>16</v>
      </c>
      <c r="B59" s="21">
        <v>160</v>
      </c>
      <c r="C59" s="6">
        <v>174</v>
      </c>
      <c r="D59" s="5">
        <v>334</v>
      </c>
    </row>
    <row r="60" spans="1:4" ht="18" customHeight="1" x14ac:dyDescent="0.15">
      <c r="A60" s="8">
        <v>45</v>
      </c>
      <c r="B60" s="21">
        <v>34</v>
      </c>
      <c r="C60" s="6">
        <v>32</v>
      </c>
      <c r="D60" s="5">
        <v>66</v>
      </c>
    </row>
    <row r="61" spans="1:4" ht="18" customHeight="1" x14ac:dyDescent="0.15">
      <c r="A61" s="8">
        <v>46</v>
      </c>
      <c r="B61" s="21">
        <v>37</v>
      </c>
      <c r="C61" s="6">
        <v>42</v>
      </c>
      <c r="D61" s="5">
        <v>79</v>
      </c>
    </row>
    <row r="62" spans="1:4" ht="18" customHeight="1" x14ac:dyDescent="0.15">
      <c r="A62" s="8">
        <v>47</v>
      </c>
      <c r="B62" s="21">
        <v>39</v>
      </c>
      <c r="C62" s="6">
        <v>34</v>
      </c>
      <c r="D62" s="5">
        <v>73</v>
      </c>
    </row>
    <row r="63" spans="1:4" ht="18" customHeight="1" x14ac:dyDescent="0.15">
      <c r="A63" s="8">
        <v>48</v>
      </c>
      <c r="B63" s="21">
        <v>38</v>
      </c>
      <c r="C63" s="6">
        <v>30</v>
      </c>
      <c r="D63" s="5">
        <v>68</v>
      </c>
    </row>
    <row r="64" spans="1:4" ht="18" customHeight="1" x14ac:dyDescent="0.15">
      <c r="A64" s="8">
        <v>49</v>
      </c>
      <c r="B64" s="21">
        <v>54</v>
      </c>
      <c r="C64" s="6">
        <v>33</v>
      </c>
      <c r="D64" s="5">
        <v>87</v>
      </c>
    </row>
    <row r="65" spans="1:4" ht="18" customHeight="1" x14ac:dyDescent="0.15">
      <c r="A65" s="8" t="s">
        <v>15</v>
      </c>
      <c r="B65" s="21">
        <v>202</v>
      </c>
      <c r="C65" s="6">
        <v>171</v>
      </c>
      <c r="D65" s="5">
        <v>373</v>
      </c>
    </row>
    <row r="66" spans="1:4" ht="18" customHeight="1" x14ac:dyDescent="0.15">
      <c r="A66" s="8">
        <v>50</v>
      </c>
      <c r="B66" s="21">
        <v>40</v>
      </c>
      <c r="C66" s="6">
        <v>39</v>
      </c>
      <c r="D66" s="5">
        <v>79</v>
      </c>
    </row>
    <row r="67" spans="1:4" ht="18" customHeight="1" x14ac:dyDescent="0.15">
      <c r="A67" s="8">
        <v>51</v>
      </c>
      <c r="B67" s="21">
        <v>38</v>
      </c>
      <c r="C67" s="6">
        <v>39</v>
      </c>
      <c r="D67" s="5">
        <v>77</v>
      </c>
    </row>
    <row r="68" spans="1:4" ht="18" customHeight="1" x14ac:dyDescent="0.15">
      <c r="A68" s="8">
        <v>52</v>
      </c>
      <c r="B68" s="21">
        <v>32</v>
      </c>
      <c r="C68" s="6">
        <v>52</v>
      </c>
      <c r="D68" s="5">
        <v>84</v>
      </c>
    </row>
    <row r="69" spans="1:4" ht="18" customHeight="1" x14ac:dyDescent="0.15">
      <c r="A69" s="8">
        <v>53</v>
      </c>
      <c r="B69" s="21">
        <v>54</v>
      </c>
      <c r="C69" s="6">
        <v>39</v>
      </c>
      <c r="D69" s="5">
        <v>93</v>
      </c>
    </row>
    <row r="70" spans="1:4" ht="18" customHeight="1" x14ac:dyDescent="0.15">
      <c r="A70" s="8">
        <v>54</v>
      </c>
      <c r="B70" s="21">
        <v>47</v>
      </c>
      <c r="C70" s="6">
        <v>28</v>
      </c>
      <c r="D70" s="5">
        <v>75</v>
      </c>
    </row>
    <row r="71" spans="1:4" ht="18" customHeight="1" x14ac:dyDescent="0.15">
      <c r="A71" s="8" t="s">
        <v>14</v>
      </c>
      <c r="B71" s="21">
        <v>211</v>
      </c>
      <c r="C71" s="6">
        <v>197</v>
      </c>
      <c r="D71" s="5">
        <v>408</v>
      </c>
    </row>
    <row r="72" spans="1:4" ht="18" customHeight="1" x14ac:dyDescent="0.15">
      <c r="A72" s="8">
        <v>55</v>
      </c>
      <c r="B72" s="21">
        <v>40</v>
      </c>
      <c r="C72" s="6">
        <v>32</v>
      </c>
      <c r="D72" s="5">
        <v>72</v>
      </c>
    </row>
    <row r="73" spans="1:4" ht="18" customHeight="1" x14ac:dyDescent="0.15">
      <c r="A73" s="8">
        <v>56</v>
      </c>
      <c r="B73" s="21">
        <v>37</v>
      </c>
      <c r="C73" s="6">
        <v>39</v>
      </c>
      <c r="D73" s="5">
        <v>76</v>
      </c>
    </row>
    <row r="74" spans="1:4" ht="18" customHeight="1" x14ac:dyDescent="0.15">
      <c r="A74" s="8">
        <v>57</v>
      </c>
      <c r="B74" s="21">
        <v>43</v>
      </c>
      <c r="C74" s="6">
        <v>43</v>
      </c>
      <c r="D74" s="5">
        <v>86</v>
      </c>
    </row>
    <row r="75" spans="1:4" ht="18" customHeight="1" x14ac:dyDescent="0.15">
      <c r="A75" s="8">
        <v>58</v>
      </c>
      <c r="B75" s="21">
        <v>27</v>
      </c>
      <c r="C75" s="6">
        <v>31</v>
      </c>
      <c r="D75" s="5">
        <v>58</v>
      </c>
    </row>
    <row r="76" spans="1:4" ht="18" customHeight="1" x14ac:dyDescent="0.15">
      <c r="A76" s="8">
        <v>59</v>
      </c>
      <c r="B76" s="21">
        <v>24</v>
      </c>
      <c r="C76" s="6">
        <v>25</v>
      </c>
      <c r="D76" s="5">
        <v>49</v>
      </c>
    </row>
    <row r="77" spans="1:4" ht="18" customHeight="1" x14ac:dyDescent="0.15">
      <c r="A77" s="8" t="s">
        <v>13</v>
      </c>
      <c r="B77" s="21">
        <v>171</v>
      </c>
      <c r="C77" s="6">
        <v>170</v>
      </c>
      <c r="D77" s="5">
        <v>341</v>
      </c>
    </row>
    <row r="78" spans="1:4" ht="18" customHeight="1" x14ac:dyDescent="0.15">
      <c r="A78" s="8">
        <v>60</v>
      </c>
      <c r="B78" s="21">
        <v>37</v>
      </c>
      <c r="C78" s="6">
        <v>36</v>
      </c>
      <c r="D78" s="5">
        <v>73</v>
      </c>
    </row>
    <row r="79" spans="1:4" ht="18" customHeight="1" x14ac:dyDescent="0.15">
      <c r="A79" s="8">
        <v>61</v>
      </c>
      <c r="B79" s="21">
        <v>39</v>
      </c>
      <c r="C79" s="6">
        <v>29</v>
      </c>
      <c r="D79" s="5">
        <v>68</v>
      </c>
    </row>
    <row r="80" spans="1:4" ht="18" customHeight="1" x14ac:dyDescent="0.15">
      <c r="A80" s="8">
        <v>62</v>
      </c>
      <c r="B80" s="21">
        <v>35</v>
      </c>
      <c r="C80" s="6">
        <v>31</v>
      </c>
      <c r="D80" s="5">
        <v>66</v>
      </c>
    </row>
    <row r="81" spans="1:4" ht="18" customHeight="1" x14ac:dyDescent="0.15">
      <c r="A81" s="8">
        <v>63</v>
      </c>
      <c r="B81" s="21">
        <v>28</v>
      </c>
      <c r="C81" s="6">
        <v>28</v>
      </c>
      <c r="D81" s="5">
        <v>56</v>
      </c>
    </row>
    <row r="82" spans="1:4" ht="18" customHeight="1" x14ac:dyDescent="0.15">
      <c r="A82" s="8">
        <v>64</v>
      </c>
      <c r="B82" s="21">
        <v>26</v>
      </c>
      <c r="C82" s="6">
        <v>29</v>
      </c>
      <c r="D82" s="5">
        <v>55</v>
      </c>
    </row>
    <row r="83" spans="1:4" ht="18" customHeight="1" x14ac:dyDescent="0.15">
      <c r="A83" s="8" t="s">
        <v>12</v>
      </c>
      <c r="B83" s="21">
        <v>165</v>
      </c>
      <c r="C83" s="6">
        <v>153</v>
      </c>
      <c r="D83" s="5">
        <v>318</v>
      </c>
    </row>
    <row r="84" spans="1:4" ht="18" customHeight="1" x14ac:dyDescent="0.15">
      <c r="A84" s="8" t="s">
        <v>11</v>
      </c>
      <c r="B84" s="21">
        <v>1542</v>
      </c>
      <c r="C84" s="6">
        <v>1439</v>
      </c>
      <c r="D84" s="5">
        <v>2981</v>
      </c>
    </row>
    <row r="85" spans="1:4" ht="18" customHeight="1" x14ac:dyDescent="0.15">
      <c r="A85" s="8">
        <v>65</v>
      </c>
      <c r="B85" s="21">
        <v>30</v>
      </c>
      <c r="C85" s="6">
        <v>28</v>
      </c>
      <c r="D85" s="5">
        <v>58</v>
      </c>
    </row>
    <row r="86" spans="1:4" ht="18" customHeight="1" x14ac:dyDescent="0.15">
      <c r="A86" s="8">
        <v>66</v>
      </c>
      <c r="B86" s="21">
        <v>34</v>
      </c>
      <c r="C86" s="6">
        <v>37</v>
      </c>
      <c r="D86" s="5">
        <v>71</v>
      </c>
    </row>
    <row r="87" spans="1:4" ht="18" customHeight="1" x14ac:dyDescent="0.15">
      <c r="A87" s="8">
        <v>67</v>
      </c>
      <c r="B87" s="21">
        <v>24</v>
      </c>
      <c r="C87" s="6">
        <v>41</v>
      </c>
      <c r="D87" s="5">
        <v>65</v>
      </c>
    </row>
    <row r="88" spans="1:4" ht="18" customHeight="1" x14ac:dyDescent="0.15">
      <c r="A88" s="8">
        <v>68</v>
      </c>
      <c r="B88" s="21">
        <v>30</v>
      </c>
      <c r="C88" s="6">
        <v>24</v>
      </c>
      <c r="D88" s="5">
        <v>54</v>
      </c>
    </row>
    <row r="89" spans="1:4" ht="18" customHeight="1" x14ac:dyDescent="0.15">
      <c r="A89" s="8">
        <v>69</v>
      </c>
      <c r="B89" s="21">
        <v>24</v>
      </c>
      <c r="C89" s="6">
        <v>26</v>
      </c>
      <c r="D89" s="5">
        <v>50</v>
      </c>
    </row>
    <row r="90" spans="1:4" ht="18" customHeight="1" x14ac:dyDescent="0.15">
      <c r="A90" s="8" t="s">
        <v>10</v>
      </c>
      <c r="B90" s="21">
        <v>142</v>
      </c>
      <c r="C90" s="6">
        <v>156</v>
      </c>
      <c r="D90" s="5">
        <v>298</v>
      </c>
    </row>
    <row r="91" spans="1:4" ht="18" customHeight="1" x14ac:dyDescent="0.15">
      <c r="A91" s="8">
        <v>70</v>
      </c>
      <c r="B91" s="21">
        <v>29</v>
      </c>
      <c r="C91" s="6">
        <v>34</v>
      </c>
      <c r="D91" s="5">
        <v>63</v>
      </c>
    </row>
    <row r="92" spans="1:4" ht="18" customHeight="1" x14ac:dyDescent="0.15">
      <c r="A92" s="8">
        <v>71</v>
      </c>
      <c r="B92" s="21">
        <v>23</v>
      </c>
      <c r="C92" s="6">
        <v>19</v>
      </c>
      <c r="D92" s="5">
        <v>42</v>
      </c>
    </row>
    <row r="93" spans="1:4" ht="18" customHeight="1" x14ac:dyDescent="0.15">
      <c r="A93" s="8">
        <v>72</v>
      </c>
      <c r="B93" s="21">
        <v>20</v>
      </c>
      <c r="C93" s="6">
        <v>32</v>
      </c>
      <c r="D93" s="5">
        <v>52</v>
      </c>
    </row>
    <row r="94" spans="1:4" ht="18" customHeight="1" x14ac:dyDescent="0.15">
      <c r="A94" s="8">
        <v>73</v>
      </c>
      <c r="B94" s="21">
        <v>22</v>
      </c>
      <c r="C94" s="6">
        <v>33</v>
      </c>
      <c r="D94" s="5">
        <v>55</v>
      </c>
    </row>
    <row r="95" spans="1:4" ht="18" customHeight="1" x14ac:dyDescent="0.15">
      <c r="A95" s="8">
        <v>74</v>
      </c>
      <c r="B95" s="21">
        <v>21</v>
      </c>
      <c r="C95" s="6">
        <v>26</v>
      </c>
      <c r="D95" s="5">
        <v>47</v>
      </c>
    </row>
    <row r="96" spans="1:4" ht="18" customHeight="1" x14ac:dyDescent="0.15">
      <c r="A96" s="8" t="s">
        <v>9</v>
      </c>
      <c r="B96" s="21">
        <v>115</v>
      </c>
      <c r="C96" s="6">
        <v>144</v>
      </c>
      <c r="D96" s="5">
        <v>259</v>
      </c>
    </row>
    <row r="97" spans="1:4" ht="18" customHeight="1" x14ac:dyDescent="0.15">
      <c r="A97" s="8">
        <v>75</v>
      </c>
      <c r="B97" s="21">
        <v>26</v>
      </c>
      <c r="C97" s="6">
        <v>30</v>
      </c>
      <c r="D97" s="5">
        <v>56</v>
      </c>
    </row>
    <row r="98" spans="1:4" ht="18" customHeight="1" x14ac:dyDescent="0.15">
      <c r="A98" s="8">
        <v>76</v>
      </c>
      <c r="B98" s="21">
        <v>34</v>
      </c>
      <c r="C98" s="6">
        <v>28</v>
      </c>
      <c r="D98" s="5">
        <v>62</v>
      </c>
    </row>
    <row r="99" spans="1:4" ht="18" customHeight="1" x14ac:dyDescent="0.15">
      <c r="A99" s="8">
        <v>77</v>
      </c>
      <c r="B99" s="21">
        <v>30</v>
      </c>
      <c r="C99" s="6">
        <v>36</v>
      </c>
      <c r="D99" s="5">
        <v>66</v>
      </c>
    </row>
    <row r="100" spans="1:4" ht="18" customHeight="1" x14ac:dyDescent="0.15">
      <c r="A100" s="8">
        <v>78</v>
      </c>
      <c r="B100" s="21">
        <v>26</v>
      </c>
      <c r="C100" s="6">
        <v>38</v>
      </c>
      <c r="D100" s="5">
        <v>64</v>
      </c>
    </row>
    <row r="101" spans="1:4" ht="18" customHeight="1" x14ac:dyDescent="0.15">
      <c r="A101" s="8">
        <v>79</v>
      </c>
      <c r="B101" s="21">
        <v>16</v>
      </c>
      <c r="C101" s="6">
        <v>20</v>
      </c>
      <c r="D101" s="5">
        <v>36</v>
      </c>
    </row>
    <row r="102" spans="1:4" ht="18" customHeight="1" x14ac:dyDescent="0.15">
      <c r="A102" s="8" t="s">
        <v>8</v>
      </c>
      <c r="B102" s="21">
        <v>132</v>
      </c>
      <c r="C102" s="6">
        <v>152</v>
      </c>
      <c r="D102" s="5">
        <v>284</v>
      </c>
    </row>
    <row r="103" spans="1:4" ht="18" customHeight="1" x14ac:dyDescent="0.15">
      <c r="A103" s="8">
        <v>80</v>
      </c>
      <c r="B103" s="21">
        <v>8</v>
      </c>
      <c r="C103" s="6">
        <v>22</v>
      </c>
      <c r="D103" s="5">
        <v>30</v>
      </c>
    </row>
    <row r="104" spans="1:4" ht="18" customHeight="1" x14ac:dyDescent="0.15">
      <c r="A104" s="8">
        <v>81</v>
      </c>
      <c r="B104" s="21">
        <v>15</v>
      </c>
      <c r="C104" s="6">
        <v>25</v>
      </c>
      <c r="D104" s="5">
        <v>40</v>
      </c>
    </row>
    <row r="105" spans="1:4" ht="18" customHeight="1" x14ac:dyDescent="0.15">
      <c r="A105" s="8">
        <v>82</v>
      </c>
      <c r="B105" s="21">
        <v>30</v>
      </c>
      <c r="C105" s="6">
        <v>29</v>
      </c>
      <c r="D105" s="5">
        <v>59</v>
      </c>
    </row>
    <row r="106" spans="1:4" ht="18" customHeight="1" x14ac:dyDescent="0.15">
      <c r="A106" s="8">
        <v>83</v>
      </c>
      <c r="B106" s="21">
        <v>17</v>
      </c>
      <c r="C106" s="6">
        <v>16</v>
      </c>
      <c r="D106" s="5">
        <v>33</v>
      </c>
    </row>
    <row r="107" spans="1:4" ht="18" customHeight="1" x14ac:dyDescent="0.15">
      <c r="A107" s="8">
        <v>84</v>
      </c>
      <c r="B107" s="21">
        <v>17</v>
      </c>
      <c r="C107" s="6">
        <v>21</v>
      </c>
      <c r="D107" s="5">
        <v>38</v>
      </c>
    </row>
    <row r="108" spans="1:4" ht="18" customHeight="1" x14ac:dyDescent="0.15">
      <c r="A108" s="8" t="s">
        <v>7</v>
      </c>
      <c r="B108" s="21">
        <v>87</v>
      </c>
      <c r="C108" s="6">
        <v>113</v>
      </c>
      <c r="D108" s="5">
        <v>200</v>
      </c>
    </row>
    <row r="109" spans="1:4" ht="18" customHeight="1" x14ac:dyDescent="0.15">
      <c r="A109" s="8">
        <v>85</v>
      </c>
      <c r="B109" s="21">
        <v>14</v>
      </c>
      <c r="C109" s="6">
        <v>28</v>
      </c>
      <c r="D109" s="5">
        <v>42</v>
      </c>
    </row>
    <row r="110" spans="1:4" ht="18" customHeight="1" x14ac:dyDescent="0.15">
      <c r="A110" s="8">
        <v>86</v>
      </c>
      <c r="B110" s="21">
        <v>6</v>
      </c>
      <c r="C110" s="6">
        <v>13</v>
      </c>
      <c r="D110" s="5">
        <v>19</v>
      </c>
    </row>
    <row r="111" spans="1:4" ht="18" customHeight="1" x14ac:dyDescent="0.15">
      <c r="A111" s="8">
        <v>87</v>
      </c>
      <c r="B111" s="21">
        <v>7</v>
      </c>
      <c r="C111" s="6">
        <v>13</v>
      </c>
      <c r="D111" s="5">
        <v>20</v>
      </c>
    </row>
    <row r="112" spans="1:4" ht="18" customHeight="1" x14ac:dyDescent="0.15">
      <c r="A112" s="8">
        <v>88</v>
      </c>
      <c r="B112" s="21">
        <v>6</v>
      </c>
      <c r="C112" s="6">
        <v>22</v>
      </c>
      <c r="D112" s="5">
        <v>28</v>
      </c>
    </row>
    <row r="113" spans="1:4" ht="18" customHeight="1" x14ac:dyDescent="0.15">
      <c r="A113" s="8">
        <v>89</v>
      </c>
      <c r="B113" s="21">
        <v>6</v>
      </c>
      <c r="C113" s="6">
        <v>23</v>
      </c>
      <c r="D113" s="5">
        <v>29</v>
      </c>
    </row>
    <row r="114" spans="1:4" ht="18" customHeight="1" x14ac:dyDescent="0.15">
      <c r="A114" s="8" t="s">
        <v>6</v>
      </c>
      <c r="B114" s="21">
        <v>39</v>
      </c>
      <c r="C114" s="6">
        <v>99</v>
      </c>
      <c r="D114" s="5">
        <v>138</v>
      </c>
    </row>
    <row r="115" spans="1:4" ht="18" customHeight="1" x14ac:dyDescent="0.15">
      <c r="A115" s="8">
        <v>90</v>
      </c>
      <c r="B115" s="21">
        <v>6</v>
      </c>
      <c r="C115" s="6">
        <v>17</v>
      </c>
      <c r="D115" s="5">
        <v>23</v>
      </c>
    </row>
    <row r="116" spans="1:4" ht="18" customHeight="1" x14ac:dyDescent="0.15">
      <c r="A116" s="8">
        <v>91</v>
      </c>
      <c r="B116" s="21">
        <v>6</v>
      </c>
      <c r="C116" s="6">
        <v>14</v>
      </c>
      <c r="D116" s="5">
        <v>20</v>
      </c>
    </row>
    <row r="117" spans="1:4" ht="18" customHeight="1" x14ac:dyDescent="0.15">
      <c r="A117" s="8">
        <v>92</v>
      </c>
      <c r="B117" s="21">
        <v>3</v>
      </c>
      <c r="C117" s="6">
        <v>11</v>
      </c>
      <c r="D117" s="5">
        <v>14</v>
      </c>
    </row>
    <row r="118" spans="1:4" ht="18" customHeight="1" x14ac:dyDescent="0.15">
      <c r="A118" s="8">
        <v>93</v>
      </c>
      <c r="B118" s="21">
        <v>5</v>
      </c>
      <c r="C118" s="6">
        <v>12</v>
      </c>
      <c r="D118" s="5">
        <v>17</v>
      </c>
    </row>
    <row r="119" spans="1:4" ht="18" customHeight="1" x14ac:dyDescent="0.15">
      <c r="A119" s="8">
        <v>94</v>
      </c>
      <c r="B119" s="21">
        <v>3</v>
      </c>
      <c r="C119" s="6">
        <v>4</v>
      </c>
      <c r="D119" s="5">
        <v>7</v>
      </c>
    </row>
    <row r="120" spans="1:4" ht="18" customHeight="1" x14ac:dyDescent="0.15">
      <c r="A120" s="8" t="s">
        <v>5</v>
      </c>
      <c r="B120" s="21">
        <v>23</v>
      </c>
      <c r="C120" s="6">
        <v>58</v>
      </c>
      <c r="D120" s="5">
        <v>81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1</v>
      </c>
      <c r="C125" s="6">
        <v>2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2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542</v>
      </c>
      <c r="C130" s="6">
        <v>749</v>
      </c>
      <c r="D130" s="5">
        <v>1291</v>
      </c>
    </row>
    <row r="131" spans="1:4" ht="18" customHeight="1" x14ac:dyDescent="0.15">
      <c r="A131" s="4" t="s">
        <v>0</v>
      </c>
      <c r="B131" s="20">
        <v>2406</v>
      </c>
      <c r="C131" s="2">
        <v>2487</v>
      </c>
      <c r="D131" s="1">
        <v>48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67984B-1C66-4EC4-B295-FAF85D953E5D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4</v>
      </c>
      <c r="C5" s="11">
        <v>14</v>
      </c>
      <c r="D5" s="10">
        <v>28</v>
      </c>
    </row>
    <row r="6" spans="1:4" ht="18" customHeight="1" x14ac:dyDescent="0.15">
      <c r="A6" s="8">
        <v>1</v>
      </c>
      <c r="B6" s="21">
        <v>19</v>
      </c>
      <c r="C6" s="6">
        <v>8</v>
      </c>
      <c r="D6" s="5">
        <v>27</v>
      </c>
    </row>
    <row r="7" spans="1:4" ht="18" customHeight="1" x14ac:dyDescent="0.15">
      <c r="A7" s="8">
        <v>2</v>
      </c>
      <c r="B7" s="21">
        <v>17</v>
      </c>
      <c r="C7" s="6">
        <v>18</v>
      </c>
      <c r="D7" s="5">
        <v>35</v>
      </c>
    </row>
    <row r="8" spans="1:4" ht="18" customHeight="1" x14ac:dyDescent="0.15">
      <c r="A8" s="8">
        <v>3</v>
      </c>
      <c r="B8" s="21">
        <v>9</v>
      </c>
      <c r="C8" s="6">
        <v>12</v>
      </c>
      <c r="D8" s="5">
        <v>21</v>
      </c>
    </row>
    <row r="9" spans="1:4" ht="18" customHeight="1" x14ac:dyDescent="0.15">
      <c r="A9" s="8">
        <v>4</v>
      </c>
      <c r="B9" s="21">
        <v>7</v>
      </c>
      <c r="C9" s="6">
        <v>14</v>
      </c>
      <c r="D9" s="5">
        <v>21</v>
      </c>
    </row>
    <row r="10" spans="1:4" ht="18" customHeight="1" x14ac:dyDescent="0.15">
      <c r="A10" s="8" t="s">
        <v>25</v>
      </c>
      <c r="B10" s="21">
        <v>66</v>
      </c>
      <c r="C10" s="6">
        <v>66</v>
      </c>
      <c r="D10" s="5">
        <v>132</v>
      </c>
    </row>
    <row r="11" spans="1:4" ht="18" customHeight="1" x14ac:dyDescent="0.15">
      <c r="A11" s="8">
        <v>5</v>
      </c>
      <c r="B11" s="21">
        <v>14</v>
      </c>
      <c r="C11" s="6">
        <v>14</v>
      </c>
      <c r="D11" s="5">
        <v>28</v>
      </c>
    </row>
    <row r="12" spans="1:4" ht="18" customHeight="1" x14ac:dyDescent="0.15">
      <c r="A12" s="8">
        <v>6</v>
      </c>
      <c r="B12" s="21">
        <v>15</v>
      </c>
      <c r="C12" s="6">
        <v>19</v>
      </c>
      <c r="D12" s="5">
        <v>34</v>
      </c>
    </row>
    <row r="13" spans="1:4" ht="18" customHeight="1" x14ac:dyDescent="0.15">
      <c r="A13" s="8">
        <v>7</v>
      </c>
      <c r="B13" s="21">
        <v>20</v>
      </c>
      <c r="C13" s="6">
        <v>19</v>
      </c>
      <c r="D13" s="5">
        <v>39</v>
      </c>
    </row>
    <row r="14" spans="1:4" ht="18" customHeight="1" x14ac:dyDescent="0.15">
      <c r="A14" s="8">
        <v>8</v>
      </c>
      <c r="B14" s="21">
        <v>10</v>
      </c>
      <c r="C14" s="6">
        <v>17</v>
      </c>
      <c r="D14" s="5">
        <v>27</v>
      </c>
    </row>
    <row r="15" spans="1:4" ht="18" customHeight="1" x14ac:dyDescent="0.15">
      <c r="A15" s="8">
        <v>9</v>
      </c>
      <c r="B15" s="21">
        <v>17</v>
      </c>
      <c r="C15" s="6">
        <v>10</v>
      </c>
      <c r="D15" s="5">
        <v>27</v>
      </c>
    </row>
    <row r="16" spans="1:4" ht="18" customHeight="1" x14ac:dyDescent="0.15">
      <c r="A16" s="8" t="s">
        <v>24</v>
      </c>
      <c r="B16" s="21">
        <v>76</v>
      </c>
      <c r="C16" s="6">
        <v>79</v>
      </c>
      <c r="D16" s="5">
        <v>155</v>
      </c>
    </row>
    <row r="17" spans="1:4" ht="18" customHeight="1" x14ac:dyDescent="0.15">
      <c r="A17" s="8">
        <v>10</v>
      </c>
      <c r="B17" s="21">
        <v>14</v>
      </c>
      <c r="C17" s="6">
        <v>17</v>
      </c>
      <c r="D17" s="5">
        <v>31</v>
      </c>
    </row>
    <row r="18" spans="1:4" ht="18" customHeight="1" x14ac:dyDescent="0.15">
      <c r="A18" s="8">
        <v>11</v>
      </c>
      <c r="B18" s="21">
        <v>22</v>
      </c>
      <c r="C18" s="6">
        <v>22</v>
      </c>
      <c r="D18" s="5">
        <v>44</v>
      </c>
    </row>
    <row r="19" spans="1:4" ht="18" customHeight="1" x14ac:dyDescent="0.15">
      <c r="A19" s="8">
        <v>12</v>
      </c>
      <c r="B19" s="21">
        <v>23</v>
      </c>
      <c r="C19" s="6">
        <v>13</v>
      </c>
      <c r="D19" s="5">
        <v>36</v>
      </c>
    </row>
    <row r="20" spans="1:4" ht="18" customHeight="1" x14ac:dyDescent="0.15">
      <c r="A20" s="8">
        <v>13</v>
      </c>
      <c r="B20" s="21">
        <v>27</v>
      </c>
      <c r="C20" s="6">
        <v>28</v>
      </c>
      <c r="D20" s="5">
        <v>55</v>
      </c>
    </row>
    <row r="21" spans="1:4" ht="18" customHeight="1" x14ac:dyDescent="0.15">
      <c r="A21" s="8">
        <v>14</v>
      </c>
      <c r="B21" s="21">
        <v>27</v>
      </c>
      <c r="C21" s="6">
        <v>22</v>
      </c>
      <c r="D21" s="5">
        <v>49</v>
      </c>
    </row>
    <row r="22" spans="1:4" ht="18" customHeight="1" x14ac:dyDescent="0.15">
      <c r="A22" s="8" t="s">
        <v>23</v>
      </c>
      <c r="B22" s="21">
        <v>113</v>
      </c>
      <c r="C22" s="6">
        <v>102</v>
      </c>
      <c r="D22" s="5">
        <v>215</v>
      </c>
    </row>
    <row r="23" spans="1:4" ht="18" customHeight="1" x14ac:dyDescent="0.15">
      <c r="A23" s="8" t="s">
        <v>22</v>
      </c>
      <c r="B23" s="21">
        <v>255</v>
      </c>
      <c r="C23" s="6">
        <v>247</v>
      </c>
      <c r="D23" s="5">
        <v>502</v>
      </c>
    </row>
    <row r="24" spans="1:4" ht="18" customHeight="1" x14ac:dyDescent="0.15">
      <c r="A24" s="8">
        <v>15</v>
      </c>
      <c r="B24" s="21">
        <v>32</v>
      </c>
      <c r="C24" s="6">
        <v>17</v>
      </c>
      <c r="D24" s="5">
        <v>49</v>
      </c>
    </row>
    <row r="25" spans="1:4" ht="18" customHeight="1" x14ac:dyDescent="0.15">
      <c r="A25" s="8">
        <v>16</v>
      </c>
      <c r="B25" s="21">
        <v>22</v>
      </c>
      <c r="C25" s="6">
        <v>25</v>
      </c>
      <c r="D25" s="5">
        <v>47</v>
      </c>
    </row>
    <row r="26" spans="1:4" ht="18" customHeight="1" x14ac:dyDescent="0.15">
      <c r="A26" s="8">
        <v>17</v>
      </c>
      <c r="B26" s="21">
        <v>24</v>
      </c>
      <c r="C26" s="6">
        <v>21</v>
      </c>
      <c r="D26" s="5">
        <v>45</v>
      </c>
    </row>
    <row r="27" spans="1:4" ht="18" customHeight="1" x14ac:dyDescent="0.15">
      <c r="A27" s="8">
        <v>18</v>
      </c>
      <c r="B27" s="21">
        <v>18</v>
      </c>
      <c r="C27" s="6">
        <v>30</v>
      </c>
      <c r="D27" s="5">
        <v>48</v>
      </c>
    </row>
    <row r="28" spans="1:4" ht="18" customHeight="1" x14ac:dyDescent="0.15">
      <c r="A28" s="8">
        <v>19</v>
      </c>
      <c r="B28" s="21">
        <v>25</v>
      </c>
      <c r="C28" s="6">
        <v>22</v>
      </c>
      <c r="D28" s="5">
        <v>47</v>
      </c>
    </row>
    <row r="29" spans="1:4" ht="18" customHeight="1" x14ac:dyDescent="0.15">
      <c r="A29" s="8" t="s">
        <v>21</v>
      </c>
      <c r="B29" s="21">
        <v>121</v>
      </c>
      <c r="C29" s="6">
        <v>115</v>
      </c>
      <c r="D29" s="5">
        <v>236</v>
      </c>
    </row>
    <row r="30" spans="1:4" ht="18" customHeight="1" x14ac:dyDescent="0.15">
      <c r="A30" s="8">
        <v>20</v>
      </c>
      <c r="B30" s="21">
        <v>19</v>
      </c>
      <c r="C30" s="6">
        <v>15</v>
      </c>
      <c r="D30" s="5">
        <v>34</v>
      </c>
    </row>
    <row r="31" spans="1:4" ht="18" customHeight="1" x14ac:dyDescent="0.15">
      <c r="A31" s="8">
        <v>21</v>
      </c>
      <c r="B31" s="21">
        <v>32</v>
      </c>
      <c r="C31" s="6">
        <v>26</v>
      </c>
      <c r="D31" s="5">
        <v>58</v>
      </c>
    </row>
    <row r="32" spans="1:4" ht="18" customHeight="1" x14ac:dyDescent="0.15">
      <c r="A32" s="8">
        <v>22</v>
      </c>
      <c r="B32" s="21">
        <v>26</v>
      </c>
      <c r="C32" s="6">
        <v>22</v>
      </c>
      <c r="D32" s="5">
        <v>48</v>
      </c>
    </row>
    <row r="33" spans="1:4" ht="18" customHeight="1" x14ac:dyDescent="0.15">
      <c r="A33" s="8">
        <v>23</v>
      </c>
      <c r="B33" s="21">
        <v>16</v>
      </c>
      <c r="C33" s="6">
        <v>19</v>
      </c>
      <c r="D33" s="5">
        <v>35</v>
      </c>
    </row>
    <row r="34" spans="1:4" ht="18" customHeight="1" x14ac:dyDescent="0.15">
      <c r="A34" s="8">
        <v>24</v>
      </c>
      <c r="B34" s="21">
        <v>25</v>
      </c>
      <c r="C34" s="6">
        <v>23</v>
      </c>
      <c r="D34" s="5">
        <v>48</v>
      </c>
    </row>
    <row r="35" spans="1:4" ht="18" customHeight="1" x14ac:dyDescent="0.15">
      <c r="A35" s="8" t="s">
        <v>20</v>
      </c>
      <c r="B35" s="21">
        <v>118</v>
      </c>
      <c r="C35" s="6">
        <v>105</v>
      </c>
      <c r="D35" s="5">
        <v>223</v>
      </c>
    </row>
    <row r="36" spans="1:4" ht="18" customHeight="1" x14ac:dyDescent="0.15">
      <c r="A36" s="8">
        <v>25</v>
      </c>
      <c r="B36" s="21">
        <v>22</v>
      </c>
      <c r="C36" s="6">
        <v>28</v>
      </c>
      <c r="D36" s="5">
        <v>50</v>
      </c>
    </row>
    <row r="37" spans="1:4" ht="18" customHeight="1" x14ac:dyDescent="0.15">
      <c r="A37" s="8">
        <v>26</v>
      </c>
      <c r="B37" s="21">
        <v>27</v>
      </c>
      <c r="C37" s="6">
        <v>30</v>
      </c>
      <c r="D37" s="5">
        <v>57</v>
      </c>
    </row>
    <row r="38" spans="1:4" ht="18" customHeight="1" x14ac:dyDescent="0.15">
      <c r="A38" s="8">
        <v>27</v>
      </c>
      <c r="B38" s="21">
        <v>31</v>
      </c>
      <c r="C38" s="6">
        <v>24</v>
      </c>
      <c r="D38" s="5">
        <v>55</v>
      </c>
    </row>
    <row r="39" spans="1:4" ht="18" customHeight="1" x14ac:dyDescent="0.15">
      <c r="A39" s="8">
        <v>28</v>
      </c>
      <c r="B39" s="21">
        <v>31</v>
      </c>
      <c r="C39" s="6">
        <v>35</v>
      </c>
      <c r="D39" s="5">
        <v>66</v>
      </c>
    </row>
    <row r="40" spans="1:4" ht="18" customHeight="1" x14ac:dyDescent="0.15">
      <c r="A40" s="8">
        <v>29</v>
      </c>
      <c r="B40" s="21">
        <v>23</v>
      </c>
      <c r="C40" s="6">
        <v>24</v>
      </c>
      <c r="D40" s="5">
        <v>47</v>
      </c>
    </row>
    <row r="41" spans="1:4" ht="18" customHeight="1" x14ac:dyDescent="0.15">
      <c r="A41" s="8" t="s">
        <v>19</v>
      </c>
      <c r="B41" s="21">
        <v>134</v>
      </c>
      <c r="C41" s="6">
        <v>141</v>
      </c>
      <c r="D41" s="5">
        <v>275</v>
      </c>
    </row>
    <row r="42" spans="1:4" ht="18" customHeight="1" x14ac:dyDescent="0.15">
      <c r="A42" s="8">
        <v>30</v>
      </c>
      <c r="B42" s="21">
        <v>32</v>
      </c>
      <c r="C42" s="6">
        <v>15</v>
      </c>
      <c r="D42" s="5">
        <v>47</v>
      </c>
    </row>
    <row r="43" spans="1:4" ht="18" customHeight="1" x14ac:dyDescent="0.15">
      <c r="A43" s="8">
        <v>31</v>
      </c>
      <c r="B43" s="21">
        <v>33</v>
      </c>
      <c r="C43" s="6">
        <v>13</v>
      </c>
      <c r="D43" s="5">
        <v>46</v>
      </c>
    </row>
    <row r="44" spans="1:4" ht="18" customHeight="1" x14ac:dyDescent="0.15">
      <c r="A44" s="8">
        <v>32</v>
      </c>
      <c r="B44" s="21">
        <v>24</v>
      </c>
      <c r="C44" s="6">
        <v>27</v>
      </c>
      <c r="D44" s="5">
        <v>51</v>
      </c>
    </row>
    <row r="45" spans="1:4" ht="18" customHeight="1" x14ac:dyDescent="0.15">
      <c r="A45" s="8">
        <v>33</v>
      </c>
      <c r="B45" s="21">
        <v>32</v>
      </c>
      <c r="C45" s="6">
        <v>14</v>
      </c>
      <c r="D45" s="5">
        <v>46</v>
      </c>
    </row>
    <row r="46" spans="1:4" ht="18" customHeight="1" x14ac:dyDescent="0.15">
      <c r="A46" s="8">
        <v>34</v>
      </c>
      <c r="B46" s="21">
        <v>22</v>
      </c>
      <c r="C46" s="6">
        <v>21</v>
      </c>
      <c r="D46" s="5">
        <v>43</v>
      </c>
    </row>
    <row r="47" spans="1:4" ht="18" customHeight="1" x14ac:dyDescent="0.15">
      <c r="A47" s="8" t="s">
        <v>18</v>
      </c>
      <c r="B47" s="21">
        <v>143</v>
      </c>
      <c r="C47" s="6">
        <v>90</v>
      </c>
      <c r="D47" s="5">
        <v>233</v>
      </c>
    </row>
    <row r="48" spans="1:4" ht="18" customHeight="1" x14ac:dyDescent="0.15">
      <c r="A48" s="8">
        <v>35</v>
      </c>
      <c r="B48" s="21">
        <v>21</v>
      </c>
      <c r="C48" s="6">
        <v>22</v>
      </c>
      <c r="D48" s="5">
        <v>43</v>
      </c>
    </row>
    <row r="49" spans="1:4" ht="18" customHeight="1" x14ac:dyDescent="0.15">
      <c r="A49" s="8">
        <v>36</v>
      </c>
      <c r="B49" s="21">
        <v>21</v>
      </c>
      <c r="C49" s="6">
        <v>22</v>
      </c>
      <c r="D49" s="5">
        <v>43</v>
      </c>
    </row>
    <row r="50" spans="1:4" ht="18" customHeight="1" x14ac:dyDescent="0.15">
      <c r="A50" s="8">
        <v>37</v>
      </c>
      <c r="B50" s="21">
        <v>24</v>
      </c>
      <c r="C50" s="6">
        <v>28</v>
      </c>
      <c r="D50" s="5">
        <v>52</v>
      </c>
    </row>
    <row r="51" spans="1:4" ht="18" customHeight="1" x14ac:dyDescent="0.15">
      <c r="A51" s="8">
        <v>38</v>
      </c>
      <c r="B51" s="21">
        <v>23</v>
      </c>
      <c r="C51" s="6">
        <v>19</v>
      </c>
      <c r="D51" s="5">
        <v>42</v>
      </c>
    </row>
    <row r="52" spans="1:4" ht="18" customHeight="1" x14ac:dyDescent="0.15">
      <c r="A52" s="8">
        <v>39</v>
      </c>
      <c r="B52" s="21">
        <v>31</v>
      </c>
      <c r="C52" s="6">
        <v>30</v>
      </c>
      <c r="D52" s="5">
        <v>61</v>
      </c>
    </row>
    <row r="53" spans="1:4" ht="18" customHeight="1" x14ac:dyDescent="0.15">
      <c r="A53" s="8" t="s">
        <v>17</v>
      </c>
      <c r="B53" s="21">
        <v>120</v>
      </c>
      <c r="C53" s="6">
        <v>121</v>
      </c>
      <c r="D53" s="5">
        <v>241</v>
      </c>
    </row>
    <row r="54" spans="1:4" ht="18" customHeight="1" x14ac:dyDescent="0.15">
      <c r="A54" s="8">
        <v>40</v>
      </c>
      <c r="B54" s="21">
        <v>29</v>
      </c>
      <c r="C54" s="6">
        <v>27</v>
      </c>
      <c r="D54" s="5">
        <v>56</v>
      </c>
    </row>
    <row r="55" spans="1:4" ht="18" customHeight="1" x14ac:dyDescent="0.15">
      <c r="A55" s="8">
        <v>41</v>
      </c>
      <c r="B55" s="21">
        <v>36</v>
      </c>
      <c r="C55" s="6">
        <v>31</v>
      </c>
      <c r="D55" s="5">
        <v>67</v>
      </c>
    </row>
    <row r="56" spans="1:4" ht="18" customHeight="1" x14ac:dyDescent="0.15">
      <c r="A56" s="8">
        <v>42</v>
      </c>
      <c r="B56" s="21">
        <v>33</v>
      </c>
      <c r="C56" s="6">
        <v>27</v>
      </c>
      <c r="D56" s="5">
        <v>60</v>
      </c>
    </row>
    <row r="57" spans="1:4" ht="18" customHeight="1" x14ac:dyDescent="0.15">
      <c r="A57" s="8">
        <v>43</v>
      </c>
      <c r="B57" s="21">
        <v>34</v>
      </c>
      <c r="C57" s="6">
        <v>33</v>
      </c>
      <c r="D57" s="5">
        <v>67</v>
      </c>
    </row>
    <row r="58" spans="1:4" ht="18" customHeight="1" x14ac:dyDescent="0.15">
      <c r="A58" s="8">
        <v>44</v>
      </c>
      <c r="B58" s="21">
        <v>42</v>
      </c>
      <c r="C58" s="6">
        <v>25</v>
      </c>
      <c r="D58" s="5">
        <v>67</v>
      </c>
    </row>
    <row r="59" spans="1:4" ht="18" customHeight="1" x14ac:dyDescent="0.15">
      <c r="A59" s="8" t="s">
        <v>16</v>
      </c>
      <c r="B59" s="21">
        <v>174</v>
      </c>
      <c r="C59" s="6">
        <v>143</v>
      </c>
      <c r="D59" s="5">
        <v>317</v>
      </c>
    </row>
    <row r="60" spans="1:4" ht="18" customHeight="1" x14ac:dyDescent="0.15">
      <c r="A60" s="8">
        <v>45</v>
      </c>
      <c r="B60" s="21">
        <v>29</v>
      </c>
      <c r="C60" s="6">
        <v>27</v>
      </c>
      <c r="D60" s="5">
        <v>56</v>
      </c>
    </row>
    <row r="61" spans="1:4" ht="18" customHeight="1" x14ac:dyDescent="0.15">
      <c r="A61" s="8">
        <v>46</v>
      </c>
      <c r="B61" s="21">
        <v>40</v>
      </c>
      <c r="C61" s="6">
        <v>24</v>
      </c>
      <c r="D61" s="5">
        <v>64</v>
      </c>
    </row>
    <row r="62" spans="1:4" ht="18" customHeight="1" x14ac:dyDescent="0.15">
      <c r="A62" s="8">
        <v>47</v>
      </c>
      <c r="B62" s="21">
        <v>23</v>
      </c>
      <c r="C62" s="6">
        <v>44</v>
      </c>
      <c r="D62" s="5">
        <v>67</v>
      </c>
    </row>
    <row r="63" spans="1:4" ht="18" customHeight="1" x14ac:dyDescent="0.15">
      <c r="A63" s="8">
        <v>48</v>
      </c>
      <c r="B63" s="21">
        <v>38</v>
      </c>
      <c r="C63" s="6">
        <v>30</v>
      </c>
      <c r="D63" s="5">
        <v>68</v>
      </c>
    </row>
    <row r="64" spans="1:4" ht="18" customHeight="1" x14ac:dyDescent="0.15">
      <c r="A64" s="8">
        <v>49</v>
      </c>
      <c r="B64" s="21">
        <v>47</v>
      </c>
      <c r="C64" s="6">
        <v>30</v>
      </c>
      <c r="D64" s="5">
        <v>77</v>
      </c>
    </row>
    <row r="65" spans="1:4" ht="18" customHeight="1" x14ac:dyDescent="0.15">
      <c r="A65" s="8" t="s">
        <v>15</v>
      </c>
      <c r="B65" s="21">
        <v>177</v>
      </c>
      <c r="C65" s="6">
        <v>155</v>
      </c>
      <c r="D65" s="5">
        <v>332</v>
      </c>
    </row>
    <row r="66" spans="1:4" ht="18" customHeight="1" x14ac:dyDescent="0.15">
      <c r="A66" s="8">
        <v>50</v>
      </c>
      <c r="B66" s="21">
        <v>43</v>
      </c>
      <c r="C66" s="6">
        <v>34</v>
      </c>
      <c r="D66" s="5">
        <v>77</v>
      </c>
    </row>
    <row r="67" spans="1:4" ht="18" customHeight="1" x14ac:dyDescent="0.15">
      <c r="A67" s="8">
        <v>51</v>
      </c>
      <c r="B67" s="21">
        <v>37</v>
      </c>
      <c r="C67" s="6">
        <v>45</v>
      </c>
      <c r="D67" s="5">
        <v>82</v>
      </c>
    </row>
    <row r="68" spans="1:4" ht="18" customHeight="1" x14ac:dyDescent="0.15">
      <c r="A68" s="8">
        <v>52</v>
      </c>
      <c r="B68" s="21">
        <v>44</v>
      </c>
      <c r="C68" s="6">
        <v>44</v>
      </c>
      <c r="D68" s="5">
        <v>88</v>
      </c>
    </row>
    <row r="69" spans="1:4" ht="18" customHeight="1" x14ac:dyDescent="0.15">
      <c r="A69" s="8">
        <v>53</v>
      </c>
      <c r="B69" s="21">
        <v>57</v>
      </c>
      <c r="C69" s="6">
        <v>33</v>
      </c>
      <c r="D69" s="5">
        <v>90</v>
      </c>
    </row>
    <row r="70" spans="1:4" ht="18" customHeight="1" x14ac:dyDescent="0.15">
      <c r="A70" s="8">
        <v>54</v>
      </c>
      <c r="B70" s="21">
        <v>48</v>
      </c>
      <c r="C70" s="6">
        <v>43</v>
      </c>
      <c r="D70" s="5">
        <v>91</v>
      </c>
    </row>
    <row r="71" spans="1:4" ht="18" customHeight="1" x14ac:dyDescent="0.15">
      <c r="A71" s="8" t="s">
        <v>14</v>
      </c>
      <c r="B71" s="21">
        <v>229</v>
      </c>
      <c r="C71" s="6">
        <v>199</v>
      </c>
      <c r="D71" s="5">
        <v>428</v>
      </c>
    </row>
    <row r="72" spans="1:4" ht="18" customHeight="1" x14ac:dyDescent="0.15">
      <c r="A72" s="8">
        <v>55</v>
      </c>
      <c r="B72" s="21">
        <v>41</v>
      </c>
      <c r="C72" s="6">
        <v>41</v>
      </c>
      <c r="D72" s="5">
        <v>82</v>
      </c>
    </row>
    <row r="73" spans="1:4" ht="18" customHeight="1" x14ac:dyDescent="0.15">
      <c r="A73" s="8">
        <v>56</v>
      </c>
      <c r="B73" s="21">
        <v>44</v>
      </c>
      <c r="C73" s="6">
        <v>41</v>
      </c>
      <c r="D73" s="5">
        <v>85</v>
      </c>
    </row>
    <row r="74" spans="1:4" ht="18" customHeight="1" x14ac:dyDescent="0.15">
      <c r="A74" s="8">
        <v>57</v>
      </c>
      <c r="B74" s="21">
        <v>39</v>
      </c>
      <c r="C74" s="6">
        <v>33</v>
      </c>
      <c r="D74" s="5">
        <v>72</v>
      </c>
    </row>
    <row r="75" spans="1:4" ht="18" customHeight="1" x14ac:dyDescent="0.15">
      <c r="A75" s="8">
        <v>58</v>
      </c>
      <c r="B75" s="21">
        <v>30</v>
      </c>
      <c r="C75" s="6">
        <v>33</v>
      </c>
      <c r="D75" s="5">
        <v>63</v>
      </c>
    </row>
    <row r="76" spans="1:4" ht="18" customHeight="1" x14ac:dyDescent="0.15">
      <c r="A76" s="8">
        <v>59</v>
      </c>
      <c r="B76" s="21">
        <v>19</v>
      </c>
      <c r="C76" s="6">
        <v>22</v>
      </c>
      <c r="D76" s="5">
        <v>41</v>
      </c>
    </row>
    <row r="77" spans="1:4" ht="18" customHeight="1" x14ac:dyDescent="0.15">
      <c r="A77" s="8" t="s">
        <v>13</v>
      </c>
      <c r="B77" s="21">
        <v>173</v>
      </c>
      <c r="C77" s="6">
        <v>170</v>
      </c>
      <c r="D77" s="5">
        <v>343</v>
      </c>
    </row>
    <row r="78" spans="1:4" ht="18" customHeight="1" x14ac:dyDescent="0.15">
      <c r="A78" s="8">
        <v>60</v>
      </c>
      <c r="B78" s="21">
        <v>36</v>
      </c>
      <c r="C78" s="6">
        <v>43</v>
      </c>
      <c r="D78" s="5">
        <v>79</v>
      </c>
    </row>
    <row r="79" spans="1:4" ht="18" customHeight="1" x14ac:dyDescent="0.15">
      <c r="A79" s="8">
        <v>61</v>
      </c>
      <c r="B79" s="21">
        <v>36</v>
      </c>
      <c r="C79" s="6">
        <v>28</v>
      </c>
      <c r="D79" s="5">
        <v>64</v>
      </c>
    </row>
    <row r="80" spans="1:4" ht="18" customHeight="1" x14ac:dyDescent="0.15">
      <c r="A80" s="8">
        <v>62</v>
      </c>
      <c r="B80" s="21">
        <v>40</v>
      </c>
      <c r="C80" s="6">
        <v>33</v>
      </c>
      <c r="D80" s="5">
        <v>73</v>
      </c>
    </row>
    <row r="81" spans="1:4" ht="18" customHeight="1" x14ac:dyDescent="0.15">
      <c r="A81" s="8">
        <v>63</v>
      </c>
      <c r="B81" s="21">
        <v>35</v>
      </c>
      <c r="C81" s="6">
        <v>28</v>
      </c>
      <c r="D81" s="5">
        <v>63</v>
      </c>
    </row>
    <row r="82" spans="1:4" ht="18" customHeight="1" x14ac:dyDescent="0.15">
      <c r="A82" s="8">
        <v>64</v>
      </c>
      <c r="B82" s="21">
        <v>22</v>
      </c>
      <c r="C82" s="6">
        <v>28</v>
      </c>
      <c r="D82" s="5">
        <v>50</v>
      </c>
    </row>
    <row r="83" spans="1:4" ht="18" customHeight="1" x14ac:dyDescent="0.15">
      <c r="A83" s="8" t="s">
        <v>12</v>
      </c>
      <c r="B83" s="21">
        <v>169</v>
      </c>
      <c r="C83" s="6">
        <v>160</v>
      </c>
      <c r="D83" s="5">
        <v>329</v>
      </c>
    </row>
    <row r="84" spans="1:4" ht="18" customHeight="1" x14ac:dyDescent="0.15">
      <c r="A84" s="8" t="s">
        <v>11</v>
      </c>
      <c r="B84" s="21">
        <v>1558</v>
      </c>
      <c r="C84" s="6">
        <v>1399</v>
      </c>
      <c r="D84" s="5">
        <v>2957</v>
      </c>
    </row>
    <row r="85" spans="1:4" ht="18" customHeight="1" x14ac:dyDescent="0.15">
      <c r="A85" s="8">
        <v>65</v>
      </c>
      <c r="B85" s="21">
        <v>27</v>
      </c>
      <c r="C85" s="6">
        <v>30</v>
      </c>
      <c r="D85" s="5">
        <v>57</v>
      </c>
    </row>
    <row r="86" spans="1:4" ht="18" customHeight="1" x14ac:dyDescent="0.15">
      <c r="A86" s="8">
        <v>66</v>
      </c>
      <c r="B86" s="21">
        <v>25</v>
      </c>
      <c r="C86" s="6">
        <v>29</v>
      </c>
      <c r="D86" s="5">
        <v>54</v>
      </c>
    </row>
    <row r="87" spans="1:4" ht="18" customHeight="1" x14ac:dyDescent="0.15">
      <c r="A87" s="8">
        <v>67</v>
      </c>
      <c r="B87" s="21">
        <v>30</v>
      </c>
      <c r="C87" s="6">
        <v>39</v>
      </c>
      <c r="D87" s="5">
        <v>69</v>
      </c>
    </row>
    <row r="88" spans="1:4" ht="18" customHeight="1" x14ac:dyDescent="0.15">
      <c r="A88" s="8">
        <v>68</v>
      </c>
      <c r="B88" s="21">
        <v>32</v>
      </c>
      <c r="C88" s="6">
        <v>29</v>
      </c>
      <c r="D88" s="5">
        <v>61</v>
      </c>
    </row>
    <row r="89" spans="1:4" ht="18" customHeight="1" x14ac:dyDescent="0.15">
      <c r="A89" s="8">
        <v>69</v>
      </c>
      <c r="B89" s="21">
        <v>36</v>
      </c>
      <c r="C89" s="6">
        <v>42</v>
      </c>
      <c r="D89" s="5">
        <v>78</v>
      </c>
    </row>
    <row r="90" spans="1:4" ht="18" customHeight="1" x14ac:dyDescent="0.15">
      <c r="A90" s="8" t="s">
        <v>10</v>
      </c>
      <c r="B90" s="21">
        <v>150</v>
      </c>
      <c r="C90" s="6">
        <v>169</v>
      </c>
      <c r="D90" s="5">
        <v>319</v>
      </c>
    </row>
    <row r="91" spans="1:4" ht="18" customHeight="1" x14ac:dyDescent="0.15">
      <c r="A91" s="8">
        <v>70</v>
      </c>
      <c r="B91" s="21">
        <v>37</v>
      </c>
      <c r="C91" s="6">
        <v>42</v>
      </c>
      <c r="D91" s="5">
        <v>79</v>
      </c>
    </row>
    <row r="92" spans="1:4" ht="18" customHeight="1" x14ac:dyDescent="0.15">
      <c r="A92" s="8">
        <v>71</v>
      </c>
      <c r="B92" s="21">
        <v>32</v>
      </c>
      <c r="C92" s="6">
        <v>37</v>
      </c>
      <c r="D92" s="5">
        <v>69</v>
      </c>
    </row>
    <row r="93" spans="1:4" ht="18" customHeight="1" x14ac:dyDescent="0.15">
      <c r="A93" s="8">
        <v>72</v>
      </c>
      <c r="B93" s="21">
        <v>34</v>
      </c>
      <c r="C93" s="6">
        <v>53</v>
      </c>
      <c r="D93" s="5">
        <v>87</v>
      </c>
    </row>
    <row r="94" spans="1:4" ht="18" customHeight="1" x14ac:dyDescent="0.15">
      <c r="A94" s="8">
        <v>73</v>
      </c>
      <c r="B94" s="21">
        <v>33</v>
      </c>
      <c r="C94" s="6">
        <v>40</v>
      </c>
      <c r="D94" s="5">
        <v>73</v>
      </c>
    </row>
    <row r="95" spans="1:4" ht="18" customHeight="1" x14ac:dyDescent="0.15">
      <c r="A95" s="8">
        <v>74</v>
      </c>
      <c r="B95" s="21">
        <v>42</v>
      </c>
      <c r="C95" s="6">
        <v>42</v>
      </c>
      <c r="D95" s="5">
        <v>84</v>
      </c>
    </row>
    <row r="96" spans="1:4" ht="18" customHeight="1" x14ac:dyDescent="0.15">
      <c r="A96" s="8" t="s">
        <v>9</v>
      </c>
      <c r="B96" s="21">
        <v>178</v>
      </c>
      <c r="C96" s="6">
        <v>214</v>
      </c>
      <c r="D96" s="5">
        <v>392</v>
      </c>
    </row>
    <row r="97" spans="1:4" ht="18" customHeight="1" x14ac:dyDescent="0.15">
      <c r="A97" s="8">
        <v>75</v>
      </c>
      <c r="B97" s="21">
        <v>61</v>
      </c>
      <c r="C97" s="6">
        <v>54</v>
      </c>
      <c r="D97" s="5">
        <v>115</v>
      </c>
    </row>
    <row r="98" spans="1:4" ht="18" customHeight="1" x14ac:dyDescent="0.15">
      <c r="A98" s="8">
        <v>76</v>
      </c>
      <c r="B98" s="21">
        <v>64</v>
      </c>
      <c r="C98" s="6">
        <v>73</v>
      </c>
      <c r="D98" s="5">
        <v>137</v>
      </c>
    </row>
    <row r="99" spans="1:4" ht="18" customHeight="1" x14ac:dyDescent="0.15">
      <c r="A99" s="8">
        <v>77</v>
      </c>
      <c r="B99" s="21">
        <v>46</v>
      </c>
      <c r="C99" s="6">
        <v>60</v>
      </c>
      <c r="D99" s="5">
        <v>106</v>
      </c>
    </row>
    <row r="100" spans="1:4" ht="18" customHeight="1" x14ac:dyDescent="0.15">
      <c r="A100" s="8">
        <v>78</v>
      </c>
      <c r="B100" s="21">
        <v>44</v>
      </c>
      <c r="C100" s="6">
        <v>69</v>
      </c>
      <c r="D100" s="5">
        <v>113</v>
      </c>
    </row>
    <row r="101" spans="1:4" ht="18" customHeight="1" x14ac:dyDescent="0.15">
      <c r="A101" s="8">
        <v>79</v>
      </c>
      <c r="B101" s="21">
        <v>36</v>
      </c>
      <c r="C101" s="6">
        <v>40</v>
      </c>
      <c r="D101" s="5">
        <v>76</v>
      </c>
    </row>
    <row r="102" spans="1:4" ht="18" customHeight="1" x14ac:dyDescent="0.15">
      <c r="A102" s="8" t="s">
        <v>8</v>
      </c>
      <c r="B102" s="21">
        <v>251</v>
      </c>
      <c r="C102" s="6">
        <v>296</v>
      </c>
      <c r="D102" s="5">
        <v>547</v>
      </c>
    </row>
    <row r="103" spans="1:4" ht="18" customHeight="1" x14ac:dyDescent="0.15">
      <c r="A103" s="8">
        <v>80</v>
      </c>
      <c r="B103" s="21">
        <v>27</v>
      </c>
      <c r="C103" s="6">
        <v>42</v>
      </c>
      <c r="D103" s="5">
        <v>69</v>
      </c>
    </row>
    <row r="104" spans="1:4" ht="18" customHeight="1" x14ac:dyDescent="0.15">
      <c r="A104" s="8">
        <v>81</v>
      </c>
      <c r="B104" s="21">
        <v>31</v>
      </c>
      <c r="C104" s="6">
        <v>55</v>
      </c>
      <c r="D104" s="5">
        <v>86</v>
      </c>
    </row>
    <row r="105" spans="1:4" ht="18" customHeight="1" x14ac:dyDescent="0.15">
      <c r="A105" s="8">
        <v>82</v>
      </c>
      <c r="B105" s="21">
        <v>37</v>
      </c>
      <c r="C105" s="6">
        <v>52</v>
      </c>
      <c r="D105" s="5">
        <v>89</v>
      </c>
    </row>
    <row r="106" spans="1:4" ht="18" customHeight="1" x14ac:dyDescent="0.15">
      <c r="A106" s="8">
        <v>83</v>
      </c>
      <c r="B106" s="21">
        <v>28</v>
      </c>
      <c r="C106" s="6">
        <v>45</v>
      </c>
      <c r="D106" s="5">
        <v>73</v>
      </c>
    </row>
    <row r="107" spans="1:4" ht="18" customHeight="1" x14ac:dyDescent="0.15">
      <c r="A107" s="8">
        <v>84</v>
      </c>
      <c r="B107" s="21">
        <v>35</v>
      </c>
      <c r="C107" s="6">
        <v>37</v>
      </c>
      <c r="D107" s="5">
        <v>72</v>
      </c>
    </row>
    <row r="108" spans="1:4" ht="18" customHeight="1" x14ac:dyDescent="0.15">
      <c r="A108" s="8" t="s">
        <v>7</v>
      </c>
      <c r="B108" s="21">
        <v>158</v>
      </c>
      <c r="C108" s="6">
        <v>231</v>
      </c>
      <c r="D108" s="5">
        <v>389</v>
      </c>
    </row>
    <row r="109" spans="1:4" ht="18" customHeight="1" x14ac:dyDescent="0.15">
      <c r="A109" s="8">
        <v>85</v>
      </c>
      <c r="B109" s="21">
        <v>25</v>
      </c>
      <c r="C109" s="6">
        <v>39</v>
      </c>
      <c r="D109" s="5">
        <v>64</v>
      </c>
    </row>
    <row r="110" spans="1:4" ht="18" customHeight="1" x14ac:dyDescent="0.15">
      <c r="A110" s="8">
        <v>86</v>
      </c>
      <c r="B110" s="21">
        <v>17</v>
      </c>
      <c r="C110" s="6">
        <v>22</v>
      </c>
      <c r="D110" s="5">
        <v>39</v>
      </c>
    </row>
    <row r="111" spans="1:4" ht="18" customHeight="1" x14ac:dyDescent="0.15">
      <c r="A111" s="8">
        <v>87</v>
      </c>
      <c r="B111" s="21">
        <v>13</v>
      </c>
      <c r="C111" s="6">
        <v>21</v>
      </c>
      <c r="D111" s="5">
        <v>34</v>
      </c>
    </row>
    <row r="112" spans="1:4" ht="18" customHeight="1" x14ac:dyDescent="0.15">
      <c r="A112" s="8">
        <v>88</v>
      </c>
      <c r="B112" s="21">
        <v>21</v>
      </c>
      <c r="C112" s="6">
        <v>31</v>
      </c>
      <c r="D112" s="5">
        <v>52</v>
      </c>
    </row>
    <row r="113" spans="1:4" ht="18" customHeight="1" x14ac:dyDescent="0.15">
      <c r="A113" s="8">
        <v>89</v>
      </c>
      <c r="B113" s="21">
        <v>15</v>
      </c>
      <c r="C113" s="6">
        <v>23</v>
      </c>
      <c r="D113" s="5">
        <v>38</v>
      </c>
    </row>
    <row r="114" spans="1:4" ht="18" customHeight="1" x14ac:dyDescent="0.15">
      <c r="A114" s="8" t="s">
        <v>6</v>
      </c>
      <c r="B114" s="21">
        <v>91</v>
      </c>
      <c r="C114" s="6">
        <v>136</v>
      </c>
      <c r="D114" s="5">
        <v>227</v>
      </c>
    </row>
    <row r="115" spans="1:4" ht="18" customHeight="1" x14ac:dyDescent="0.15">
      <c r="A115" s="8">
        <v>90</v>
      </c>
      <c r="B115" s="21">
        <v>8</v>
      </c>
      <c r="C115" s="6">
        <v>21</v>
      </c>
      <c r="D115" s="5">
        <v>29</v>
      </c>
    </row>
    <row r="116" spans="1:4" ht="18" customHeight="1" x14ac:dyDescent="0.15">
      <c r="A116" s="8">
        <v>91</v>
      </c>
      <c r="B116" s="21">
        <v>10</v>
      </c>
      <c r="C116" s="6">
        <v>18</v>
      </c>
      <c r="D116" s="5">
        <v>28</v>
      </c>
    </row>
    <row r="117" spans="1:4" ht="18" customHeight="1" x14ac:dyDescent="0.15">
      <c r="A117" s="8">
        <v>92</v>
      </c>
      <c r="B117" s="21">
        <v>6</v>
      </c>
      <c r="C117" s="6">
        <v>17</v>
      </c>
      <c r="D117" s="5">
        <v>23</v>
      </c>
    </row>
    <row r="118" spans="1:4" ht="18" customHeight="1" x14ac:dyDescent="0.15">
      <c r="A118" s="8">
        <v>93</v>
      </c>
      <c r="B118" s="21">
        <v>2</v>
      </c>
      <c r="C118" s="6">
        <v>14</v>
      </c>
      <c r="D118" s="5">
        <v>16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29</v>
      </c>
      <c r="C120" s="6">
        <v>78</v>
      </c>
      <c r="D120" s="5">
        <v>107</v>
      </c>
    </row>
    <row r="121" spans="1:4" ht="18" customHeight="1" x14ac:dyDescent="0.15">
      <c r="A121" s="8">
        <v>95</v>
      </c>
      <c r="B121" s="21">
        <v>1</v>
      </c>
      <c r="C121" s="6">
        <v>10</v>
      </c>
      <c r="D121" s="5">
        <v>11</v>
      </c>
    </row>
    <row r="122" spans="1:4" ht="18" customHeight="1" x14ac:dyDescent="0.15">
      <c r="A122" s="8">
        <v>96</v>
      </c>
      <c r="B122" s="21">
        <v>1</v>
      </c>
      <c r="C122" s="6">
        <v>10</v>
      </c>
      <c r="D122" s="5">
        <v>11</v>
      </c>
    </row>
    <row r="123" spans="1:4" ht="18" customHeight="1" x14ac:dyDescent="0.15">
      <c r="A123" s="8">
        <v>97</v>
      </c>
      <c r="B123" s="21">
        <v>3</v>
      </c>
      <c r="C123" s="6">
        <v>8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6</v>
      </c>
      <c r="C126" s="6">
        <v>34</v>
      </c>
      <c r="D126" s="5">
        <v>4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863</v>
      </c>
      <c r="C130" s="6">
        <v>1161</v>
      </c>
      <c r="D130" s="5">
        <v>2024</v>
      </c>
    </row>
    <row r="131" spans="1:4" ht="18" customHeight="1" x14ac:dyDescent="0.15">
      <c r="A131" s="4" t="s">
        <v>0</v>
      </c>
      <c r="B131" s="20">
        <v>2676</v>
      </c>
      <c r="C131" s="2">
        <v>2807</v>
      </c>
      <c r="D131" s="1">
        <v>548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F226F9-62FA-4600-83BB-7A3175DFF5F4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0</v>
      </c>
      <c r="C5" s="11">
        <v>51</v>
      </c>
      <c r="D5" s="10">
        <v>91</v>
      </c>
    </row>
    <row r="6" spans="1:4" ht="18" customHeight="1" x14ac:dyDescent="0.15">
      <c r="A6" s="8">
        <v>1</v>
      </c>
      <c r="B6" s="21">
        <v>39</v>
      </c>
      <c r="C6" s="6">
        <v>60</v>
      </c>
      <c r="D6" s="5">
        <v>99</v>
      </c>
    </row>
    <row r="7" spans="1:4" ht="18" customHeight="1" x14ac:dyDescent="0.15">
      <c r="A7" s="8">
        <v>2</v>
      </c>
      <c r="B7" s="21">
        <v>43</v>
      </c>
      <c r="C7" s="6">
        <v>57</v>
      </c>
      <c r="D7" s="5">
        <v>100</v>
      </c>
    </row>
    <row r="8" spans="1:4" ht="18" customHeight="1" x14ac:dyDescent="0.15">
      <c r="A8" s="8">
        <v>3</v>
      </c>
      <c r="B8" s="21">
        <v>51</v>
      </c>
      <c r="C8" s="6">
        <v>49</v>
      </c>
      <c r="D8" s="5">
        <v>100</v>
      </c>
    </row>
    <row r="9" spans="1:4" ht="18" customHeight="1" x14ac:dyDescent="0.15">
      <c r="A9" s="8">
        <v>4</v>
      </c>
      <c r="B9" s="21">
        <v>45</v>
      </c>
      <c r="C9" s="6">
        <v>42</v>
      </c>
      <c r="D9" s="5">
        <v>87</v>
      </c>
    </row>
    <row r="10" spans="1:4" ht="18" customHeight="1" x14ac:dyDescent="0.15">
      <c r="A10" s="8" t="s">
        <v>25</v>
      </c>
      <c r="B10" s="21">
        <v>218</v>
      </c>
      <c r="C10" s="6">
        <v>259</v>
      </c>
      <c r="D10" s="5">
        <v>477</v>
      </c>
    </row>
    <row r="11" spans="1:4" ht="18" customHeight="1" x14ac:dyDescent="0.15">
      <c r="A11" s="8">
        <v>5</v>
      </c>
      <c r="B11" s="21">
        <v>48</v>
      </c>
      <c r="C11" s="6">
        <v>45</v>
      </c>
      <c r="D11" s="5">
        <v>93</v>
      </c>
    </row>
    <row r="12" spans="1:4" ht="18" customHeight="1" x14ac:dyDescent="0.15">
      <c r="A12" s="8">
        <v>6</v>
      </c>
      <c r="B12" s="21">
        <v>40</v>
      </c>
      <c r="C12" s="6">
        <v>46</v>
      </c>
      <c r="D12" s="5">
        <v>86</v>
      </c>
    </row>
    <row r="13" spans="1:4" ht="18" customHeight="1" x14ac:dyDescent="0.15">
      <c r="A13" s="8">
        <v>7</v>
      </c>
      <c r="B13" s="21">
        <v>41</v>
      </c>
      <c r="C13" s="6">
        <v>54</v>
      </c>
      <c r="D13" s="5">
        <v>95</v>
      </c>
    </row>
    <row r="14" spans="1:4" ht="18" customHeight="1" x14ac:dyDescent="0.15">
      <c r="A14" s="8">
        <v>8</v>
      </c>
      <c r="B14" s="21">
        <v>50</v>
      </c>
      <c r="C14" s="6">
        <v>51</v>
      </c>
      <c r="D14" s="5">
        <v>101</v>
      </c>
    </row>
    <row r="15" spans="1:4" ht="18" customHeight="1" x14ac:dyDescent="0.15">
      <c r="A15" s="8">
        <v>9</v>
      </c>
      <c r="B15" s="21">
        <v>60</v>
      </c>
      <c r="C15" s="6">
        <v>56</v>
      </c>
      <c r="D15" s="5">
        <v>116</v>
      </c>
    </row>
    <row r="16" spans="1:4" ht="18" customHeight="1" x14ac:dyDescent="0.15">
      <c r="A16" s="8" t="s">
        <v>24</v>
      </c>
      <c r="B16" s="21">
        <v>239</v>
      </c>
      <c r="C16" s="6">
        <v>252</v>
      </c>
      <c r="D16" s="5">
        <v>491</v>
      </c>
    </row>
    <row r="17" spans="1:4" ht="18" customHeight="1" x14ac:dyDescent="0.15">
      <c r="A17" s="8">
        <v>10</v>
      </c>
      <c r="B17" s="21">
        <v>72</v>
      </c>
      <c r="C17" s="6">
        <v>55</v>
      </c>
      <c r="D17" s="5">
        <v>127</v>
      </c>
    </row>
    <row r="18" spans="1:4" ht="18" customHeight="1" x14ac:dyDescent="0.15">
      <c r="A18" s="8">
        <v>11</v>
      </c>
      <c r="B18" s="21">
        <v>64</v>
      </c>
      <c r="C18" s="6">
        <v>50</v>
      </c>
      <c r="D18" s="5">
        <v>114</v>
      </c>
    </row>
    <row r="19" spans="1:4" ht="18" customHeight="1" x14ac:dyDescent="0.15">
      <c r="A19" s="8">
        <v>12</v>
      </c>
      <c r="B19" s="21">
        <v>58</v>
      </c>
      <c r="C19" s="6">
        <v>59</v>
      </c>
      <c r="D19" s="5">
        <v>117</v>
      </c>
    </row>
    <row r="20" spans="1:4" ht="18" customHeight="1" x14ac:dyDescent="0.15">
      <c r="A20" s="8">
        <v>13</v>
      </c>
      <c r="B20" s="21">
        <v>59</v>
      </c>
      <c r="C20" s="6">
        <v>51</v>
      </c>
      <c r="D20" s="5">
        <v>110</v>
      </c>
    </row>
    <row r="21" spans="1:4" ht="18" customHeight="1" x14ac:dyDescent="0.15">
      <c r="A21" s="8">
        <v>14</v>
      </c>
      <c r="B21" s="21">
        <v>59</v>
      </c>
      <c r="C21" s="6">
        <v>62</v>
      </c>
      <c r="D21" s="5">
        <v>121</v>
      </c>
    </row>
    <row r="22" spans="1:4" ht="18" customHeight="1" x14ac:dyDescent="0.15">
      <c r="A22" s="8" t="s">
        <v>23</v>
      </c>
      <c r="B22" s="21">
        <v>312</v>
      </c>
      <c r="C22" s="6">
        <v>277</v>
      </c>
      <c r="D22" s="5">
        <v>589</v>
      </c>
    </row>
    <row r="23" spans="1:4" ht="18" customHeight="1" x14ac:dyDescent="0.15">
      <c r="A23" s="8" t="s">
        <v>22</v>
      </c>
      <c r="B23" s="21">
        <v>769</v>
      </c>
      <c r="C23" s="6">
        <v>788</v>
      </c>
      <c r="D23" s="5">
        <v>1557</v>
      </c>
    </row>
    <row r="24" spans="1:4" ht="18" customHeight="1" x14ac:dyDescent="0.15">
      <c r="A24" s="8">
        <v>15</v>
      </c>
      <c r="B24" s="21">
        <v>73</v>
      </c>
      <c r="C24" s="6">
        <v>65</v>
      </c>
      <c r="D24" s="5">
        <v>138</v>
      </c>
    </row>
    <row r="25" spans="1:4" ht="18" customHeight="1" x14ac:dyDescent="0.15">
      <c r="A25" s="8">
        <v>16</v>
      </c>
      <c r="B25" s="21">
        <v>52</v>
      </c>
      <c r="C25" s="6">
        <v>58</v>
      </c>
      <c r="D25" s="5">
        <v>110</v>
      </c>
    </row>
    <row r="26" spans="1:4" ht="18" customHeight="1" x14ac:dyDescent="0.15">
      <c r="A26" s="8">
        <v>17</v>
      </c>
      <c r="B26" s="21">
        <v>51</v>
      </c>
      <c r="C26" s="6">
        <v>57</v>
      </c>
      <c r="D26" s="5">
        <v>108</v>
      </c>
    </row>
    <row r="27" spans="1:4" ht="18" customHeight="1" x14ac:dyDescent="0.15">
      <c r="A27" s="8">
        <v>18</v>
      </c>
      <c r="B27" s="21">
        <v>63</v>
      </c>
      <c r="C27" s="6">
        <v>59</v>
      </c>
      <c r="D27" s="5">
        <v>122</v>
      </c>
    </row>
    <row r="28" spans="1:4" ht="18" customHeight="1" x14ac:dyDescent="0.15">
      <c r="A28" s="8">
        <v>19</v>
      </c>
      <c r="B28" s="21">
        <v>75</v>
      </c>
      <c r="C28" s="6">
        <v>51</v>
      </c>
      <c r="D28" s="5">
        <v>126</v>
      </c>
    </row>
    <row r="29" spans="1:4" ht="18" customHeight="1" x14ac:dyDescent="0.15">
      <c r="A29" s="8" t="s">
        <v>21</v>
      </c>
      <c r="B29" s="21">
        <v>314</v>
      </c>
      <c r="C29" s="6">
        <v>290</v>
      </c>
      <c r="D29" s="5">
        <v>604</v>
      </c>
    </row>
    <row r="30" spans="1:4" ht="18" customHeight="1" x14ac:dyDescent="0.15">
      <c r="A30" s="8">
        <v>20</v>
      </c>
      <c r="B30" s="21">
        <v>63</v>
      </c>
      <c r="C30" s="6">
        <v>66</v>
      </c>
      <c r="D30" s="5">
        <v>129</v>
      </c>
    </row>
    <row r="31" spans="1:4" ht="18" customHeight="1" x14ac:dyDescent="0.15">
      <c r="A31" s="8">
        <v>21</v>
      </c>
      <c r="B31" s="21">
        <v>50</v>
      </c>
      <c r="C31" s="6">
        <v>69</v>
      </c>
      <c r="D31" s="5">
        <v>119</v>
      </c>
    </row>
    <row r="32" spans="1:4" ht="18" customHeight="1" x14ac:dyDescent="0.15">
      <c r="A32" s="8">
        <v>22</v>
      </c>
      <c r="B32" s="21">
        <v>55</v>
      </c>
      <c r="C32" s="6">
        <v>66</v>
      </c>
      <c r="D32" s="5">
        <v>121</v>
      </c>
    </row>
    <row r="33" spans="1:4" ht="18" customHeight="1" x14ac:dyDescent="0.15">
      <c r="A33" s="8">
        <v>23</v>
      </c>
      <c r="B33" s="21">
        <v>72</v>
      </c>
      <c r="C33" s="6">
        <v>72</v>
      </c>
      <c r="D33" s="5">
        <v>144</v>
      </c>
    </row>
    <row r="34" spans="1:4" ht="18" customHeight="1" x14ac:dyDescent="0.15">
      <c r="A34" s="8">
        <v>24</v>
      </c>
      <c r="B34" s="21">
        <v>89</v>
      </c>
      <c r="C34" s="6">
        <v>76</v>
      </c>
      <c r="D34" s="5">
        <v>165</v>
      </c>
    </row>
    <row r="35" spans="1:4" ht="18" customHeight="1" x14ac:dyDescent="0.15">
      <c r="A35" s="8" t="s">
        <v>20</v>
      </c>
      <c r="B35" s="21">
        <v>329</v>
      </c>
      <c r="C35" s="6">
        <v>349</v>
      </c>
      <c r="D35" s="5">
        <v>678</v>
      </c>
    </row>
    <row r="36" spans="1:4" ht="18" customHeight="1" x14ac:dyDescent="0.15">
      <c r="A36" s="8">
        <v>25</v>
      </c>
      <c r="B36" s="21">
        <v>81</v>
      </c>
      <c r="C36" s="6">
        <v>86</v>
      </c>
      <c r="D36" s="5">
        <v>167</v>
      </c>
    </row>
    <row r="37" spans="1:4" ht="18" customHeight="1" x14ac:dyDescent="0.15">
      <c r="A37" s="8">
        <v>26</v>
      </c>
      <c r="B37" s="21">
        <v>90</v>
      </c>
      <c r="C37" s="6">
        <v>85</v>
      </c>
      <c r="D37" s="5">
        <v>175</v>
      </c>
    </row>
    <row r="38" spans="1:4" ht="18" customHeight="1" x14ac:dyDescent="0.15">
      <c r="A38" s="8">
        <v>27</v>
      </c>
      <c r="B38" s="21">
        <v>86</v>
      </c>
      <c r="C38" s="6">
        <v>77</v>
      </c>
      <c r="D38" s="5">
        <v>163</v>
      </c>
    </row>
    <row r="39" spans="1:4" ht="18" customHeight="1" x14ac:dyDescent="0.15">
      <c r="A39" s="8">
        <v>28</v>
      </c>
      <c r="B39" s="21">
        <v>90</v>
      </c>
      <c r="C39" s="6">
        <v>84</v>
      </c>
      <c r="D39" s="5">
        <v>174</v>
      </c>
    </row>
    <row r="40" spans="1:4" ht="18" customHeight="1" x14ac:dyDescent="0.15">
      <c r="A40" s="8">
        <v>29</v>
      </c>
      <c r="B40" s="21">
        <v>116</v>
      </c>
      <c r="C40" s="6">
        <v>95</v>
      </c>
      <c r="D40" s="5">
        <v>211</v>
      </c>
    </row>
    <row r="41" spans="1:4" ht="18" customHeight="1" x14ac:dyDescent="0.15">
      <c r="A41" s="8" t="s">
        <v>19</v>
      </c>
      <c r="B41" s="21">
        <v>463</v>
      </c>
      <c r="C41" s="6">
        <v>427</v>
      </c>
      <c r="D41" s="5">
        <v>890</v>
      </c>
    </row>
    <row r="42" spans="1:4" ht="18" customHeight="1" x14ac:dyDescent="0.15">
      <c r="A42" s="8">
        <v>30</v>
      </c>
      <c r="B42" s="21">
        <v>84</v>
      </c>
      <c r="C42" s="6">
        <v>75</v>
      </c>
      <c r="D42" s="5">
        <v>159</v>
      </c>
    </row>
    <row r="43" spans="1:4" ht="18" customHeight="1" x14ac:dyDescent="0.15">
      <c r="A43" s="8">
        <v>31</v>
      </c>
      <c r="B43" s="21">
        <v>112</v>
      </c>
      <c r="C43" s="6">
        <v>81</v>
      </c>
      <c r="D43" s="5">
        <v>193</v>
      </c>
    </row>
    <row r="44" spans="1:4" ht="18" customHeight="1" x14ac:dyDescent="0.15">
      <c r="A44" s="8">
        <v>32</v>
      </c>
      <c r="B44" s="21">
        <v>80</v>
      </c>
      <c r="C44" s="6">
        <v>66</v>
      </c>
      <c r="D44" s="5">
        <v>146</v>
      </c>
    </row>
    <row r="45" spans="1:4" ht="18" customHeight="1" x14ac:dyDescent="0.15">
      <c r="A45" s="8">
        <v>33</v>
      </c>
      <c r="B45" s="21">
        <v>76</v>
      </c>
      <c r="C45" s="6">
        <v>92</v>
      </c>
      <c r="D45" s="5">
        <v>168</v>
      </c>
    </row>
    <row r="46" spans="1:4" ht="18" customHeight="1" x14ac:dyDescent="0.15">
      <c r="A46" s="8">
        <v>34</v>
      </c>
      <c r="B46" s="21">
        <v>94</v>
      </c>
      <c r="C46" s="6">
        <v>81</v>
      </c>
      <c r="D46" s="5">
        <v>175</v>
      </c>
    </row>
    <row r="47" spans="1:4" ht="18" customHeight="1" x14ac:dyDescent="0.15">
      <c r="A47" s="8" t="s">
        <v>18</v>
      </c>
      <c r="B47" s="21">
        <v>446</v>
      </c>
      <c r="C47" s="6">
        <v>395</v>
      </c>
      <c r="D47" s="5">
        <v>841</v>
      </c>
    </row>
    <row r="48" spans="1:4" ht="18" customHeight="1" x14ac:dyDescent="0.15">
      <c r="A48" s="8">
        <v>35</v>
      </c>
      <c r="B48" s="21">
        <v>102</v>
      </c>
      <c r="C48" s="6">
        <v>80</v>
      </c>
      <c r="D48" s="5">
        <v>182</v>
      </c>
    </row>
    <row r="49" spans="1:4" ht="18" customHeight="1" x14ac:dyDescent="0.15">
      <c r="A49" s="8">
        <v>36</v>
      </c>
      <c r="B49" s="21">
        <v>76</v>
      </c>
      <c r="C49" s="6">
        <v>72</v>
      </c>
      <c r="D49" s="5">
        <v>148</v>
      </c>
    </row>
    <row r="50" spans="1:4" ht="18" customHeight="1" x14ac:dyDescent="0.15">
      <c r="A50" s="8">
        <v>37</v>
      </c>
      <c r="B50" s="21">
        <v>76</v>
      </c>
      <c r="C50" s="6">
        <v>74</v>
      </c>
      <c r="D50" s="5">
        <v>150</v>
      </c>
    </row>
    <row r="51" spans="1:4" ht="18" customHeight="1" x14ac:dyDescent="0.15">
      <c r="A51" s="8">
        <v>38</v>
      </c>
      <c r="B51" s="21">
        <v>60</v>
      </c>
      <c r="C51" s="6">
        <v>70</v>
      </c>
      <c r="D51" s="5">
        <v>130</v>
      </c>
    </row>
    <row r="52" spans="1:4" ht="18" customHeight="1" x14ac:dyDescent="0.15">
      <c r="A52" s="8">
        <v>39</v>
      </c>
      <c r="B52" s="21">
        <v>93</v>
      </c>
      <c r="C52" s="6">
        <v>62</v>
      </c>
      <c r="D52" s="5">
        <v>155</v>
      </c>
    </row>
    <row r="53" spans="1:4" ht="18" customHeight="1" x14ac:dyDescent="0.15">
      <c r="A53" s="8" t="s">
        <v>17</v>
      </c>
      <c r="B53" s="21">
        <v>407</v>
      </c>
      <c r="C53" s="6">
        <v>358</v>
      </c>
      <c r="D53" s="5">
        <v>765</v>
      </c>
    </row>
    <row r="54" spans="1:4" ht="18" customHeight="1" x14ac:dyDescent="0.15">
      <c r="A54" s="8">
        <v>40</v>
      </c>
      <c r="B54" s="21">
        <v>90</v>
      </c>
      <c r="C54" s="6">
        <v>84</v>
      </c>
      <c r="D54" s="5">
        <v>174</v>
      </c>
    </row>
    <row r="55" spans="1:4" ht="18" customHeight="1" x14ac:dyDescent="0.15">
      <c r="A55" s="8">
        <v>41</v>
      </c>
      <c r="B55" s="21">
        <v>95</v>
      </c>
      <c r="C55" s="6">
        <v>85</v>
      </c>
      <c r="D55" s="5">
        <v>180</v>
      </c>
    </row>
    <row r="56" spans="1:4" ht="18" customHeight="1" x14ac:dyDescent="0.15">
      <c r="A56" s="8">
        <v>42</v>
      </c>
      <c r="B56" s="21">
        <v>97</v>
      </c>
      <c r="C56" s="6">
        <v>63</v>
      </c>
      <c r="D56" s="5">
        <v>160</v>
      </c>
    </row>
    <row r="57" spans="1:4" ht="18" customHeight="1" x14ac:dyDescent="0.15">
      <c r="A57" s="8">
        <v>43</v>
      </c>
      <c r="B57" s="21">
        <v>94</v>
      </c>
      <c r="C57" s="6">
        <v>76</v>
      </c>
      <c r="D57" s="5">
        <v>170</v>
      </c>
    </row>
    <row r="58" spans="1:4" ht="18" customHeight="1" x14ac:dyDescent="0.15">
      <c r="A58" s="8">
        <v>44</v>
      </c>
      <c r="B58" s="21">
        <v>82</v>
      </c>
      <c r="C58" s="6">
        <v>84</v>
      </c>
      <c r="D58" s="5">
        <v>166</v>
      </c>
    </row>
    <row r="59" spans="1:4" ht="18" customHeight="1" x14ac:dyDescent="0.15">
      <c r="A59" s="8" t="s">
        <v>16</v>
      </c>
      <c r="B59" s="21">
        <v>458</v>
      </c>
      <c r="C59" s="6">
        <v>392</v>
      </c>
      <c r="D59" s="5">
        <v>850</v>
      </c>
    </row>
    <row r="60" spans="1:4" ht="18" customHeight="1" x14ac:dyDescent="0.15">
      <c r="A60" s="8">
        <v>45</v>
      </c>
      <c r="B60" s="21">
        <v>103</v>
      </c>
      <c r="C60" s="6">
        <v>94</v>
      </c>
      <c r="D60" s="5">
        <v>197</v>
      </c>
    </row>
    <row r="61" spans="1:4" ht="18" customHeight="1" x14ac:dyDescent="0.15">
      <c r="A61" s="8">
        <v>46</v>
      </c>
      <c r="B61" s="21">
        <v>91</v>
      </c>
      <c r="C61" s="6">
        <v>78</v>
      </c>
      <c r="D61" s="5">
        <v>169</v>
      </c>
    </row>
    <row r="62" spans="1:4" ht="18" customHeight="1" x14ac:dyDescent="0.15">
      <c r="A62" s="8">
        <v>47</v>
      </c>
      <c r="B62" s="21">
        <v>112</v>
      </c>
      <c r="C62" s="6">
        <v>111</v>
      </c>
      <c r="D62" s="5">
        <v>223</v>
      </c>
    </row>
    <row r="63" spans="1:4" ht="18" customHeight="1" x14ac:dyDescent="0.15">
      <c r="A63" s="8">
        <v>48</v>
      </c>
      <c r="B63" s="21">
        <v>109</v>
      </c>
      <c r="C63" s="6">
        <v>90</v>
      </c>
      <c r="D63" s="5">
        <v>199</v>
      </c>
    </row>
    <row r="64" spans="1:4" ht="18" customHeight="1" x14ac:dyDescent="0.15">
      <c r="A64" s="8">
        <v>49</v>
      </c>
      <c r="B64" s="21">
        <v>104</v>
      </c>
      <c r="C64" s="6">
        <v>104</v>
      </c>
      <c r="D64" s="5">
        <v>208</v>
      </c>
    </row>
    <row r="65" spans="1:4" ht="18" customHeight="1" x14ac:dyDescent="0.15">
      <c r="A65" s="8" t="s">
        <v>15</v>
      </c>
      <c r="B65" s="21">
        <v>519</v>
      </c>
      <c r="C65" s="6">
        <v>477</v>
      </c>
      <c r="D65" s="5">
        <v>996</v>
      </c>
    </row>
    <row r="66" spans="1:4" ht="18" customHeight="1" x14ac:dyDescent="0.15">
      <c r="A66" s="8">
        <v>50</v>
      </c>
      <c r="B66" s="21">
        <v>128</v>
      </c>
      <c r="C66" s="6">
        <v>112</v>
      </c>
      <c r="D66" s="5">
        <v>240</v>
      </c>
    </row>
    <row r="67" spans="1:4" ht="18" customHeight="1" x14ac:dyDescent="0.15">
      <c r="A67" s="8">
        <v>51</v>
      </c>
      <c r="B67" s="21">
        <v>107</v>
      </c>
      <c r="C67" s="6">
        <v>122</v>
      </c>
      <c r="D67" s="5">
        <v>229</v>
      </c>
    </row>
    <row r="68" spans="1:4" ht="18" customHeight="1" x14ac:dyDescent="0.15">
      <c r="A68" s="8">
        <v>52</v>
      </c>
      <c r="B68" s="21">
        <v>124</v>
      </c>
      <c r="C68" s="6">
        <v>102</v>
      </c>
      <c r="D68" s="5">
        <v>226</v>
      </c>
    </row>
    <row r="69" spans="1:4" ht="18" customHeight="1" x14ac:dyDescent="0.15">
      <c r="A69" s="8">
        <v>53</v>
      </c>
      <c r="B69" s="21">
        <v>112</v>
      </c>
      <c r="C69" s="6">
        <v>120</v>
      </c>
      <c r="D69" s="5">
        <v>232</v>
      </c>
    </row>
    <row r="70" spans="1:4" ht="18" customHeight="1" x14ac:dyDescent="0.15">
      <c r="A70" s="8">
        <v>54</v>
      </c>
      <c r="B70" s="21">
        <v>112</v>
      </c>
      <c r="C70" s="6">
        <v>90</v>
      </c>
      <c r="D70" s="5">
        <v>202</v>
      </c>
    </row>
    <row r="71" spans="1:4" ht="18" customHeight="1" x14ac:dyDescent="0.15">
      <c r="A71" s="8" t="s">
        <v>14</v>
      </c>
      <c r="B71" s="21">
        <v>583</v>
      </c>
      <c r="C71" s="6">
        <v>546</v>
      </c>
      <c r="D71" s="5">
        <v>1129</v>
      </c>
    </row>
    <row r="72" spans="1:4" ht="18" customHeight="1" x14ac:dyDescent="0.15">
      <c r="A72" s="8">
        <v>55</v>
      </c>
      <c r="B72" s="21">
        <v>111</v>
      </c>
      <c r="C72" s="6">
        <v>98</v>
      </c>
      <c r="D72" s="5">
        <v>209</v>
      </c>
    </row>
    <row r="73" spans="1:4" ht="18" customHeight="1" x14ac:dyDescent="0.15">
      <c r="A73" s="8">
        <v>56</v>
      </c>
      <c r="B73" s="21">
        <v>87</v>
      </c>
      <c r="C73" s="6">
        <v>92</v>
      </c>
      <c r="D73" s="5">
        <v>179</v>
      </c>
    </row>
    <row r="74" spans="1:4" ht="18" customHeight="1" x14ac:dyDescent="0.15">
      <c r="A74" s="8">
        <v>57</v>
      </c>
      <c r="B74" s="21">
        <v>91</v>
      </c>
      <c r="C74" s="6">
        <v>87</v>
      </c>
      <c r="D74" s="5">
        <v>178</v>
      </c>
    </row>
    <row r="75" spans="1:4" ht="18" customHeight="1" x14ac:dyDescent="0.15">
      <c r="A75" s="8">
        <v>58</v>
      </c>
      <c r="B75" s="21">
        <v>87</v>
      </c>
      <c r="C75" s="6">
        <v>92</v>
      </c>
      <c r="D75" s="5">
        <v>179</v>
      </c>
    </row>
    <row r="76" spans="1:4" ht="18" customHeight="1" x14ac:dyDescent="0.15">
      <c r="A76" s="8">
        <v>59</v>
      </c>
      <c r="B76" s="21">
        <v>61</v>
      </c>
      <c r="C76" s="6">
        <v>70</v>
      </c>
      <c r="D76" s="5">
        <v>131</v>
      </c>
    </row>
    <row r="77" spans="1:4" ht="18" customHeight="1" x14ac:dyDescent="0.15">
      <c r="A77" s="8" t="s">
        <v>13</v>
      </c>
      <c r="B77" s="21">
        <v>437</v>
      </c>
      <c r="C77" s="6">
        <v>439</v>
      </c>
      <c r="D77" s="5">
        <v>876</v>
      </c>
    </row>
    <row r="78" spans="1:4" ht="18" customHeight="1" x14ac:dyDescent="0.15">
      <c r="A78" s="8">
        <v>60</v>
      </c>
      <c r="B78" s="21">
        <v>82</v>
      </c>
      <c r="C78" s="6">
        <v>88</v>
      </c>
      <c r="D78" s="5">
        <v>170</v>
      </c>
    </row>
    <row r="79" spans="1:4" ht="18" customHeight="1" x14ac:dyDescent="0.15">
      <c r="A79" s="8">
        <v>61</v>
      </c>
      <c r="B79" s="21">
        <v>81</v>
      </c>
      <c r="C79" s="6">
        <v>95</v>
      </c>
      <c r="D79" s="5">
        <v>176</v>
      </c>
    </row>
    <row r="80" spans="1:4" ht="18" customHeight="1" x14ac:dyDescent="0.15">
      <c r="A80" s="8">
        <v>62</v>
      </c>
      <c r="B80" s="21">
        <v>79</v>
      </c>
      <c r="C80" s="6">
        <v>93</v>
      </c>
      <c r="D80" s="5">
        <v>172</v>
      </c>
    </row>
    <row r="81" spans="1:4" ht="18" customHeight="1" x14ac:dyDescent="0.15">
      <c r="A81" s="8">
        <v>63</v>
      </c>
      <c r="B81" s="21">
        <v>68</v>
      </c>
      <c r="C81" s="6">
        <v>68</v>
      </c>
      <c r="D81" s="5">
        <v>136</v>
      </c>
    </row>
    <row r="82" spans="1:4" ht="18" customHeight="1" x14ac:dyDescent="0.15">
      <c r="A82" s="8">
        <v>64</v>
      </c>
      <c r="B82" s="21">
        <v>59</v>
      </c>
      <c r="C82" s="6">
        <v>54</v>
      </c>
      <c r="D82" s="5">
        <v>113</v>
      </c>
    </row>
    <row r="83" spans="1:4" ht="18" customHeight="1" x14ac:dyDescent="0.15">
      <c r="A83" s="8" t="s">
        <v>12</v>
      </c>
      <c r="B83" s="21">
        <v>369</v>
      </c>
      <c r="C83" s="6">
        <v>398</v>
      </c>
      <c r="D83" s="5">
        <v>767</v>
      </c>
    </row>
    <row r="84" spans="1:4" ht="18" customHeight="1" x14ac:dyDescent="0.15">
      <c r="A84" s="8" t="s">
        <v>11</v>
      </c>
      <c r="B84" s="21">
        <v>4325</v>
      </c>
      <c r="C84" s="6">
        <v>4071</v>
      </c>
      <c r="D84" s="5">
        <v>8396</v>
      </c>
    </row>
    <row r="85" spans="1:4" ht="18" customHeight="1" x14ac:dyDescent="0.15">
      <c r="A85" s="8">
        <v>65</v>
      </c>
      <c r="B85" s="21">
        <v>76</v>
      </c>
      <c r="C85" s="6">
        <v>74</v>
      </c>
      <c r="D85" s="5">
        <v>150</v>
      </c>
    </row>
    <row r="86" spans="1:4" ht="18" customHeight="1" x14ac:dyDescent="0.15">
      <c r="A86" s="8">
        <v>66</v>
      </c>
      <c r="B86" s="21">
        <v>63</v>
      </c>
      <c r="C86" s="6">
        <v>84</v>
      </c>
      <c r="D86" s="5">
        <v>147</v>
      </c>
    </row>
    <row r="87" spans="1:4" ht="18" customHeight="1" x14ac:dyDescent="0.15">
      <c r="A87" s="8">
        <v>67</v>
      </c>
      <c r="B87" s="21">
        <v>55</v>
      </c>
      <c r="C87" s="6">
        <v>62</v>
      </c>
      <c r="D87" s="5">
        <v>117</v>
      </c>
    </row>
    <row r="88" spans="1:4" ht="18" customHeight="1" x14ac:dyDescent="0.15">
      <c r="A88" s="8">
        <v>68</v>
      </c>
      <c r="B88" s="21">
        <v>68</v>
      </c>
      <c r="C88" s="6">
        <v>68</v>
      </c>
      <c r="D88" s="5">
        <v>136</v>
      </c>
    </row>
    <row r="89" spans="1:4" ht="18" customHeight="1" x14ac:dyDescent="0.15">
      <c r="A89" s="8">
        <v>69</v>
      </c>
      <c r="B89" s="21">
        <v>56</v>
      </c>
      <c r="C89" s="6">
        <v>72</v>
      </c>
      <c r="D89" s="5">
        <v>128</v>
      </c>
    </row>
    <row r="90" spans="1:4" ht="18" customHeight="1" x14ac:dyDescent="0.15">
      <c r="A90" s="8" t="s">
        <v>10</v>
      </c>
      <c r="B90" s="21">
        <v>318</v>
      </c>
      <c r="C90" s="6">
        <v>360</v>
      </c>
      <c r="D90" s="5">
        <v>678</v>
      </c>
    </row>
    <row r="91" spans="1:4" ht="18" customHeight="1" x14ac:dyDescent="0.15">
      <c r="A91" s="8">
        <v>70</v>
      </c>
      <c r="B91" s="21">
        <v>68</v>
      </c>
      <c r="C91" s="6">
        <v>82</v>
      </c>
      <c r="D91" s="5">
        <v>150</v>
      </c>
    </row>
    <row r="92" spans="1:4" ht="18" customHeight="1" x14ac:dyDescent="0.15">
      <c r="A92" s="8">
        <v>71</v>
      </c>
      <c r="B92" s="21">
        <v>67</v>
      </c>
      <c r="C92" s="6">
        <v>86</v>
      </c>
      <c r="D92" s="5">
        <v>153</v>
      </c>
    </row>
    <row r="93" spans="1:4" ht="18" customHeight="1" x14ac:dyDescent="0.15">
      <c r="A93" s="8">
        <v>72</v>
      </c>
      <c r="B93" s="21">
        <v>65</v>
      </c>
      <c r="C93" s="6">
        <v>87</v>
      </c>
      <c r="D93" s="5">
        <v>152</v>
      </c>
    </row>
    <row r="94" spans="1:4" ht="18" customHeight="1" x14ac:dyDescent="0.15">
      <c r="A94" s="8">
        <v>73</v>
      </c>
      <c r="B94" s="21">
        <v>65</v>
      </c>
      <c r="C94" s="6">
        <v>66</v>
      </c>
      <c r="D94" s="5">
        <v>131</v>
      </c>
    </row>
    <row r="95" spans="1:4" ht="18" customHeight="1" x14ac:dyDescent="0.15">
      <c r="A95" s="8">
        <v>74</v>
      </c>
      <c r="B95" s="21">
        <v>82</v>
      </c>
      <c r="C95" s="6">
        <v>77</v>
      </c>
      <c r="D95" s="5">
        <v>159</v>
      </c>
    </row>
    <row r="96" spans="1:4" ht="18" customHeight="1" x14ac:dyDescent="0.15">
      <c r="A96" s="8" t="s">
        <v>9</v>
      </c>
      <c r="B96" s="21">
        <v>347</v>
      </c>
      <c r="C96" s="6">
        <v>398</v>
      </c>
      <c r="D96" s="5">
        <v>745</v>
      </c>
    </row>
    <row r="97" spans="1:4" ht="18" customHeight="1" x14ac:dyDescent="0.15">
      <c r="A97" s="8">
        <v>75</v>
      </c>
      <c r="B97" s="21">
        <v>76</v>
      </c>
      <c r="C97" s="6">
        <v>94</v>
      </c>
      <c r="D97" s="5">
        <v>170</v>
      </c>
    </row>
    <row r="98" spans="1:4" ht="18" customHeight="1" x14ac:dyDescent="0.15">
      <c r="A98" s="8">
        <v>76</v>
      </c>
      <c r="B98" s="21">
        <v>81</v>
      </c>
      <c r="C98" s="6">
        <v>89</v>
      </c>
      <c r="D98" s="5">
        <v>170</v>
      </c>
    </row>
    <row r="99" spans="1:4" ht="18" customHeight="1" x14ac:dyDescent="0.15">
      <c r="A99" s="8">
        <v>77</v>
      </c>
      <c r="B99" s="21">
        <v>84</v>
      </c>
      <c r="C99" s="6">
        <v>84</v>
      </c>
      <c r="D99" s="5">
        <v>168</v>
      </c>
    </row>
    <row r="100" spans="1:4" ht="18" customHeight="1" x14ac:dyDescent="0.15">
      <c r="A100" s="8">
        <v>78</v>
      </c>
      <c r="B100" s="21">
        <v>87</v>
      </c>
      <c r="C100" s="6">
        <v>109</v>
      </c>
      <c r="D100" s="5">
        <v>196</v>
      </c>
    </row>
    <row r="101" spans="1:4" ht="18" customHeight="1" x14ac:dyDescent="0.15">
      <c r="A101" s="8">
        <v>79</v>
      </c>
      <c r="B101" s="21">
        <v>46</v>
      </c>
      <c r="C101" s="6">
        <v>55</v>
      </c>
      <c r="D101" s="5">
        <v>101</v>
      </c>
    </row>
    <row r="102" spans="1:4" ht="18" customHeight="1" x14ac:dyDescent="0.15">
      <c r="A102" s="8" t="s">
        <v>8</v>
      </c>
      <c r="B102" s="21">
        <v>374</v>
      </c>
      <c r="C102" s="6">
        <v>431</v>
      </c>
      <c r="D102" s="5">
        <v>805</v>
      </c>
    </row>
    <row r="103" spans="1:4" ht="18" customHeight="1" x14ac:dyDescent="0.15">
      <c r="A103" s="8">
        <v>80</v>
      </c>
      <c r="B103" s="21">
        <v>53</v>
      </c>
      <c r="C103" s="6">
        <v>64</v>
      </c>
      <c r="D103" s="5">
        <v>117</v>
      </c>
    </row>
    <row r="104" spans="1:4" ht="18" customHeight="1" x14ac:dyDescent="0.15">
      <c r="A104" s="8">
        <v>81</v>
      </c>
      <c r="B104" s="21">
        <v>51</v>
      </c>
      <c r="C104" s="6">
        <v>86</v>
      </c>
      <c r="D104" s="5">
        <v>137</v>
      </c>
    </row>
    <row r="105" spans="1:4" ht="18" customHeight="1" x14ac:dyDescent="0.15">
      <c r="A105" s="8">
        <v>82</v>
      </c>
      <c r="B105" s="21">
        <v>40</v>
      </c>
      <c r="C105" s="6">
        <v>79</v>
      </c>
      <c r="D105" s="5">
        <v>119</v>
      </c>
    </row>
    <row r="106" spans="1:4" ht="18" customHeight="1" x14ac:dyDescent="0.15">
      <c r="A106" s="8">
        <v>83</v>
      </c>
      <c r="B106" s="21">
        <v>48</v>
      </c>
      <c r="C106" s="6">
        <v>77</v>
      </c>
      <c r="D106" s="5">
        <v>125</v>
      </c>
    </row>
    <row r="107" spans="1:4" ht="18" customHeight="1" x14ac:dyDescent="0.15">
      <c r="A107" s="8">
        <v>84</v>
      </c>
      <c r="B107" s="21">
        <v>34</v>
      </c>
      <c r="C107" s="6">
        <v>73</v>
      </c>
      <c r="D107" s="5">
        <v>107</v>
      </c>
    </row>
    <row r="108" spans="1:4" ht="18" customHeight="1" x14ac:dyDescent="0.15">
      <c r="A108" s="8" t="s">
        <v>7</v>
      </c>
      <c r="B108" s="21">
        <v>226</v>
      </c>
      <c r="C108" s="6">
        <v>379</v>
      </c>
      <c r="D108" s="5">
        <v>605</v>
      </c>
    </row>
    <row r="109" spans="1:4" ht="18" customHeight="1" x14ac:dyDescent="0.15">
      <c r="A109" s="8">
        <v>85</v>
      </c>
      <c r="B109" s="21">
        <v>48</v>
      </c>
      <c r="C109" s="6">
        <v>76</v>
      </c>
      <c r="D109" s="5">
        <v>124</v>
      </c>
    </row>
    <row r="110" spans="1:4" ht="18" customHeight="1" x14ac:dyDescent="0.15">
      <c r="A110" s="8">
        <v>86</v>
      </c>
      <c r="B110" s="21">
        <v>39</v>
      </c>
      <c r="C110" s="6">
        <v>44</v>
      </c>
      <c r="D110" s="5">
        <v>83</v>
      </c>
    </row>
    <row r="111" spans="1:4" ht="18" customHeight="1" x14ac:dyDescent="0.15">
      <c r="A111" s="8">
        <v>87</v>
      </c>
      <c r="B111" s="21">
        <v>22</v>
      </c>
      <c r="C111" s="6">
        <v>50</v>
      </c>
      <c r="D111" s="5">
        <v>72</v>
      </c>
    </row>
    <row r="112" spans="1:4" ht="18" customHeight="1" x14ac:dyDescent="0.15">
      <c r="A112" s="8">
        <v>88</v>
      </c>
      <c r="B112" s="21">
        <v>22</v>
      </c>
      <c r="C112" s="6">
        <v>57</v>
      </c>
      <c r="D112" s="5">
        <v>79</v>
      </c>
    </row>
    <row r="113" spans="1:4" ht="18" customHeight="1" x14ac:dyDescent="0.15">
      <c r="A113" s="8">
        <v>89</v>
      </c>
      <c r="B113" s="21">
        <v>30</v>
      </c>
      <c r="C113" s="6">
        <v>42</v>
      </c>
      <c r="D113" s="5">
        <v>72</v>
      </c>
    </row>
    <row r="114" spans="1:4" ht="18" customHeight="1" x14ac:dyDescent="0.15">
      <c r="A114" s="8" t="s">
        <v>6</v>
      </c>
      <c r="B114" s="21">
        <v>161</v>
      </c>
      <c r="C114" s="6">
        <v>269</v>
      </c>
      <c r="D114" s="5">
        <v>430</v>
      </c>
    </row>
    <row r="115" spans="1:4" ht="18" customHeight="1" x14ac:dyDescent="0.15">
      <c r="A115" s="8">
        <v>90</v>
      </c>
      <c r="B115" s="21">
        <v>22</v>
      </c>
      <c r="C115" s="6">
        <v>34</v>
      </c>
      <c r="D115" s="5">
        <v>56</v>
      </c>
    </row>
    <row r="116" spans="1:4" ht="18" customHeight="1" x14ac:dyDescent="0.15">
      <c r="A116" s="8">
        <v>91</v>
      </c>
      <c r="B116" s="21">
        <v>12</v>
      </c>
      <c r="C116" s="6">
        <v>24</v>
      </c>
      <c r="D116" s="5">
        <v>36</v>
      </c>
    </row>
    <row r="117" spans="1:4" ht="18" customHeight="1" x14ac:dyDescent="0.15">
      <c r="A117" s="8">
        <v>92</v>
      </c>
      <c r="B117" s="21">
        <v>10</v>
      </c>
      <c r="C117" s="6">
        <v>35</v>
      </c>
      <c r="D117" s="5">
        <v>45</v>
      </c>
    </row>
    <row r="118" spans="1:4" ht="18" customHeight="1" x14ac:dyDescent="0.15">
      <c r="A118" s="8">
        <v>93</v>
      </c>
      <c r="B118" s="21">
        <v>9</v>
      </c>
      <c r="C118" s="6">
        <v>27</v>
      </c>
      <c r="D118" s="5">
        <v>36</v>
      </c>
    </row>
    <row r="119" spans="1:4" ht="18" customHeight="1" x14ac:dyDescent="0.15">
      <c r="A119" s="8">
        <v>94</v>
      </c>
      <c r="B119" s="21">
        <v>6</v>
      </c>
      <c r="C119" s="6">
        <v>13</v>
      </c>
      <c r="D119" s="5">
        <v>19</v>
      </c>
    </row>
    <row r="120" spans="1:4" ht="18" customHeight="1" x14ac:dyDescent="0.15">
      <c r="A120" s="8" t="s">
        <v>5</v>
      </c>
      <c r="B120" s="21">
        <v>59</v>
      </c>
      <c r="C120" s="6">
        <v>133</v>
      </c>
      <c r="D120" s="5">
        <v>192</v>
      </c>
    </row>
    <row r="121" spans="1:4" ht="18" customHeight="1" x14ac:dyDescent="0.15">
      <c r="A121" s="8">
        <v>95</v>
      </c>
      <c r="B121" s="21">
        <v>6</v>
      </c>
      <c r="C121" s="6">
        <v>14</v>
      </c>
      <c r="D121" s="5">
        <v>20</v>
      </c>
    </row>
    <row r="122" spans="1:4" ht="18" customHeight="1" x14ac:dyDescent="0.15">
      <c r="A122" s="8">
        <v>96</v>
      </c>
      <c r="B122" s="21">
        <v>1</v>
      </c>
      <c r="C122" s="6">
        <v>10</v>
      </c>
      <c r="D122" s="5">
        <v>11</v>
      </c>
    </row>
    <row r="123" spans="1:4" ht="18" customHeight="1" x14ac:dyDescent="0.15">
      <c r="A123" s="8">
        <v>97</v>
      </c>
      <c r="B123" s="21">
        <v>1</v>
      </c>
      <c r="C123" s="6">
        <v>10</v>
      </c>
      <c r="D123" s="5">
        <v>11</v>
      </c>
    </row>
    <row r="124" spans="1:4" ht="18" customHeight="1" x14ac:dyDescent="0.15">
      <c r="A124" s="8">
        <v>98</v>
      </c>
      <c r="B124" s="21">
        <v>2</v>
      </c>
      <c r="C124" s="6">
        <v>8</v>
      </c>
      <c r="D124" s="5">
        <v>10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1</v>
      </c>
      <c r="C126" s="6">
        <v>46</v>
      </c>
      <c r="D126" s="5">
        <v>5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6</v>
      </c>
      <c r="D129" s="5">
        <v>7</v>
      </c>
    </row>
    <row r="130" spans="1:4" ht="18" customHeight="1" x14ac:dyDescent="0.15">
      <c r="A130" s="8" t="s">
        <v>1</v>
      </c>
      <c r="B130" s="21">
        <v>1497</v>
      </c>
      <c r="C130" s="6">
        <v>2022</v>
      </c>
      <c r="D130" s="5">
        <v>3519</v>
      </c>
    </row>
    <row r="131" spans="1:4" ht="18" customHeight="1" x14ac:dyDescent="0.15">
      <c r="A131" s="4" t="s">
        <v>0</v>
      </c>
      <c r="B131" s="20">
        <v>6591</v>
      </c>
      <c r="C131" s="2">
        <v>6881</v>
      </c>
      <c r="D131" s="1">
        <v>134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A57502-3038-4EBB-B821-F5BB531F491B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2</v>
      </c>
      <c r="C5" s="11">
        <v>37</v>
      </c>
      <c r="D5" s="10">
        <v>69</v>
      </c>
    </row>
    <row r="6" spans="1:4" ht="18" customHeight="1" x14ac:dyDescent="0.15">
      <c r="A6" s="8">
        <v>1</v>
      </c>
      <c r="B6" s="21">
        <v>31</v>
      </c>
      <c r="C6" s="6">
        <v>33</v>
      </c>
      <c r="D6" s="5">
        <v>64</v>
      </c>
    </row>
    <row r="7" spans="1:4" ht="18" customHeight="1" x14ac:dyDescent="0.15">
      <c r="A7" s="8">
        <v>2</v>
      </c>
      <c r="B7" s="21">
        <v>30</v>
      </c>
      <c r="C7" s="6">
        <v>28</v>
      </c>
      <c r="D7" s="5">
        <v>58</v>
      </c>
    </row>
    <row r="8" spans="1:4" ht="18" customHeight="1" x14ac:dyDescent="0.15">
      <c r="A8" s="8">
        <v>3</v>
      </c>
      <c r="B8" s="21">
        <v>23</v>
      </c>
      <c r="C8" s="6">
        <v>32</v>
      </c>
      <c r="D8" s="5">
        <v>55</v>
      </c>
    </row>
    <row r="9" spans="1:4" ht="18" customHeight="1" x14ac:dyDescent="0.15">
      <c r="A9" s="8">
        <v>4</v>
      </c>
      <c r="B9" s="21">
        <v>35</v>
      </c>
      <c r="C9" s="6">
        <v>27</v>
      </c>
      <c r="D9" s="5">
        <v>62</v>
      </c>
    </row>
    <row r="10" spans="1:4" ht="18" customHeight="1" x14ac:dyDescent="0.15">
      <c r="A10" s="8" t="s">
        <v>25</v>
      </c>
      <c r="B10" s="21">
        <v>151</v>
      </c>
      <c r="C10" s="6">
        <v>157</v>
      </c>
      <c r="D10" s="5">
        <v>308</v>
      </c>
    </row>
    <row r="11" spans="1:4" ht="18" customHeight="1" x14ac:dyDescent="0.15">
      <c r="A11" s="8">
        <v>5</v>
      </c>
      <c r="B11" s="21">
        <v>26</v>
      </c>
      <c r="C11" s="6">
        <v>29</v>
      </c>
      <c r="D11" s="5">
        <v>55</v>
      </c>
    </row>
    <row r="12" spans="1:4" ht="18" customHeight="1" x14ac:dyDescent="0.15">
      <c r="A12" s="8">
        <v>6</v>
      </c>
      <c r="B12" s="21">
        <v>26</v>
      </c>
      <c r="C12" s="6">
        <v>29</v>
      </c>
      <c r="D12" s="5">
        <v>55</v>
      </c>
    </row>
    <row r="13" spans="1:4" ht="18" customHeight="1" x14ac:dyDescent="0.15">
      <c r="A13" s="8">
        <v>7</v>
      </c>
      <c r="B13" s="21">
        <v>25</v>
      </c>
      <c r="C13" s="6">
        <v>31</v>
      </c>
      <c r="D13" s="5">
        <v>56</v>
      </c>
    </row>
    <row r="14" spans="1:4" ht="18" customHeight="1" x14ac:dyDescent="0.15">
      <c r="A14" s="8">
        <v>8</v>
      </c>
      <c r="B14" s="21">
        <v>30</v>
      </c>
      <c r="C14" s="6">
        <v>30</v>
      </c>
      <c r="D14" s="5">
        <v>60</v>
      </c>
    </row>
    <row r="15" spans="1:4" ht="18" customHeight="1" x14ac:dyDescent="0.15">
      <c r="A15" s="8">
        <v>9</v>
      </c>
      <c r="B15" s="21">
        <v>39</v>
      </c>
      <c r="C15" s="6">
        <v>25</v>
      </c>
      <c r="D15" s="5">
        <v>64</v>
      </c>
    </row>
    <row r="16" spans="1:4" ht="18" customHeight="1" x14ac:dyDescent="0.15">
      <c r="A16" s="8" t="s">
        <v>24</v>
      </c>
      <c r="B16" s="21">
        <v>146</v>
      </c>
      <c r="C16" s="6">
        <v>144</v>
      </c>
      <c r="D16" s="5">
        <v>290</v>
      </c>
    </row>
    <row r="17" spans="1:4" ht="18" customHeight="1" x14ac:dyDescent="0.15">
      <c r="A17" s="8">
        <v>10</v>
      </c>
      <c r="B17" s="21">
        <v>38</v>
      </c>
      <c r="C17" s="6">
        <v>34</v>
      </c>
      <c r="D17" s="5">
        <v>72</v>
      </c>
    </row>
    <row r="18" spans="1:4" ht="18" customHeight="1" x14ac:dyDescent="0.15">
      <c r="A18" s="8">
        <v>11</v>
      </c>
      <c r="B18" s="21">
        <v>21</v>
      </c>
      <c r="C18" s="6">
        <v>28</v>
      </c>
      <c r="D18" s="5">
        <v>49</v>
      </c>
    </row>
    <row r="19" spans="1:4" ht="18" customHeight="1" x14ac:dyDescent="0.15">
      <c r="A19" s="8">
        <v>12</v>
      </c>
      <c r="B19" s="21">
        <v>27</v>
      </c>
      <c r="C19" s="6">
        <v>31</v>
      </c>
      <c r="D19" s="5">
        <v>58</v>
      </c>
    </row>
    <row r="20" spans="1:4" ht="18" customHeight="1" x14ac:dyDescent="0.15">
      <c r="A20" s="8">
        <v>13</v>
      </c>
      <c r="B20" s="21">
        <v>27</v>
      </c>
      <c r="C20" s="6">
        <v>25</v>
      </c>
      <c r="D20" s="5">
        <v>52</v>
      </c>
    </row>
    <row r="21" spans="1:4" ht="18" customHeight="1" x14ac:dyDescent="0.15">
      <c r="A21" s="8">
        <v>14</v>
      </c>
      <c r="B21" s="21">
        <v>24</v>
      </c>
      <c r="C21" s="6">
        <v>29</v>
      </c>
      <c r="D21" s="5">
        <v>53</v>
      </c>
    </row>
    <row r="22" spans="1:4" ht="18" customHeight="1" x14ac:dyDescent="0.15">
      <c r="A22" s="8" t="s">
        <v>23</v>
      </c>
      <c r="B22" s="21">
        <v>137</v>
      </c>
      <c r="C22" s="6">
        <v>147</v>
      </c>
      <c r="D22" s="5">
        <v>284</v>
      </c>
    </row>
    <row r="23" spans="1:4" ht="18" customHeight="1" x14ac:dyDescent="0.15">
      <c r="A23" s="8" t="s">
        <v>22</v>
      </c>
      <c r="B23" s="21">
        <v>434</v>
      </c>
      <c r="C23" s="6">
        <v>448</v>
      </c>
      <c r="D23" s="5">
        <v>882</v>
      </c>
    </row>
    <row r="24" spans="1:4" ht="18" customHeight="1" x14ac:dyDescent="0.15">
      <c r="A24" s="8">
        <v>15</v>
      </c>
      <c r="B24" s="21">
        <v>18</v>
      </c>
      <c r="C24" s="6">
        <v>14</v>
      </c>
      <c r="D24" s="5">
        <v>32</v>
      </c>
    </row>
    <row r="25" spans="1:4" ht="18" customHeight="1" x14ac:dyDescent="0.15">
      <c r="A25" s="8">
        <v>16</v>
      </c>
      <c r="B25" s="21">
        <v>17</v>
      </c>
      <c r="C25" s="6">
        <v>18</v>
      </c>
      <c r="D25" s="5">
        <v>35</v>
      </c>
    </row>
    <row r="26" spans="1:4" ht="18" customHeight="1" x14ac:dyDescent="0.15">
      <c r="A26" s="8">
        <v>17</v>
      </c>
      <c r="B26" s="21">
        <v>26</v>
      </c>
      <c r="C26" s="6">
        <v>16</v>
      </c>
      <c r="D26" s="5">
        <v>42</v>
      </c>
    </row>
    <row r="27" spans="1:4" ht="18" customHeight="1" x14ac:dyDescent="0.15">
      <c r="A27" s="8">
        <v>18</v>
      </c>
      <c r="B27" s="21">
        <v>30</v>
      </c>
      <c r="C27" s="6">
        <v>17</v>
      </c>
      <c r="D27" s="5">
        <v>47</v>
      </c>
    </row>
    <row r="28" spans="1:4" ht="18" customHeight="1" x14ac:dyDescent="0.15">
      <c r="A28" s="8">
        <v>19</v>
      </c>
      <c r="B28" s="21">
        <v>14</v>
      </c>
      <c r="C28" s="6">
        <v>27</v>
      </c>
      <c r="D28" s="5">
        <v>41</v>
      </c>
    </row>
    <row r="29" spans="1:4" ht="18" customHeight="1" x14ac:dyDescent="0.15">
      <c r="A29" s="8" t="s">
        <v>21</v>
      </c>
      <c r="B29" s="21">
        <v>105</v>
      </c>
      <c r="C29" s="6">
        <v>92</v>
      </c>
      <c r="D29" s="5">
        <v>197</v>
      </c>
    </row>
    <row r="30" spans="1:4" ht="18" customHeight="1" x14ac:dyDescent="0.15">
      <c r="A30" s="8">
        <v>20</v>
      </c>
      <c r="B30" s="21">
        <v>15</v>
      </c>
      <c r="C30" s="6">
        <v>29</v>
      </c>
      <c r="D30" s="5">
        <v>44</v>
      </c>
    </row>
    <row r="31" spans="1:4" ht="18" customHeight="1" x14ac:dyDescent="0.15">
      <c r="A31" s="8">
        <v>21</v>
      </c>
      <c r="B31" s="21">
        <v>27</v>
      </c>
      <c r="C31" s="6">
        <v>27</v>
      </c>
      <c r="D31" s="5">
        <v>54</v>
      </c>
    </row>
    <row r="32" spans="1:4" ht="18" customHeight="1" x14ac:dyDescent="0.15">
      <c r="A32" s="8">
        <v>22</v>
      </c>
      <c r="B32" s="21">
        <v>29</v>
      </c>
      <c r="C32" s="6">
        <v>30</v>
      </c>
      <c r="D32" s="5">
        <v>59</v>
      </c>
    </row>
    <row r="33" spans="1:4" ht="18" customHeight="1" x14ac:dyDescent="0.15">
      <c r="A33" s="8">
        <v>23</v>
      </c>
      <c r="B33" s="21">
        <v>35</v>
      </c>
      <c r="C33" s="6">
        <v>38</v>
      </c>
      <c r="D33" s="5">
        <v>73</v>
      </c>
    </row>
    <row r="34" spans="1:4" ht="18" customHeight="1" x14ac:dyDescent="0.15">
      <c r="A34" s="8">
        <v>24</v>
      </c>
      <c r="B34" s="21">
        <v>40</v>
      </c>
      <c r="C34" s="6">
        <v>35</v>
      </c>
      <c r="D34" s="5">
        <v>75</v>
      </c>
    </row>
    <row r="35" spans="1:4" ht="18" customHeight="1" x14ac:dyDescent="0.15">
      <c r="A35" s="8" t="s">
        <v>20</v>
      </c>
      <c r="B35" s="21">
        <v>146</v>
      </c>
      <c r="C35" s="6">
        <v>159</v>
      </c>
      <c r="D35" s="5">
        <v>305</v>
      </c>
    </row>
    <row r="36" spans="1:4" ht="18" customHeight="1" x14ac:dyDescent="0.15">
      <c r="A36" s="8">
        <v>25</v>
      </c>
      <c r="B36" s="21">
        <v>40</v>
      </c>
      <c r="C36" s="6">
        <v>39</v>
      </c>
      <c r="D36" s="5">
        <v>79</v>
      </c>
    </row>
    <row r="37" spans="1:4" ht="18" customHeight="1" x14ac:dyDescent="0.15">
      <c r="A37" s="8">
        <v>26</v>
      </c>
      <c r="B37" s="21">
        <v>46</v>
      </c>
      <c r="C37" s="6">
        <v>51</v>
      </c>
      <c r="D37" s="5">
        <v>97</v>
      </c>
    </row>
    <row r="38" spans="1:4" ht="18" customHeight="1" x14ac:dyDescent="0.15">
      <c r="A38" s="8">
        <v>27</v>
      </c>
      <c r="B38" s="21">
        <v>48</v>
      </c>
      <c r="C38" s="6">
        <v>45</v>
      </c>
      <c r="D38" s="5">
        <v>93</v>
      </c>
    </row>
    <row r="39" spans="1:4" ht="18" customHeight="1" x14ac:dyDescent="0.15">
      <c r="A39" s="8">
        <v>28</v>
      </c>
      <c r="B39" s="21">
        <v>43</v>
      </c>
      <c r="C39" s="6">
        <v>38</v>
      </c>
      <c r="D39" s="5">
        <v>81</v>
      </c>
    </row>
    <row r="40" spans="1:4" ht="18" customHeight="1" x14ac:dyDescent="0.15">
      <c r="A40" s="8">
        <v>29</v>
      </c>
      <c r="B40" s="21">
        <v>55</v>
      </c>
      <c r="C40" s="6">
        <v>38</v>
      </c>
      <c r="D40" s="5">
        <v>93</v>
      </c>
    </row>
    <row r="41" spans="1:4" ht="18" customHeight="1" x14ac:dyDescent="0.15">
      <c r="A41" s="8" t="s">
        <v>19</v>
      </c>
      <c r="B41" s="21">
        <v>232</v>
      </c>
      <c r="C41" s="6">
        <v>211</v>
      </c>
      <c r="D41" s="5">
        <v>443</v>
      </c>
    </row>
    <row r="42" spans="1:4" ht="18" customHeight="1" x14ac:dyDescent="0.15">
      <c r="A42" s="8">
        <v>30</v>
      </c>
      <c r="B42" s="21">
        <v>47</v>
      </c>
      <c r="C42" s="6">
        <v>41</v>
      </c>
      <c r="D42" s="5">
        <v>88</v>
      </c>
    </row>
    <row r="43" spans="1:4" ht="18" customHeight="1" x14ac:dyDescent="0.15">
      <c r="A43" s="8">
        <v>31</v>
      </c>
      <c r="B43" s="21">
        <v>49</v>
      </c>
      <c r="C43" s="6">
        <v>47</v>
      </c>
      <c r="D43" s="5">
        <v>96</v>
      </c>
    </row>
    <row r="44" spans="1:4" ht="18" customHeight="1" x14ac:dyDescent="0.15">
      <c r="A44" s="8">
        <v>32</v>
      </c>
      <c r="B44" s="21">
        <v>42</v>
      </c>
      <c r="C44" s="6">
        <v>47</v>
      </c>
      <c r="D44" s="5">
        <v>89</v>
      </c>
    </row>
    <row r="45" spans="1:4" ht="18" customHeight="1" x14ac:dyDescent="0.15">
      <c r="A45" s="8">
        <v>33</v>
      </c>
      <c r="B45" s="21">
        <v>48</v>
      </c>
      <c r="C45" s="6">
        <v>48</v>
      </c>
      <c r="D45" s="5">
        <v>96</v>
      </c>
    </row>
    <row r="46" spans="1:4" ht="18" customHeight="1" x14ac:dyDescent="0.15">
      <c r="A46" s="8">
        <v>34</v>
      </c>
      <c r="B46" s="21">
        <v>54</v>
      </c>
      <c r="C46" s="6">
        <v>48</v>
      </c>
      <c r="D46" s="5">
        <v>102</v>
      </c>
    </row>
    <row r="47" spans="1:4" ht="18" customHeight="1" x14ac:dyDescent="0.15">
      <c r="A47" s="8" t="s">
        <v>18</v>
      </c>
      <c r="B47" s="21">
        <v>240</v>
      </c>
      <c r="C47" s="6">
        <v>231</v>
      </c>
      <c r="D47" s="5">
        <v>471</v>
      </c>
    </row>
    <row r="48" spans="1:4" ht="18" customHeight="1" x14ac:dyDescent="0.15">
      <c r="A48" s="8">
        <v>35</v>
      </c>
      <c r="B48" s="21">
        <v>45</v>
      </c>
      <c r="C48" s="6">
        <v>32</v>
      </c>
      <c r="D48" s="5">
        <v>77</v>
      </c>
    </row>
    <row r="49" spans="1:4" ht="18" customHeight="1" x14ac:dyDescent="0.15">
      <c r="A49" s="8">
        <v>36</v>
      </c>
      <c r="B49" s="21">
        <v>41</v>
      </c>
      <c r="C49" s="6">
        <v>37</v>
      </c>
      <c r="D49" s="5">
        <v>78</v>
      </c>
    </row>
    <row r="50" spans="1:4" ht="18" customHeight="1" x14ac:dyDescent="0.15">
      <c r="A50" s="8">
        <v>37</v>
      </c>
      <c r="B50" s="21">
        <v>55</v>
      </c>
      <c r="C50" s="6">
        <v>38</v>
      </c>
      <c r="D50" s="5">
        <v>93</v>
      </c>
    </row>
    <row r="51" spans="1:4" ht="18" customHeight="1" x14ac:dyDescent="0.15">
      <c r="A51" s="8">
        <v>38</v>
      </c>
      <c r="B51" s="21">
        <v>39</v>
      </c>
      <c r="C51" s="6">
        <v>42</v>
      </c>
      <c r="D51" s="5">
        <v>81</v>
      </c>
    </row>
    <row r="52" spans="1:4" ht="18" customHeight="1" x14ac:dyDescent="0.15">
      <c r="A52" s="8">
        <v>39</v>
      </c>
      <c r="B52" s="21">
        <v>57</v>
      </c>
      <c r="C52" s="6">
        <v>53</v>
      </c>
      <c r="D52" s="5">
        <v>110</v>
      </c>
    </row>
    <row r="53" spans="1:4" ht="18" customHeight="1" x14ac:dyDescent="0.15">
      <c r="A53" s="8" t="s">
        <v>17</v>
      </c>
      <c r="B53" s="21">
        <v>237</v>
      </c>
      <c r="C53" s="6">
        <v>202</v>
      </c>
      <c r="D53" s="5">
        <v>439</v>
      </c>
    </row>
    <row r="54" spans="1:4" ht="18" customHeight="1" x14ac:dyDescent="0.15">
      <c r="A54" s="8">
        <v>40</v>
      </c>
      <c r="B54" s="21">
        <v>46</v>
      </c>
      <c r="C54" s="6">
        <v>37</v>
      </c>
      <c r="D54" s="5">
        <v>83</v>
      </c>
    </row>
    <row r="55" spans="1:4" ht="18" customHeight="1" x14ac:dyDescent="0.15">
      <c r="A55" s="8">
        <v>41</v>
      </c>
      <c r="B55" s="21">
        <v>47</v>
      </c>
      <c r="C55" s="6">
        <v>28</v>
      </c>
      <c r="D55" s="5">
        <v>75</v>
      </c>
    </row>
    <row r="56" spans="1:4" ht="18" customHeight="1" x14ac:dyDescent="0.15">
      <c r="A56" s="8">
        <v>42</v>
      </c>
      <c r="B56" s="21">
        <v>43</v>
      </c>
      <c r="C56" s="6">
        <v>41</v>
      </c>
      <c r="D56" s="5">
        <v>84</v>
      </c>
    </row>
    <row r="57" spans="1:4" ht="18" customHeight="1" x14ac:dyDescent="0.15">
      <c r="A57" s="8">
        <v>43</v>
      </c>
      <c r="B57" s="21">
        <v>41</v>
      </c>
      <c r="C57" s="6">
        <v>33</v>
      </c>
      <c r="D57" s="5">
        <v>74</v>
      </c>
    </row>
    <row r="58" spans="1:4" ht="18" customHeight="1" x14ac:dyDescent="0.15">
      <c r="A58" s="8">
        <v>44</v>
      </c>
      <c r="B58" s="21">
        <v>46</v>
      </c>
      <c r="C58" s="6">
        <v>36</v>
      </c>
      <c r="D58" s="5">
        <v>82</v>
      </c>
    </row>
    <row r="59" spans="1:4" ht="18" customHeight="1" x14ac:dyDescent="0.15">
      <c r="A59" s="8" t="s">
        <v>16</v>
      </c>
      <c r="B59" s="21">
        <v>223</v>
      </c>
      <c r="C59" s="6">
        <v>175</v>
      </c>
      <c r="D59" s="5">
        <v>398</v>
      </c>
    </row>
    <row r="60" spans="1:4" ht="18" customHeight="1" x14ac:dyDescent="0.15">
      <c r="A60" s="8">
        <v>45</v>
      </c>
      <c r="B60" s="21">
        <v>37</v>
      </c>
      <c r="C60" s="6">
        <v>46</v>
      </c>
      <c r="D60" s="5">
        <v>83</v>
      </c>
    </row>
    <row r="61" spans="1:4" ht="18" customHeight="1" x14ac:dyDescent="0.15">
      <c r="A61" s="8">
        <v>46</v>
      </c>
      <c r="B61" s="21">
        <v>58</v>
      </c>
      <c r="C61" s="6">
        <v>39</v>
      </c>
      <c r="D61" s="5">
        <v>97</v>
      </c>
    </row>
    <row r="62" spans="1:4" ht="18" customHeight="1" x14ac:dyDescent="0.15">
      <c r="A62" s="8">
        <v>47</v>
      </c>
      <c r="B62" s="21">
        <v>44</v>
      </c>
      <c r="C62" s="6">
        <v>42</v>
      </c>
      <c r="D62" s="5">
        <v>86</v>
      </c>
    </row>
    <row r="63" spans="1:4" ht="18" customHeight="1" x14ac:dyDescent="0.15">
      <c r="A63" s="8">
        <v>48</v>
      </c>
      <c r="B63" s="21">
        <v>44</v>
      </c>
      <c r="C63" s="6">
        <v>39</v>
      </c>
      <c r="D63" s="5">
        <v>83</v>
      </c>
    </row>
    <row r="64" spans="1:4" ht="18" customHeight="1" x14ac:dyDescent="0.15">
      <c r="A64" s="8">
        <v>49</v>
      </c>
      <c r="B64" s="21">
        <v>52</v>
      </c>
      <c r="C64" s="6">
        <v>34</v>
      </c>
      <c r="D64" s="5">
        <v>86</v>
      </c>
    </row>
    <row r="65" spans="1:4" ht="18" customHeight="1" x14ac:dyDescent="0.15">
      <c r="A65" s="8" t="s">
        <v>15</v>
      </c>
      <c r="B65" s="21">
        <v>235</v>
      </c>
      <c r="C65" s="6">
        <v>200</v>
      </c>
      <c r="D65" s="5">
        <v>435</v>
      </c>
    </row>
    <row r="66" spans="1:4" ht="18" customHeight="1" x14ac:dyDescent="0.15">
      <c r="A66" s="8">
        <v>50</v>
      </c>
      <c r="B66" s="21">
        <v>51</v>
      </c>
      <c r="C66" s="6">
        <v>39</v>
      </c>
      <c r="D66" s="5">
        <v>90</v>
      </c>
    </row>
    <row r="67" spans="1:4" ht="18" customHeight="1" x14ac:dyDescent="0.15">
      <c r="A67" s="8">
        <v>51</v>
      </c>
      <c r="B67" s="21">
        <v>53</v>
      </c>
      <c r="C67" s="6">
        <v>51</v>
      </c>
      <c r="D67" s="5">
        <v>104</v>
      </c>
    </row>
    <row r="68" spans="1:4" ht="18" customHeight="1" x14ac:dyDescent="0.15">
      <c r="A68" s="8">
        <v>52</v>
      </c>
      <c r="B68" s="21">
        <v>47</v>
      </c>
      <c r="C68" s="6">
        <v>48</v>
      </c>
      <c r="D68" s="5">
        <v>95</v>
      </c>
    </row>
    <row r="69" spans="1:4" ht="18" customHeight="1" x14ac:dyDescent="0.15">
      <c r="A69" s="8">
        <v>53</v>
      </c>
      <c r="B69" s="21">
        <v>39</v>
      </c>
      <c r="C69" s="6">
        <v>40</v>
      </c>
      <c r="D69" s="5">
        <v>79</v>
      </c>
    </row>
    <row r="70" spans="1:4" ht="18" customHeight="1" x14ac:dyDescent="0.15">
      <c r="A70" s="8">
        <v>54</v>
      </c>
      <c r="B70" s="21">
        <v>36</v>
      </c>
      <c r="C70" s="6">
        <v>37</v>
      </c>
      <c r="D70" s="5">
        <v>73</v>
      </c>
    </row>
    <row r="71" spans="1:4" ht="18" customHeight="1" x14ac:dyDescent="0.15">
      <c r="A71" s="8" t="s">
        <v>14</v>
      </c>
      <c r="B71" s="21">
        <v>226</v>
      </c>
      <c r="C71" s="6">
        <v>215</v>
      </c>
      <c r="D71" s="5">
        <v>441</v>
      </c>
    </row>
    <row r="72" spans="1:4" ht="18" customHeight="1" x14ac:dyDescent="0.15">
      <c r="A72" s="8">
        <v>55</v>
      </c>
      <c r="B72" s="21">
        <v>26</v>
      </c>
      <c r="C72" s="6">
        <v>33</v>
      </c>
      <c r="D72" s="5">
        <v>59</v>
      </c>
    </row>
    <row r="73" spans="1:4" ht="18" customHeight="1" x14ac:dyDescent="0.15">
      <c r="A73" s="8">
        <v>56</v>
      </c>
      <c r="B73" s="21">
        <v>44</v>
      </c>
      <c r="C73" s="6">
        <v>29</v>
      </c>
      <c r="D73" s="5">
        <v>73</v>
      </c>
    </row>
    <row r="74" spans="1:4" ht="18" customHeight="1" x14ac:dyDescent="0.15">
      <c r="A74" s="8">
        <v>57</v>
      </c>
      <c r="B74" s="21">
        <v>33</v>
      </c>
      <c r="C74" s="6">
        <v>36</v>
      </c>
      <c r="D74" s="5">
        <v>69</v>
      </c>
    </row>
    <row r="75" spans="1:4" ht="18" customHeight="1" x14ac:dyDescent="0.15">
      <c r="A75" s="8">
        <v>58</v>
      </c>
      <c r="B75" s="21">
        <v>37</v>
      </c>
      <c r="C75" s="6">
        <v>30</v>
      </c>
      <c r="D75" s="5">
        <v>67</v>
      </c>
    </row>
    <row r="76" spans="1:4" ht="18" customHeight="1" x14ac:dyDescent="0.15">
      <c r="A76" s="8">
        <v>59</v>
      </c>
      <c r="B76" s="21">
        <v>23</v>
      </c>
      <c r="C76" s="6">
        <v>17</v>
      </c>
      <c r="D76" s="5">
        <v>40</v>
      </c>
    </row>
    <row r="77" spans="1:4" ht="18" customHeight="1" x14ac:dyDescent="0.15">
      <c r="A77" s="8" t="s">
        <v>13</v>
      </c>
      <c r="B77" s="21">
        <v>163</v>
      </c>
      <c r="C77" s="6">
        <v>145</v>
      </c>
      <c r="D77" s="5">
        <v>308</v>
      </c>
    </row>
    <row r="78" spans="1:4" ht="18" customHeight="1" x14ac:dyDescent="0.15">
      <c r="A78" s="8">
        <v>60</v>
      </c>
      <c r="B78" s="21">
        <v>26</v>
      </c>
      <c r="C78" s="6">
        <v>23</v>
      </c>
      <c r="D78" s="5">
        <v>49</v>
      </c>
    </row>
    <row r="79" spans="1:4" ht="18" customHeight="1" x14ac:dyDescent="0.15">
      <c r="A79" s="8">
        <v>61</v>
      </c>
      <c r="B79" s="21">
        <v>28</v>
      </c>
      <c r="C79" s="6">
        <v>35</v>
      </c>
      <c r="D79" s="5">
        <v>63</v>
      </c>
    </row>
    <row r="80" spans="1:4" ht="18" customHeight="1" x14ac:dyDescent="0.15">
      <c r="A80" s="8">
        <v>62</v>
      </c>
      <c r="B80" s="21">
        <v>23</v>
      </c>
      <c r="C80" s="6">
        <v>28</v>
      </c>
      <c r="D80" s="5">
        <v>51</v>
      </c>
    </row>
    <row r="81" spans="1:4" ht="18" customHeight="1" x14ac:dyDescent="0.15">
      <c r="A81" s="8">
        <v>63</v>
      </c>
      <c r="B81" s="21">
        <v>17</v>
      </c>
      <c r="C81" s="6">
        <v>13</v>
      </c>
      <c r="D81" s="5">
        <v>30</v>
      </c>
    </row>
    <row r="82" spans="1:4" ht="18" customHeight="1" x14ac:dyDescent="0.15">
      <c r="A82" s="8">
        <v>64</v>
      </c>
      <c r="B82" s="21">
        <v>16</v>
      </c>
      <c r="C82" s="6">
        <v>27</v>
      </c>
      <c r="D82" s="5">
        <v>43</v>
      </c>
    </row>
    <row r="83" spans="1:4" ht="18" customHeight="1" x14ac:dyDescent="0.15">
      <c r="A83" s="8" t="s">
        <v>12</v>
      </c>
      <c r="B83" s="21">
        <v>110</v>
      </c>
      <c r="C83" s="6">
        <v>126</v>
      </c>
      <c r="D83" s="5">
        <v>236</v>
      </c>
    </row>
    <row r="84" spans="1:4" ht="18" customHeight="1" x14ac:dyDescent="0.15">
      <c r="A84" s="8" t="s">
        <v>11</v>
      </c>
      <c r="B84" s="21">
        <v>1917</v>
      </c>
      <c r="C84" s="6">
        <v>1756</v>
      </c>
      <c r="D84" s="5">
        <v>3673</v>
      </c>
    </row>
    <row r="85" spans="1:4" ht="18" customHeight="1" x14ac:dyDescent="0.15">
      <c r="A85" s="8">
        <v>65</v>
      </c>
      <c r="B85" s="21">
        <v>19</v>
      </c>
      <c r="C85" s="6">
        <v>27</v>
      </c>
      <c r="D85" s="5">
        <v>46</v>
      </c>
    </row>
    <row r="86" spans="1:4" ht="18" customHeight="1" x14ac:dyDescent="0.15">
      <c r="A86" s="8">
        <v>66</v>
      </c>
      <c r="B86" s="21">
        <v>18</v>
      </c>
      <c r="C86" s="6">
        <v>17</v>
      </c>
      <c r="D86" s="5">
        <v>35</v>
      </c>
    </row>
    <row r="87" spans="1:4" ht="18" customHeight="1" x14ac:dyDescent="0.15">
      <c r="A87" s="8">
        <v>67</v>
      </c>
      <c r="B87" s="21">
        <v>20</v>
      </c>
      <c r="C87" s="6">
        <v>25</v>
      </c>
      <c r="D87" s="5">
        <v>45</v>
      </c>
    </row>
    <row r="88" spans="1:4" ht="18" customHeight="1" x14ac:dyDescent="0.15">
      <c r="A88" s="8">
        <v>68</v>
      </c>
      <c r="B88" s="21">
        <v>19</v>
      </c>
      <c r="C88" s="6">
        <v>18</v>
      </c>
      <c r="D88" s="5">
        <v>37</v>
      </c>
    </row>
    <row r="89" spans="1:4" ht="18" customHeight="1" x14ac:dyDescent="0.15">
      <c r="A89" s="8">
        <v>69</v>
      </c>
      <c r="B89" s="21">
        <v>24</v>
      </c>
      <c r="C89" s="6">
        <v>15</v>
      </c>
      <c r="D89" s="5">
        <v>39</v>
      </c>
    </row>
    <row r="90" spans="1:4" ht="18" customHeight="1" x14ac:dyDescent="0.15">
      <c r="A90" s="8" t="s">
        <v>10</v>
      </c>
      <c r="B90" s="21">
        <v>100</v>
      </c>
      <c r="C90" s="6">
        <v>102</v>
      </c>
      <c r="D90" s="5">
        <v>202</v>
      </c>
    </row>
    <row r="91" spans="1:4" ht="18" customHeight="1" x14ac:dyDescent="0.15">
      <c r="A91" s="8">
        <v>70</v>
      </c>
      <c r="B91" s="21">
        <v>29</v>
      </c>
      <c r="C91" s="6">
        <v>21</v>
      </c>
      <c r="D91" s="5">
        <v>50</v>
      </c>
    </row>
    <row r="92" spans="1:4" ht="18" customHeight="1" x14ac:dyDescent="0.15">
      <c r="A92" s="8">
        <v>71</v>
      </c>
      <c r="B92" s="21">
        <v>24</v>
      </c>
      <c r="C92" s="6">
        <v>24</v>
      </c>
      <c r="D92" s="5">
        <v>48</v>
      </c>
    </row>
    <row r="93" spans="1:4" ht="18" customHeight="1" x14ac:dyDescent="0.15">
      <c r="A93" s="8">
        <v>72</v>
      </c>
      <c r="B93" s="21">
        <v>22</v>
      </c>
      <c r="C93" s="6">
        <v>27</v>
      </c>
      <c r="D93" s="5">
        <v>49</v>
      </c>
    </row>
    <row r="94" spans="1:4" ht="18" customHeight="1" x14ac:dyDescent="0.15">
      <c r="A94" s="8">
        <v>73</v>
      </c>
      <c r="B94" s="21">
        <v>30</v>
      </c>
      <c r="C94" s="6">
        <v>25</v>
      </c>
      <c r="D94" s="5">
        <v>55</v>
      </c>
    </row>
    <row r="95" spans="1:4" ht="18" customHeight="1" x14ac:dyDescent="0.15">
      <c r="A95" s="8">
        <v>74</v>
      </c>
      <c r="B95" s="21">
        <v>21</v>
      </c>
      <c r="C95" s="6">
        <v>29</v>
      </c>
      <c r="D95" s="5">
        <v>50</v>
      </c>
    </row>
    <row r="96" spans="1:4" ht="18" customHeight="1" x14ac:dyDescent="0.15">
      <c r="A96" s="8" t="s">
        <v>9</v>
      </c>
      <c r="B96" s="21">
        <v>126</v>
      </c>
      <c r="C96" s="6">
        <v>126</v>
      </c>
      <c r="D96" s="5">
        <v>252</v>
      </c>
    </row>
    <row r="97" spans="1:4" ht="18" customHeight="1" x14ac:dyDescent="0.15">
      <c r="A97" s="8">
        <v>75</v>
      </c>
      <c r="B97" s="21">
        <v>31</v>
      </c>
      <c r="C97" s="6">
        <v>29</v>
      </c>
      <c r="D97" s="5">
        <v>60</v>
      </c>
    </row>
    <row r="98" spans="1:4" ht="18" customHeight="1" x14ac:dyDescent="0.15">
      <c r="A98" s="8">
        <v>76</v>
      </c>
      <c r="B98" s="21">
        <v>26</v>
      </c>
      <c r="C98" s="6">
        <v>32</v>
      </c>
      <c r="D98" s="5">
        <v>58</v>
      </c>
    </row>
    <row r="99" spans="1:4" ht="18" customHeight="1" x14ac:dyDescent="0.15">
      <c r="A99" s="8">
        <v>77</v>
      </c>
      <c r="B99" s="21">
        <v>30</v>
      </c>
      <c r="C99" s="6">
        <v>25</v>
      </c>
      <c r="D99" s="5">
        <v>55</v>
      </c>
    </row>
    <row r="100" spans="1:4" ht="18" customHeight="1" x14ac:dyDescent="0.15">
      <c r="A100" s="8">
        <v>78</v>
      </c>
      <c r="B100" s="21">
        <v>33</v>
      </c>
      <c r="C100" s="6">
        <v>34</v>
      </c>
      <c r="D100" s="5">
        <v>67</v>
      </c>
    </row>
    <row r="101" spans="1:4" ht="18" customHeight="1" x14ac:dyDescent="0.15">
      <c r="A101" s="8">
        <v>79</v>
      </c>
      <c r="B101" s="21">
        <v>12</v>
      </c>
      <c r="C101" s="6">
        <v>14</v>
      </c>
      <c r="D101" s="5">
        <v>26</v>
      </c>
    </row>
    <row r="102" spans="1:4" ht="18" customHeight="1" x14ac:dyDescent="0.15">
      <c r="A102" s="8" t="s">
        <v>8</v>
      </c>
      <c r="B102" s="21">
        <v>132</v>
      </c>
      <c r="C102" s="6">
        <v>134</v>
      </c>
      <c r="D102" s="5">
        <v>266</v>
      </c>
    </row>
    <row r="103" spans="1:4" ht="18" customHeight="1" x14ac:dyDescent="0.15">
      <c r="A103" s="8">
        <v>80</v>
      </c>
      <c r="B103" s="21">
        <v>7</v>
      </c>
      <c r="C103" s="6">
        <v>20</v>
      </c>
      <c r="D103" s="5">
        <v>27</v>
      </c>
    </row>
    <row r="104" spans="1:4" ht="18" customHeight="1" x14ac:dyDescent="0.15">
      <c r="A104" s="8">
        <v>81</v>
      </c>
      <c r="B104" s="21">
        <v>9</v>
      </c>
      <c r="C104" s="6">
        <v>19</v>
      </c>
      <c r="D104" s="5">
        <v>28</v>
      </c>
    </row>
    <row r="105" spans="1:4" ht="18" customHeight="1" x14ac:dyDescent="0.15">
      <c r="A105" s="8">
        <v>82</v>
      </c>
      <c r="B105" s="21">
        <v>12</v>
      </c>
      <c r="C105" s="6">
        <v>26</v>
      </c>
      <c r="D105" s="5">
        <v>38</v>
      </c>
    </row>
    <row r="106" spans="1:4" ht="18" customHeight="1" x14ac:dyDescent="0.15">
      <c r="A106" s="8">
        <v>83</v>
      </c>
      <c r="B106" s="21">
        <v>14</v>
      </c>
      <c r="C106" s="6">
        <v>18</v>
      </c>
      <c r="D106" s="5">
        <v>32</v>
      </c>
    </row>
    <row r="107" spans="1:4" ht="18" customHeight="1" x14ac:dyDescent="0.15">
      <c r="A107" s="8">
        <v>84</v>
      </c>
      <c r="B107" s="21">
        <v>17</v>
      </c>
      <c r="C107" s="6">
        <v>24</v>
      </c>
      <c r="D107" s="5">
        <v>41</v>
      </c>
    </row>
    <row r="108" spans="1:4" ht="18" customHeight="1" x14ac:dyDescent="0.15">
      <c r="A108" s="8" t="s">
        <v>7</v>
      </c>
      <c r="B108" s="21">
        <v>59</v>
      </c>
      <c r="C108" s="6">
        <v>107</v>
      </c>
      <c r="D108" s="5">
        <v>166</v>
      </c>
    </row>
    <row r="109" spans="1:4" ht="18" customHeight="1" x14ac:dyDescent="0.15">
      <c r="A109" s="8">
        <v>85</v>
      </c>
      <c r="B109" s="21">
        <v>10</v>
      </c>
      <c r="C109" s="6">
        <v>22</v>
      </c>
      <c r="D109" s="5">
        <v>32</v>
      </c>
    </row>
    <row r="110" spans="1:4" ht="18" customHeight="1" x14ac:dyDescent="0.15">
      <c r="A110" s="8">
        <v>86</v>
      </c>
      <c r="B110" s="21">
        <v>6</v>
      </c>
      <c r="C110" s="6">
        <v>8</v>
      </c>
      <c r="D110" s="5">
        <v>14</v>
      </c>
    </row>
    <row r="111" spans="1:4" ht="18" customHeight="1" x14ac:dyDescent="0.15">
      <c r="A111" s="8">
        <v>87</v>
      </c>
      <c r="B111" s="21">
        <v>10</v>
      </c>
      <c r="C111" s="6">
        <v>15</v>
      </c>
      <c r="D111" s="5">
        <v>25</v>
      </c>
    </row>
    <row r="112" spans="1:4" ht="18" customHeight="1" x14ac:dyDescent="0.15">
      <c r="A112" s="8">
        <v>88</v>
      </c>
      <c r="B112" s="21">
        <v>7</v>
      </c>
      <c r="C112" s="6">
        <v>13</v>
      </c>
      <c r="D112" s="5">
        <v>20</v>
      </c>
    </row>
    <row r="113" spans="1:4" ht="18" customHeight="1" x14ac:dyDescent="0.15">
      <c r="A113" s="8">
        <v>89</v>
      </c>
      <c r="B113" s="21">
        <v>5</v>
      </c>
      <c r="C113" s="6">
        <v>11</v>
      </c>
      <c r="D113" s="5">
        <v>16</v>
      </c>
    </row>
    <row r="114" spans="1:4" ht="18" customHeight="1" x14ac:dyDescent="0.15">
      <c r="A114" s="8" t="s">
        <v>6</v>
      </c>
      <c r="B114" s="21">
        <v>38</v>
      </c>
      <c r="C114" s="6">
        <v>69</v>
      </c>
      <c r="D114" s="5">
        <v>107</v>
      </c>
    </row>
    <row r="115" spans="1:4" ht="18" customHeight="1" x14ac:dyDescent="0.15">
      <c r="A115" s="8">
        <v>90</v>
      </c>
      <c r="B115" s="21">
        <v>4</v>
      </c>
      <c r="C115" s="6">
        <v>4</v>
      </c>
      <c r="D115" s="5">
        <v>8</v>
      </c>
    </row>
    <row r="116" spans="1:4" ht="18" customHeight="1" x14ac:dyDescent="0.15">
      <c r="A116" s="8">
        <v>91</v>
      </c>
      <c r="B116" s="21">
        <v>3</v>
      </c>
      <c r="C116" s="6">
        <v>14</v>
      </c>
      <c r="D116" s="5">
        <v>17</v>
      </c>
    </row>
    <row r="117" spans="1:4" ht="18" customHeight="1" x14ac:dyDescent="0.15">
      <c r="A117" s="8">
        <v>92</v>
      </c>
      <c r="B117" s="21">
        <v>1</v>
      </c>
      <c r="C117" s="6">
        <v>16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7</v>
      </c>
      <c r="D118" s="5">
        <v>8</v>
      </c>
    </row>
    <row r="119" spans="1:4" ht="18" customHeight="1" x14ac:dyDescent="0.15">
      <c r="A119" s="8">
        <v>94</v>
      </c>
      <c r="B119" s="21">
        <v>3</v>
      </c>
      <c r="C119" s="6">
        <v>6</v>
      </c>
      <c r="D119" s="5">
        <v>9</v>
      </c>
    </row>
    <row r="120" spans="1:4" ht="18" customHeight="1" x14ac:dyDescent="0.15">
      <c r="A120" s="8" t="s">
        <v>5</v>
      </c>
      <c r="B120" s="21">
        <v>12</v>
      </c>
      <c r="C120" s="6">
        <v>47</v>
      </c>
      <c r="D120" s="5">
        <v>59</v>
      </c>
    </row>
    <row r="121" spans="1:4" ht="18" customHeight="1" x14ac:dyDescent="0.15">
      <c r="A121" s="8">
        <v>95</v>
      </c>
      <c r="B121" s="21">
        <v>1</v>
      </c>
      <c r="C121" s="6">
        <v>1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3</v>
      </c>
      <c r="C126" s="6">
        <v>7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470</v>
      </c>
      <c r="C130" s="6">
        <v>597</v>
      </c>
      <c r="D130" s="5">
        <v>1067</v>
      </c>
    </row>
    <row r="131" spans="1:4" ht="18" customHeight="1" x14ac:dyDescent="0.15">
      <c r="A131" s="4" t="s">
        <v>0</v>
      </c>
      <c r="B131" s="20">
        <v>2821</v>
      </c>
      <c r="C131" s="2">
        <v>2801</v>
      </c>
      <c r="D131" s="1">
        <v>56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BD9A95-0A24-4675-9E53-D9E46723B938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5</v>
      </c>
      <c r="C5" s="11">
        <v>8</v>
      </c>
      <c r="D5" s="10">
        <v>23</v>
      </c>
    </row>
    <row r="6" spans="1:4" ht="18" customHeight="1" x14ac:dyDescent="0.15">
      <c r="A6" s="8">
        <v>1</v>
      </c>
      <c r="B6" s="21">
        <v>7</v>
      </c>
      <c r="C6" s="6">
        <v>12</v>
      </c>
      <c r="D6" s="5">
        <v>19</v>
      </c>
    </row>
    <row r="7" spans="1:4" ht="18" customHeight="1" x14ac:dyDescent="0.15">
      <c r="A7" s="8">
        <v>2</v>
      </c>
      <c r="B7" s="21">
        <v>11</v>
      </c>
      <c r="C7" s="6">
        <v>16</v>
      </c>
      <c r="D7" s="5">
        <v>27</v>
      </c>
    </row>
    <row r="8" spans="1:4" ht="18" customHeight="1" x14ac:dyDescent="0.15">
      <c r="A8" s="8">
        <v>3</v>
      </c>
      <c r="B8" s="21">
        <v>20</v>
      </c>
      <c r="C8" s="6">
        <v>13</v>
      </c>
      <c r="D8" s="5">
        <v>33</v>
      </c>
    </row>
    <row r="9" spans="1:4" ht="18" customHeight="1" x14ac:dyDescent="0.15">
      <c r="A9" s="8">
        <v>4</v>
      </c>
      <c r="B9" s="21">
        <v>19</v>
      </c>
      <c r="C9" s="6">
        <v>16</v>
      </c>
      <c r="D9" s="5">
        <v>35</v>
      </c>
    </row>
    <row r="10" spans="1:4" ht="18" customHeight="1" x14ac:dyDescent="0.15">
      <c r="A10" s="8" t="s">
        <v>25</v>
      </c>
      <c r="B10" s="21">
        <v>72</v>
      </c>
      <c r="C10" s="6">
        <v>65</v>
      </c>
      <c r="D10" s="5">
        <v>137</v>
      </c>
    </row>
    <row r="11" spans="1:4" ht="18" customHeight="1" x14ac:dyDescent="0.15">
      <c r="A11" s="8">
        <v>5</v>
      </c>
      <c r="B11" s="21">
        <v>10</v>
      </c>
      <c r="C11" s="6">
        <v>12</v>
      </c>
      <c r="D11" s="5">
        <v>22</v>
      </c>
    </row>
    <row r="12" spans="1:4" ht="18" customHeight="1" x14ac:dyDescent="0.15">
      <c r="A12" s="8">
        <v>6</v>
      </c>
      <c r="B12" s="21">
        <v>24</v>
      </c>
      <c r="C12" s="6">
        <v>23</v>
      </c>
      <c r="D12" s="5">
        <v>47</v>
      </c>
    </row>
    <row r="13" spans="1:4" ht="18" customHeight="1" x14ac:dyDescent="0.15">
      <c r="A13" s="8">
        <v>7</v>
      </c>
      <c r="B13" s="21">
        <v>28</v>
      </c>
      <c r="C13" s="6">
        <v>17</v>
      </c>
      <c r="D13" s="5">
        <v>45</v>
      </c>
    </row>
    <row r="14" spans="1:4" ht="18" customHeight="1" x14ac:dyDescent="0.15">
      <c r="A14" s="8">
        <v>8</v>
      </c>
      <c r="B14" s="21">
        <v>36</v>
      </c>
      <c r="C14" s="6">
        <v>18</v>
      </c>
      <c r="D14" s="5">
        <v>54</v>
      </c>
    </row>
    <row r="15" spans="1:4" ht="18" customHeight="1" x14ac:dyDescent="0.15">
      <c r="A15" s="8">
        <v>9</v>
      </c>
      <c r="B15" s="21">
        <v>22</v>
      </c>
      <c r="C15" s="6">
        <v>20</v>
      </c>
      <c r="D15" s="5">
        <v>42</v>
      </c>
    </row>
    <row r="16" spans="1:4" ht="18" customHeight="1" x14ac:dyDescent="0.15">
      <c r="A16" s="8" t="s">
        <v>24</v>
      </c>
      <c r="B16" s="21">
        <v>120</v>
      </c>
      <c r="C16" s="6">
        <v>90</v>
      </c>
      <c r="D16" s="5">
        <v>210</v>
      </c>
    </row>
    <row r="17" spans="1:4" ht="18" customHeight="1" x14ac:dyDescent="0.15">
      <c r="A17" s="8">
        <v>10</v>
      </c>
      <c r="B17" s="21">
        <v>31</v>
      </c>
      <c r="C17" s="6">
        <v>22</v>
      </c>
      <c r="D17" s="5">
        <v>53</v>
      </c>
    </row>
    <row r="18" spans="1:4" ht="18" customHeight="1" x14ac:dyDescent="0.15">
      <c r="A18" s="8">
        <v>11</v>
      </c>
      <c r="B18" s="21">
        <v>32</v>
      </c>
      <c r="C18" s="6">
        <v>19</v>
      </c>
      <c r="D18" s="5">
        <v>51</v>
      </c>
    </row>
    <row r="19" spans="1:4" ht="18" customHeight="1" x14ac:dyDescent="0.15">
      <c r="A19" s="8">
        <v>12</v>
      </c>
      <c r="B19" s="21">
        <v>21</v>
      </c>
      <c r="C19" s="6">
        <v>20</v>
      </c>
      <c r="D19" s="5">
        <v>41</v>
      </c>
    </row>
    <row r="20" spans="1:4" ht="18" customHeight="1" x14ac:dyDescent="0.15">
      <c r="A20" s="8">
        <v>13</v>
      </c>
      <c r="B20" s="21">
        <v>32</v>
      </c>
      <c r="C20" s="6">
        <v>18</v>
      </c>
      <c r="D20" s="5">
        <v>50</v>
      </c>
    </row>
    <row r="21" spans="1:4" ht="18" customHeight="1" x14ac:dyDescent="0.15">
      <c r="A21" s="8">
        <v>14</v>
      </c>
      <c r="B21" s="21">
        <v>30</v>
      </c>
      <c r="C21" s="6">
        <v>35</v>
      </c>
      <c r="D21" s="5">
        <v>65</v>
      </c>
    </row>
    <row r="22" spans="1:4" ht="18" customHeight="1" x14ac:dyDescent="0.15">
      <c r="A22" s="8" t="s">
        <v>23</v>
      </c>
      <c r="B22" s="21">
        <v>146</v>
      </c>
      <c r="C22" s="6">
        <v>114</v>
      </c>
      <c r="D22" s="5">
        <v>260</v>
      </c>
    </row>
    <row r="23" spans="1:4" ht="18" customHeight="1" x14ac:dyDescent="0.15">
      <c r="A23" s="8" t="s">
        <v>22</v>
      </c>
      <c r="B23" s="21">
        <v>338</v>
      </c>
      <c r="C23" s="6">
        <v>269</v>
      </c>
      <c r="D23" s="5">
        <v>607</v>
      </c>
    </row>
    <row r="24" spans="1:4" ht="18" customHeight="1" x14ac:dyDescent="0.15">
      <c r="A24" s="8">
        <v>15</v>
      </c>
      <c r="B24" s="21">
        <v>41</v>
      </c>
      <c r="C24" s="6">
        <v>41</v>
      </c>
      <c r="D24" s="5">
        <v>82</v>
      </c>
    </row>
    <row r="25" spans="1:4" ht="18" customHeight="1" x14ac:dyDescent="0.15">
      <c r="A25" s="8">
        <v>16</v>
      </c>
      <c r="B25" s="21">
        <v>45</v>
      </c>
      <c r="C25" s="6">
        <v>40</v>
      </c>
      <c r="D25" s="5">
        <v>85</v>
      </c>
    </row>
    <row r="26" spans="1:4" ht="18" customHeight="1" x14ac:dyDescent="0.15">
      <c r="A26" s="8">
        <v>17</v>
      </c>
      <c r="B26" s="21">
        <v>30</v>
      </c>
      <c r="C26" s="6">
        <v>37</v>
      </c>
      <c r="D26" s="5">
        <v>67</v>
      </c>
    </row>
    <row r="27" spans="1:4" ht="18" customHeight="1" x14ac:dyDescent="0.15">
      <c r="A27" s="8">
        <v>18</v>
      </c>
      <c r="B27" s="21">
        <v>39</v>
      </c>
      <c r="C27" s="6">
        <v>40</v>
      </c>
      <c r="D27" s="5">
        <v>79</v>
      </c>
    </row>
    <row r="28" spans="1:4" ht="18" customHeight="1" x14ac:dyDescent="0.15">
      <c r="A28" s="8">
        <v>19</v>
      </c>
      <c r="B28" s="21">
        <v>40</v>
      </c>
      <c r="C28" s="6">
        <v>35</v>
      </c>
      <c r="D28" s="5">
        <v>75</v>
      </c>
    </row>
    <row r="29" spans="1:4" ht="18" customHeight="1" x14ac:dyDescent="0.15">
      <c r="A29" s="8" t="s">
        <v>21</v>
      </c>
      <c r="B29" s="21">
        <v>195</v>
      </c>
      <c r="C29" s="6">
        <v>193</v>
      </c>
      <c r="D29" s="5">
        <v>388</v>
      </c>
    </row>
    <row r="30" spans="1:4" ht="18" customHeight="1" x14ac:dyDescent="0.15">
      <c r="A30" s="8">
        <v>20</v>
      </c>
      <c r="B30" s="21">
        <v>41</v>
      </c>
      <c r="C30" s="6">
        <v>39</v>
      </c>
      <c r="D30" s="5">
        <v>80</v>
      </c>
    </row>
    <row r="31" spans="1:4" ht="18" customHeight="1" x14ac:dyDescent="0.15">
      <c r="A31" s="8">
        <v>21</v>
      </c>
      <c r="B31" s="21">
        <v>43</v>
      </c>
      <c r="C31" s="6">
        <v>40</v>
      </c>
      <c r="D31" s="5">
        <v>83</v>
      </c>
    </row>
    <row r="32" spans="1:4" ht="18" customHeight="1" x14ac:dyDescent="0.15">
      <c r="A32" s="8">
        <v>22</v>
      </c>
      <c r="B32" s="21">
        <v>37</v>
      </c>
      <c r="C32" s="6">
        <v>24</v>
      </c>
      <c r="D32" s="5">
        <v>61</v>
      </c>
    </row>
    <row r="33" spans="1:4" ht="18" customHeight="1" x14ac:dyDescent="0.15">
      <c r="A33" s="8">
        <v>23</v>
      </c>
      <c r="B33" s="21">
        <v>32</v>
      </c>
      <c r="C33" s="6">
        <v>31</v>
      </c>
      <c r="D33" s="5">
        <v>63</v>
      </c>
    </row>
    <row r="34" spans="1:4" ht="18" customHeight="1" x14ac:dyDescent="0.15">
      <c r="A34" s="8">
        <v>24</v>
      </c>
      <c r="B34" s="21">
        <v>30</v>
      </c>
      <c r="C34" s="6">
        <v>29</v>
      </c>
      <c r="D34" s="5">
        <v>59</v>
      </c>
    </row>
    <row r="35" spans="1:4" ht="18" customHeight="1" x14ac:dyDescent="0.15">
      <c r="A35" s="8" t="s">
        <v>20</v>
      </c>
      <c r="B35" s="21">
        <v>183</v>
      </c>
      <c r="C35" s="6">
        <v>163</v>
      </c>
      <c r="D35" s="5">
        <v>346</v>
      </c>
    </row>
    <row r="36" spans="1:4" ht="18" customHeight="1" x14ac:dyDescent="0.15">
      <c r="A36" s="8">
        <v>25</v>
      </c>
      <c r="B36" s="21">
        <v>36</v>
      </c>
      <c r="C36" s="6">
        <v>26</v>
      </c>
      <c r="D36" s="5">
        <v>62</v>
      </c>
    </row>
    <row r="37" spans="1:4" ht="18" customHeight="1" x14ac:dyDescent="0.15">
      <c r="A37" s="8">
        <v>26</v>
      </c>
      <c r="B37" s="21">
        <v>21</v>
      </c>
      <c r="C37" s="6">
        <v>22</v>
      </c>
      <c r="D37" s="5">
        <v>43</v>
      </c>
    </row>
    <row r="38" spans="1:4" ht="18" customHeight="1" x14ac:dyDescent="0.15">
      <c r="A38" s="8">
        <v>27</v>
      </c>
      <c r="B38" s="21">
        <v>20</v>
      </c>
      <c r="C38" s="6">
        <v>18</v>
      </c>
      <c r="D38" s="5">
        <v>38</v>
      </c>
    </row>
    <row r="39" spans="1:4" ht="18" customHeight="1" x14ac:dyDescent="0.15">
      <c r="A39" s="8">
        <v>28</v>
      </c>
      <c r="B39" s="21">
        <v>30</v>
      </c>
      <c r="C39" s="6">
        <v>21</v>
      </c>
      <c r="D39" s="5">
        <v>51</v>
      </c>
    </row>
    <row r="40" spans="1:4" ht="18" customHeight="1" x14ac:dyDescent="0.15">
      <c r="A40" s="8">
        <v>29</v>
      </c>
      <c r="B40" s="21">
        <v>15</v>
      </c>
      <c r="C40" s="6">
        <v>23</v>
      </c>
      <c r="D40" s="5">
        <v>38</v>
      </c>
    </row>
    <row r="41" spans="1:4" ht="18" customHeight="1" x14ac:dyDescent="0.15">
      <c r="A41" s="8" t="s">
        <v>19</v>
      </c>
      <c r="B41" s="21">
        <v>122</v>
      </c>
      <c r="C41" s="6">
        <v>110</v>
      </c>
      <c r="D41" s="5">
        <v>232</v>
      </c>
    </row>
    <row r="42" spans="1:4" ht="18" customHeight="1" x14ac:dyDescent="0.15">
      <c r="A42" s="8">
        <v>30</v>
      </c>
      <c r="B42" s="21">
        <v>22</v>
      </c>
      <c r="C42" s="6">
        <v>24</v>
      </c>
      <c r="D42" s="5">
        <v>46</v>
      </c>
    </row>
    <row r="43" spans="1:4" ht="18" customHeight="1" x14ac:dyDescent="0.15">
      <c r="A43" s="8">
        <v>31</v>
      </c>
      <c r="B43" s="21">
        <v>17</v>
      </c>
      <c r="C43" s="6">
        <v>11</v>
      </c>
      <c r="D43" s="5">
        <v>28</v>
      </c>
    </row>
    <row r="44" spans="1:4" ht="18" customHeight="1" x14ac:dyDescent="0.15">
      <c r="A44" s="8">
        <v>32</v>
      </c>
      <c r="B44" s="21">
        <v>25</v>
      </c>
      <c r="C44" s="6">
        <v>17</v>
      </c>
      <c r="D44" s="5">
        <v>42</v>
      </c>
    </row>
    <row r="45" spans="1:4" ht="18" customHeight="1" x14ac:dyDescent="0.15">
      <c r="A45" s="8">
        <v>33</v>
      </c>
      <c r="B45" s="21">
        <v>32</v>
      </c>
      <c r="C45" s="6">
        <v>25</v>
      </c>
      <c r="D45" s="5">
        <v>57</v>
      </c>
    </row>
    <row r="46" spans="1:4" ht="18" customHeight="1" x14ac:dyDescent="0.15">
      <c r="A46" s="8">
        <v>34</v>
      </c>
      <c r="B46" s="21">
        <v>24</v>
      </c>
      <c r="C46" s="6">
        <v>24</v>
      </c>
      <c r="D46" s="5">
        <v>48</v>
      </c>
    </row>
    <row r="47" spans="1:4" ht="18" customHeight="1" x14ac:dyDescent="0.15">
      <c r="A47" s="8" t="s">
        <v>18</v>
      </c>
      <c r="B47" s="21">
        <v>120</v>
      </c>
      <c r="C47" s="6">
        <v>101</v>
      </c>
      <c r="D47" s="5">
        <v>221</v>
      </c>
    </row>
    <row r="48" spans="1:4" ht="18" customHeight="1" x14ac:dyDescent="0.15">
      <c r="A48" s="8">
        <v>35</v>
      </c>
      <c r="B48" s="21">
        <v>20</v>
      </c>
      <c r="C48" s="6">
        <v>25</v>
      </c>
      <c r="D48" s="5">
        <v>45</v>
      </c>
    </row>
    <row r="49" spans="1:4" ht="18" customHeight="1" x14ac:dyDescent="0.15">
      <c r="A49" s="8">
        <v>36</v>
      </c>
      <c r="B49" s="21">
        <v>29</v>
      </c>
      <c r="C49" s="6">
        <v>28</v>
      </c>
      <c r="D49" s="5">
        <v>57</v>
      </c>
    </row>
    <row r="50" spans="1:4" ht="18" customHeight="1" x14ac:dyDescent="0.15">
      <c r="A50" s="8">
        <v>37</v>
      </c>
      <c r="B50" s="21">
        <v>25</v>
      </c>
      <c r="C50" s="6">
        <v>23</v>
      </c>
      <c r="D50" s="5">
        <v>48</v>
      </c>
    </row>
    <row r="51" spans="1:4" ht="18" customHeight="1" x14ac:dyDescent="0.15">
      <c r="A51" s="8">
        <v>38</v>
      </c>
      <c r="B51" s="21">
        <v>27</v>
      </c>
      <c r="C51" s="6">
        <v>26</v>
      </c>
      <c r="D51" s="5">
        <v>53</v>
      </c>
    </row>
    <row r="52" spans="1:4" ht="18" customHeight="1" x14ac:dyDescent="0.15">
      <c r="A52" s="8">
        <v>39</v>
      </c>
      <c r="B52" s="21">
        <v>31</v>
      </c>
      <c r="C52" s="6">
        <v>29</v>
      </c>
      <c r="D52" s="5">
        <v>60</v>
      </c>
    </row>
    <row r="53" spans="1:4" ht="18" customHeight="1" x14ac:dyDescent="0.15">
      <c r="A53" s="8" t="s">
        <v>17</v>
      </c>
      <c r="B53" s="21">
        <v>132</v>
      </c>
      <c r="C53" s="6">
        <v>131</v>
      </c>
      <c r="D53" s="5">
        <v>263</v>
      </c>
    </row>
    <row r="54" spans="1:4" ht="18" customHeight="1" x14ac:dyDescent="0.15">
      <c r="A54" s="8">
        <v>40</v>
      </c>
      <c r="B54" s="21">
        <v>32</v>
      </c>
      <c r="C54" s="6">
        <v>46</v>
      </c>
      <c r="D54" s="5">
        <v>78</v>
      </c>
    </row>
    <row r="55" spans="1:4" ht="18" customHeight="1" x14ac:dyDescent="0.15">
      <c r="A55" s="8">
        <v>41</v>
      </c>
      <c r="B55" s="21">
        <v>36</v>
      </c>
      <c r="C55" s="6">
        <v>30</v>
      </c>
      <c r="D55" s="5">
        <v>66</v>
      </c>
    </row>
    <row r="56" spans="1:4" ht="18" customHeight="1" x14ac:dyDescent="0.15">
      <c r="A56" s="8">
        <v>42</v>
      </c>
      <c r="B56" s="21">
        <v>31</v>
      </c>
      <c r="C56" s="6">
        <v>24</v>
      </c>
      <c r="D56" s="5">
        <v>55</v>
      </c>
    </row>
    <row r="57" spans="1:4" ht="18" customHeight="1" x14ac:dyDescent="0.15">
      <c r="A57" s="8">
        <v>43</v>
      </c>
      <c r="B57" s="21">
        <v>38</v>
      </c>
      <c r="C57" s="6">
        <v>36</v>
      </c>
      <c r="D57" s="5">
        <v>74</v>
      </c>
    </row>
    <row r="58" spans="1:4" ht="18" customHeight="1" x14ac:dyDescent="0.15">
      <c r="A58" s="8">
        <v>44</v>
      </c>
      <c r="B58" s="21">
        <v>39</v>
      </c>
      <c r="C58" s="6">
        <v>37</v>
      </c>
      <c r="D58" s="5">
        <v>76</v>
      </c>
    </row>
    <row r="59" spans="1:4" ht="18" customHeight="1" x14ac:dyDescent="0.15">
      <c r="A59" s="8" t="s">
        <v>16</v>
      </c>
      <c r="B59" s="21">
        <v>176</v>
      </c>
      <c r="C59" s="6">
        <v>173</v>
      </c>
      <c r="D59" s="5">
        <v>349</v>
      </c>
    </row>
    <row r="60" spans="1:4" ht="18" customHeight="1" x14ac:dyDescent="0.15">
      <c r="A60" s="8">
        <v>45</v>
      </c>
      <c r="B60" s="21">
        <v>42</v>
      </c>
      <c r="C60" s="6">
        <v>29</v>
      </c>
      <c r="D60" s="5">
        <v>71</v>
      </c>
    </row>
    <row r="61" spans="1:4" ht="18" customHeight="1" x14ac:dyDescent="0.15">
      <c r="A61" s="8">
        <v>46</v>
      </c>
      <c r="B61" s="21">
        <v>44</v>
      </c>
      <c r="C61" s="6">
        <v>43</v>
      </c>
      <c r="D61" s="5">
        <v>87</v>
      </c>
    </row>
    <row r="62" spans="1:4" ht="18" customHeight="1" x14ac:dyDescent="0.15">
      <c r="A62" s="8">
        <v>47</v>
      </c>
      <c r="B62" s="21">
        <v>46</v>
      </c>
      <c r="C62" s="6">
        <v>40</v>
      </c>
      <c r="D62" s="5">
        <v>86</v>
      </c>
    </row>
    <row r="63" spans="1:4" ht="18" customHeight="1" x14ac:dyDescent="0.15">
      <c r="A63" s="8">
        <v>48</v>
      </c>
      <c r="B63" s="21">
        <v>58</v>
      </c>
      <c r="C63" s="6">
        <v>50</v>
      </c>
      <c r="D63" s="5">
        <v>108</v>
      </c>
    </row>
    <row r="64" spans="1:4" ht="18" customHeight="1" x14ac:dyDescent="0.15">
      <c r="A64" s="8">
        <v>49</v>
      </c>
      <c r="B64" s="21">
        <v>51</v>
      </c>
      <c r="C64" s="6">
        <v>52</v>
      </c>
      <c r="D64" s="5">
        <v>103</v>
      </c>
    </row>
    <row r="65" spans="1:4" ht="18" customHeight="1" x14ac:dyDescent="0.15">
      <c r="A65" s="8" t="s">
        <v>15</v>
      </c>
      <c r="B65" s="21">
        <v>241</v>
      </c>
      <c r="C65" s="6">
        <v>214</v>
      </c>
      <c r="D65" s="5">
        <v>455</v>
      </c>
    </row>
    <row r="66" spans="1:4" ht="18" customHeight="1" x14ac:dyDescent="0.15">
      <c r="A66" s="8">
        <v>50</v>
      </c>
      <c r="B66" s="21">
        <v>52</v>
      </c>
      <c r="C66" s="6">
        <v>50</v>
      </c>
      <c r="D66" s="5">
        <v>102</v>
      </c>
    </row>
    <row r="67" spans="1:4" ht="18" customHeight="1" x14ac:dyDescent="0.15">
      <c r="A67" s="8">
        <v>51</v>
      </c>
      <c r="B67" s="21">
        <v>69</v>
      </c>
      <c r="C67" s="6">
        <v>68</v>
      </c>
      <c r="D67" s="5">
        <v>137</v>
      </c>
    </row>
    <row r="68" spans="1:4" ht="18" customHeight="1" x14ac:dyDescent="0.15">
      <c r="A68" s="8">
        <v>52</v>
      </c>
      <c r="B68" s="21">
        <v>75</v>
      </c>
      <c r="C68" s="6">
        <v>88</v>
      </c>
      <c r="D68" s="5">
        <v>163</v>
      </c>
    </row>
    <row r="69" spans="1:4" ht="18" customHeight="1" x14ac:dyDescent="0.15">
      <c r="A69" s="8">
        <v>53</v>
      </c>
      <c r="B69" s="21">
        <v>74</v>
      </c>
      <c r="C69" s="6">
        <v>73</v>
      </c>
      <c r="D69" s="5">
        <v>147</v>
      </c>
    </row>
    <row r="70" spans="1:4" ht="18" customHeight="1" x14ac:dyDescent="0.15">
      <c r="A70" s="8">
        <v>54</v>
      </c>
      <c r="B70" s="21">
        <v>53</v>
      </c>
      <c r="C70" s="6">
        <v>67</v>
      </c>
      <c r="D70" s="5">
        <v>120</v>
      </c>
    </row>
    <row r="71" spans="1:4" ht="18" customHeight="1" x14ac:dyDescent="0.15">
      <c r="A71" s="8" t="s">
        <v>14</v>
      </c>
      <c r="B71" s="21">
        <v>323</v>
      </c>
      <c r="C71" s="6">
        <v>346</v>
      </c>
      <c r="D71" s="5">
        <v>669</v>
      </c>
    </row>
    <row r="72" spans="1:4" ht="18" customHeight="1" x14ac:dyDescent="0.15">
      <c r="A72" s="8">
        <v>55</v>
      </c>
      <c r="B72" s="21">
        <v>66</v>
      </c>
      <c r="C72" s="6">
        <v>55</v>
      </c>
      <c r="D72" s="5">
        <v>121</v>
      </c>
    </row>
    <row r="73" spans="1:4" ht="18" customHeight="1" x14ac:dyDescent="0.15">
      <c r="A73" s="8">
        <v>56</v>
      </c>
      <c r="B73" s="21">
        <v>60</v>
      </c>
      <c r="C73" s="6">
        <v>50</v>
      </c>
      <c r="D73" s="5">
        <v>110</v>
      </c>
    </row>
    <row r="74" spans="1:4" ht="18" customHeight="1" x14ac:dyDescent="0.15">
      <c r="A74" s="8">
        <v>57</v>
      </c>
      <c r="B74" s="21">
        <v>46</v>
      </c>
      <c r="C74" s="6">
        <v>39</v>
      </c>
      <c r="D74" s="5">
        <v>85</v>
      </c>
    </row>
    <row r="75" spans="1:4" ht="18" customHeight="1" x14ac:dyDescent="0.15">
      <c r="A75" s="8">
        <v>58</v>
      </c>
      <c r="B75" s="21">
        <v>59</v>
      </c>
      <c r="C75" s="6">
        <v>50</v>
      </c>
      <c r="D75" s="5">
        <v>109</v>
      </c>
    </row>
    <row r="76" spans="1:4" ht="18" customHeight="1" x14ac:dyDescent="0.15">
      <c r="A76" s="8">
        <v>59</v>
      </c>
      <c r="B76" s="21">
        <v>38</v>
      </c>
      <c r="C76" s="6">
        <v>35</v>
      </c>
      <c r="D76" s="5">
        <v>73</v>
      </c>
    </row>
    <row r="77" spans="1:4" ht="18" customHeight="1" x14ac:dyDescent="0.15">
      <c r="A77" s="8" t="s">
        <v>13</v>
      </c>
      <c r="B77" s="21">
        <v>269</v>
      </c>
      <c r="C77" s="6">
        <v>229</v>
      </c>
      <c r="D77" s="5">
        <v>498</v>
      </c>
    </row>
    <row r="78" spans="1:4" ht="18" customHeight="1" x14ac:dyDescent="0.15">
      <c r="A78" s="8">
        <v>60</v>
      </c>
      <c r="B78" s="21">
        <v>48</v>
      </c>
      <c r="C78" s="6">
        <v>53</v>
      </c>
      <c r="D78" s="5">
        <v>101</v>
      </c>
    </row>
    <row r="79" spans="1:4" ht="18" customHeight="1" x14ac:dyDescent="0.15">
      <c r="A79" s="8">
        <v>61</v>
      </c>
      <c r="B79" s="21">
        <v>47</v>
      </c>
      <c r="C79" s="6">
        <v>43</v>
      </c>
      <c r="D79" s="5">
        <v>90</v>
      </c>
    </row>
    <row r="80" spans="1:4" ht="18" customHeight="1" x14ac:dyDescent="0.15">
      <c r="A80" s="8">
        <v>62</v>
      </c>
      <c r="B80" s="21">
        <v>31</v>
      </c>
      <c r="C80" s="6">
        <v>35</v>
      </c>
      <c r="D80" s="5">
        <v>66</v>
      </c>
    </row>
    <row r="81" spans="1:4" ht="18" customHeight="1" x14ac:dyDescent="0.15">
      <c r="A81" s="8">
        <v>63</v>
      </c>
      <c r="B81" s="21">
        <v>39</v>
      </c>
      <c r="C81" s="6">
        <v>38</v>
      </c>
      <c r="D81" s="5">
        <v>77</v>
      </c>
    </row>
    <row r="82" spans="1:4" ht="18" customHeight="1" x14ac:dyDescent="0.15">
      <c r="A82" s="8">
        <v>64</v>
      </c>
      <c r="B82" s="21">
        <v>40</v>
      </c>
      <c r="C82" s="6">
        <v>35</v>
      </c>
      <c r="D82" s="5">
        <v>75</v>
      </c>
    </row>
    <row r="83" spans="1:4" ht="18" customHeight="1" x14ac:dyDescent="0.15">
      <c r="A83" s="8" t="s">
        <v>12</v>
      </c>
      <c r="B83" s="21">
        <v>205</v>
      </c>
      <c r="C83" s="6">
        <v>204</v>
      </c>
      <c r="D83" s="5">
        <v>409</v>
      </c>
    </row>
    <row r="84" spans="1:4" ht="18" customHeight="1" x14ac:dyDescent="0.15">
      <c r="A84" s="8" t="s">
        <v>11</v>
      </c>
      <c r="B84" s="21">
        <v>1966</v>
      </c>
      <c r="C84" s="6">
        <v>1864</v>
      </c>
      <c r="D84" s="5">
        <v>3830</v>
      </c>
    </row>
    <row r="85" spans="1:4" ht="18" customHeight="1" x14ac:dyDescent="0.15">
      <c r="A85" s="8">
        <v>65</v>
      </c>
      <c r="B85" s="21">
        <v>41</v>
      </c>
      <c r="C85" s="6">
        <v>36</v>
      </c>
      <c r="D85" s="5">
        <v>77</v>
      </c>
    </row>
    <row r="86" spans="1:4" ht="18" customHeight="1" x14ac:dyDescent="0.15">
      <c r="A86" s="8">
        <v>66</v>
      </c>
      <c r="B86" s="21">
        <v>33</v>
      </c>
      <c r="C86" s="6">
        <v>53</v>
      </c>
      <c r="D86" s="5">
        <v>86</v>
      </c>
    </row>
    <row r="87" spans="1:4" ht="18" customHeight="1" x14ac:dyDescent="0.15">
      <c r="A87" s="8">
        <v>67</v>
      </c>
      <c r="B87" s="21">
        <v>49</v>
      </c>
      <c r="C87" s="6">
        <v>44</v>
      </c>
      <c r="D87" s="5">
        <v>93</v>
      </c>
    </row>
    <row r="88" spans="1:4" ht="18" customHeight="1" x14ac:dyDescent="0.15">
      <c r="A88" s="8">
        <v>68</v>
      </c>
      <c r="B88" s="21">
        <v>48</v>
      </c>
      <c r="C88" s="6">
        <v>42</v>
      </c>
      <c r="D88" s="5">
        <v>90</v>
      </c>
    </row>
    <row r="89" spans="1:4" ht="18" customHeight="1" x14ac:dyDescent="0.15">
      <c r="A89" s="8">
        <v>69</v>
      </c>
      <c r="B89" s="21">
        <v>40</v>
      </c>
      <c r="C89" s="6">
        <v>42</v>
      </c>
      <c r="D89" s="5">
        <v>82</v>
      </c>
    </row>
    <row r="90" spans="1:4" ht="18" customHeight="1" x14ac:dyDescent="0.15">
      <c r="A90" s="8" t="s">
        <v>10</v>
      </c>
      <c r="B90" s="21">
        <v>211</v>
      </c>
      <c r="C90" s="6">
        <v>217</v>
      </c>
      <c r="D90" s="5">
        <v>428</v>
      </c>
    </row>
    <row r="91" spans="1:4" ht="18" customHeight="1" x14ac:dyDescent="0.15">
      <c r="A91" s="8">
        <v>70</v>
      </c>
      <c r="B91" s="21">
        <v>25</v>
      </c>
      <c r="C91" s="6">
        <v>49</v>
      </c>
      <c r="D91" s="5">
        <v>74</v>
      </c>
    </row>
    <row r="92" spans="1:4" ht="18" customHeight="1" x14ac:dyDescent="0.15">
      <c r="A92" s="8">
        <v>71</v>
      </c>
      <c r="B92" s="21">
        <v>47</v>
      </c>
      <c r="C92" s="6">
        <v>41</v>
      </c>
      <c r="D92" s="5">
        <v>88</v>
      </c>
    </row>
    <row r="93" spans="1:4" ht="18" customHeight="1" x14ac:dyDescent="0.15">
      <c r="A93" s="8">
        <v>72</v>
      </c>
      <c r="B93" s="21">
        <v>43</v>
      </c>
      <c r="C93" s="6">
        <v>43</v>
      </c>
      <c r="D93" s="5">
        <v>86</v>
      </c>
    </row>
    <row r="94" spans="1:4" ht="18" customHeight="1" x14ac:dyDescent="0.15">
      <c r="A94" s="8">
        <v>73</v>
      </c>
      <c r="B94" s="21">
        <v>49</v>
      </c>
      <c r="C94" s="6">
        <v>56</v>
      </c>
      <c r="D94" s="5">
        <v>105</v>
      </c>
    </row>
    <row r="95" spans="1:4" ht="18" customHeight="1" x14ac:dyDescent="0.15">
      <c r="A95" s="8">
        <v>74</v>
      </c>
      <c r="B95" s="21">
        <v>31</v>
      </c>
      <c r="C95" s="6">
        <v>48</v>
      </c>
      <c r="D95" s="5">
        <v>79</v>
      </c>
    </row>
    <row r="96" spans="1:4" ht="18" customHeight="1" x14ac:dyDescent="0.15">
      <c r="A96" s="8" t="s">
        <v>9</v>
      </c>
      <c r="B96" s="21">
        <v>195</v>
      </c>
      <c r="C96" s="6">
        <v>237</v>
      </c>
      <c r="D96" s="5">
        <v>432</v>
      </c>
    </row>
    <row r="97" spans="1:4" ht="18" customHeight="1" x14ac:dyDescent="0.15">
      <c r="A97" s="8">
        <v>75</v>
      </c>
      <c r="B97" s="21">
        <v>50</v>
      </c>
      <c r="C97" s="6">
        <v>51</v>
      </c>
      <c r="D97" s="5">
        <v>101</v>
      </c>
    </row>
    <row r="98" spans="1:4" ht="18" customHeight="1" x14ac:dyDescent="0.15">
      <c r="A98" s="8">
        <v>76</v>
      </c>
      <c r="B98" s="21">
        <v>58</v>
      </c>
      <c r="C98" s="6">
        <v>91</v>
      </c>
      <c r="D98" s="5">
        <v>149</v>
      </c>
    </row>
    <row r="99" spans="1:4" ht="18" customHeight="1" x14ac:dyDescent="0.15">
      <c r="A99" s="8">
        <v>77</v>
      </c>
      <c r="B99" s="21">
        <v>58</v>
      </c>
      <c r="C99" s="6">
        <v>65</v>
      </c>
      <c r="D99" s="5">
        <v>123</v>
      </c>
    </row>
    <row r="100" spans="1:4" ht="18" customHeight="1" x14ac:dyDescent="0.15">
      <c r="A100" s="8">
        <v>78</v>
      </c>
      <c r="B100" s="21">
        <v>56</v>
      </c>
      <c r="C100" s="6">
        <v>71</v>
      </c>
      <c r="D100" s="5">
        <v>127</v>
      </c>
    </row>
    <row r="101" spans="1:4" ht="18" customHeight="1" x14ac:dyDescent="0.15">
      <c r="A101" s="8">
        <v>79</v>
      </c>
      <c r="B101" s="21">
        <v>28</v>
      </c>
      <c r="C101" s="6">
        <v>33</v>
      </c>
      <c r="D101" s="5">
        <v>61</v>
      </c>
    </row>
    <row r="102" spans="1:4" ht="18" customHeight="1" x14ac:dyDescent="0.15">
      <c r="A102" s="8" t="s">
        <v>8</v>
      </c>
      <c r="B102" s="21">
        <v>250</v>
      </c>
      <c r="C102" s="6">
        <v>311</v>
      </c>
      <c r="D102" s="5">
        <v>561</v>
      </c>
    </row>
    <row r="103" spans="1:4" ht="18" customHeight="1" x14ac:dyDescent="0.15">
      <c r="A103" s="8">
        <v>80</v>
      </c>
      <c r="B103" s="21">
        <v>24</v>
      </c>
      <c r="C103" s="6">
        <v>43</v>
      </c>
      <c r="D103" s="5">
        <v>67</v>
      </c>
    </row>
    <row r="104" spans="1:4" ht="18" customHeight="1" x14ac:dyDescent="0.15">
      <c r="A104" s="8">
        <v>81</v>
      </c>
      <c r="B104" s="21">
        <v>36</v>
      </c>
      <c r="C104" s="6">
        <v>66</v>
      </c>
      <c r="D104" s="5">
        <v>102</v>
      </c>
    </row>
    <row r="105" spans="1:4" ht="18" customHeight="1" x14ac:dyDescent="0.15">
      <c r="A105" s="8">
        <v>82</v>
      </c>
      <c r="B105" s="21">
        <v>37</v>
      </c>
      <c r="C105" s="6">
        <v>54</v>
      </c>
      <c r="D105" s="5">
        <v>91</v>
      </c>
    </row>
    <row r="106" spans="1:4" ht="18" customHeight="1" x14ac:dyDescent="0.15">
      <c r="A106" s="8">
        <v>83</v>
      </c>
      <c r="B106" s="21">
        <v>30</v>
      </c>
      <c r="C106" s="6">
        <v>45</v>
      </c>
      <c r="D106" s="5">
        <v>75</v>
      </c>
    </row>
    <row r="107" spans="1:4" ht="18" customHeight="1" x14ac:dyDescent="0.15">
      <c r="A107" s="8">
        <v>84</v>
      </c>
      <c r="B107" s="21">
        <v>29</v>
      </c>
      <c r="C107" s="6">
        <v>35</v>
      </c>
      <c r="D107" s="5">
        <v>64</v>
      </c>
    </row>
    <row r="108" spans="1:4" ht="18" customHeight="1" x14ac:dyDescent="0.15">
      <c r="A108" s="8" t="s">
        <v>7</v>
      </c>
      <c r="B108" s="21">
        <v>156</v>
      </c>
      <c r="C108" s="6">
        <v>243</v>
      </c>
      <c r="D108" s="5">
        <v>399</v>
      </c>
    </row>
    <row r="109" spans="1:4" ht="18" customHeight="1" x14ac:dyDescent="0.15">
      <c r="A109" s="8">
        <v>85</v>
      </c>
      <c r="B109" s="21">
        <v>34</v>
      </c>
      <c r="C109" s="6">
        <v>42</v>
      </c>
      <c r="D109" s="5">
        <v>76</v>
      </c>
    </row>
    <row r="110" spans="1:4" ht="18" customHeight="1" x14ac:dyDescent="0.15">
      <c r="A110" s="8">
        <v>86</v>
      </c>
      <c r="B110" s="21">
        <v>28</v>
      </c>
      <c r="C110" s="6">
        <v>24</v>
      </c>
      <c r="D110" s="5">
        <v>52</v>
      </c>
    </row>
    <row r="111" spans="1:4" ht="18" customHeight="1" x14ac:dyDescent="0.15">
      <c r="A111" s="8">
        <v>87</v>
      </c>
      <c r="B111" s="21">
        <v>15</v>
      </c>
      <c r="C111" s="6">
        <v>25</v>
      </c>
      <c r="D111" s="5">
        <v>40</v>
      </c>
    </row>
    <row r="112" spans="1:4" ht="18" customHeight="1" x14ac:dyDescent="0.15">
      <c r="A112" s="8">
        <v>88</v>
      </c>
      <c r="B112" s="21">
        <v>19</v>
      </c>
      <c r="C112" s="6">
        <v>35</v>
      </c>
      <c r="D112" s="5">
        <v>54</v>
      </c>
    </row>
    <row r="113" spans="1:4" ht="18" customHeight="1" x14ac:dyDescent="0.15">
      <c r="A113" s="8">
        <v>89</v>
      </c>
      <c r="B113" s="21">
        <v>12</v>
      </c>
      <c r="C113" s="6">
        <v>32</v>
      </c>
      <c r="D113" s="5">
        <v>44</v>
      </c>
    </row>
    <row r="114" spans="1:4" ht="18" customHeight="1" x14ac:dyDescent="0.15">
      <c r="A114" s="8" t="s">
        <v>6</v>
      </c>
      <c r="B114" s="21">
        <v>108</v>
      </c>
      <c r="C114" s="6">
        <v>158</v>
      </c>
      <c r="D114" s="5">
        <v>266</v>
      </c>
    </row>
    <row r="115" spans="1:4" ht="18" customHeight="1" x14ac:dyDescent="0.15">
      <c r="A115" s="8">
        <v>90</v>
      </c>
      <c r="B115" s="21">
        <v>13</v>
      </c>
      <c r="C115" s="6">
        <v>31</v>
      </c>
      <c r="D115" s="5">
        <v>44</v>
      </c>
    </row>
    <row r="116" spans="1:4" ht="18" customHeight="1" x14ac:dyDescent="0.15">
      <c r="A116" s="8">
        <v>91</v>
      </c>
      <c r="B116" s="21">
        <v>8</v>
      </c>
      <c r="C116" s="6">
        <v>19</v>
      </c>
      <c r="D116" s="5">
        <v>27</v>
      </c>
    </row>
    <row r="117" spans="1:4" ht="18" customHeight="1" x14ac:dyDescent="0.15">
      <c r="A117" s="8">
        <v>92</v>
      </c>
      <c r="B117" s="21">
        <v>9</v>
      </c>
      <c r="C117" s="6">
        <v>21</v>
      </c>
      <c r="D117" s="5">
        <v>30</v>
      </c>
    </row>
    <row r="118" spans="1:4" ht="18" customHeight="1" x14ac:dyDescent="0.15">
      <c r="A118" s="8">
        <v>93</v>
      </c>
      <c r="B118" s="21">
        <v>5</v>
      </c>
      <c r="C118" s="6">
        <v>20</v>
      </c>
      <c r="D118" s="5">
        <v>25</v>
      </c>
    </row>
    <row r="119" spans="1:4" ht="18" customHeight="1" x14ac:dyDescent="0.15">
      <c r="A119" s="8">
        <v>94</v>
      </c>
      <c r="B119" s="21">
        <v>7</v>
      </c>
      <c r="C119" s="6">
        <v>8</v>
      </c>
      <c r="D119" s="5">
        <v>15</v>
      </c>
    </row>
    <row r="120" spans="1:4" ht="18" customHeight="1" x14ac:dyDescent="0.15">
      <c r="A120" s="8" t="s">
        <v>5</v>
      </c>
      <c r="B120" s="21">
        <v>42</v>
      </c>
      <c r="C120" s="6">
        <v>99</v>
      </c>
      <c r="D120" s="5">
        <v>141</v>
      </c>
    </row>
    <row r="121" spans="1:4" ht="18" customHeight="1" x14ac:dyDescent="0.15">
      <c r="A121" s="8">
        <v>95</v>
      </c>
      <c r="B121" s="21">
        <v>1</v>
      </c>
      <c r="C121" s="6">
        <v>8</v>
      </c>
      <c r="D121" s="5">
        <v>9</v>
      </c>
    </row>
    <row r="122" spans="1:4" ht="18" customHeight="1" x14ac:dyDescent="0.15">
      <c r="A122" s="8">
        <v>96</v>
      </c>
      <c r="B122" s="21">
        <v>2</v>
      </c>
      <c r="C122" s="6">
        <v>5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5</v>
      </c>
      <c r="C126" s="6">
        <v>21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7</v>
      </c>
      <c r="D129" s="5">
        <v>7</v>
      </c>
    </row>
    <row r="130" spans="1:4" ht="18" customHeight="1" x14ac:dyDescent="0.15">
      <c r="A130" s="8" t="s">
        <v>1</v>
      </c>
      <c r="B130" s="21">
        <v>967</v>
      </c>
      <c r="C130" s="6">
        <v>1293</v>
      </c>
      <c r="D130" s="5">
        <v>2260</v>
      </c>
    </row>
    <row r="131" spans="1:4" ht="18" customHeight="1" x14ac:dyDescent="0.15">
      <c r="A131" s="4" t="s">
        <v>0</v>
      </c>
      <c r="B131" s="20">
        <v>3271</v>
      </c>
      <c r="C131" s="2">
        <v>3426</v>
      </c>
      <c r="D131" s="1">
        <v>669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7872BE-C5B7-435A-9167-3CE7045987FB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6</v>
      </c>
      <c r="D5" s="10">
        <v>15</v>
      </c>
    </row>
    <row r="6" spans="1:4" ht="18" customHeight="1" x14ac:dyDescent="0.15">
      <c r="A6" s="8">
        <v>1</v>
      </c>
      <c r="B6" s="21">
        <v>9</v>
      </c>
      <c r="C6" s="6">
        <v>12</v>
      </c>
      <c r="D6" s="5">
        <v>21</v>
      </c>
    </row>
    <row r="7" spans="1:4" ht="18" customHeight="1" x14ac:dyDescent="0.15">
      <c r="A7" s="8">
        <v>2</v>
      </c>
      <c r="B7" s="21">
        <v>16</v>
      </c>
      <c r="C7" s="6">
        <v>10</v>
      </c>
      <c r="D7" s="5">
        <v>26</v>
      </c>
    </row>
    <row r="8" spans="1:4" ht="18" customHeight="1" x14ac:dyDescent="0.15">
      <c r="A8" s="8">
        <v>3</v>
      </c>
      <c r="B8" s="21">
        <v>14</v>
      </c>
      <c r="C8" s="6">
        <v>12</v>
      </c>
      <c r="D8" s="5">
        <v>26</v>
      </c>
    </row>
    <row r="9" spans="1:4" ht="18" customHeight="1" x14ac:dyDescent="0.15">
      <c r="A9" s="8">
        <v>4</v>
      </c>
      <c r="B9" s="21">
        <v>14</v>
      </c>
      <c r="C9" s="6">
        <v>13</v>
      </c>
      <c r="D9" s="5">
        <v>27</v>
      </c>
    </row>
    <row r="10" spans="1:4" ht="18" customHeight="1" x14ac:dyDescent="0.15">
      <c r="A10" s="8" t="s">
        <v>25</v>
      </c>
      <c r="B10" s="21">
        <v>62</v>
      </c>
      <c r="C10" s="6">
        <v>53</v>
      </c>
      <c r="D10" s="5">
        <v>115</v>
      </c>
    </row>
    <row r="11" spans="1:4" ht="18" customHeight="1" x14ac:dyDescent="0.15">
      <c r="A11" s="8">
        <v>5</v>
      </c>
      <c r="B11" s="21">
        <v>9</v>
      </c>
      <c r="C11" s="6">
        <v>16</v>
      </c>
      <c r="D11" s="5">
        <v>25</v>
      </c>
    </row>
    <row r="12" spans="1:4" ht="18" customHeight="1" x14ac:dyDescent="0.15">
      <c r="A12" s="8">
        <v>6</v>
      </c>
      <c r="B12" s="21">
        <v>18</v>
      </c>
      <c r="C12" s="6">
        <v>15</v>
      </c>
      <c r="D12" s="5">
        <v>33</v>
      </c>
    </row>
    <row r="13" spans="1:4" ht="18" customHeight="1" x14ac:dyDescent="0.15">
      <c r="A13" s="8">
        <v>7</v>
      </c>
      <c r="B13" s="21">
        <v>14</v>
      </c>
      <c r="C13" s="6">
        <v>12</v>
      </c>
      <c r="D13" s="5">
        <v>26</v>
      </c>
    </row>
    <row r="14" spans="1:4" ht="18" customHeight="1" x14ac:dyDescent="0.15">
      <c r="A14" s="8">
        <v>8</v>
      </c>
      <c r="B14" s="21">
        <v>20</v>
      </c>
      <c r="C14" s="6">
        <v>11</v>
      </c>
      <c r="D14" s="5">
        <v>31</v>
      </c>
    </row>
    <row r="15" spans="1:4" ht="18" customHeight="1" x14ac:dyDescent="0.15">
      <c r="A15" s="8">
        <v>9</v>
      </c>
      <c r="B15" s="21">
        <v>23</v>
      </c>
      <c r="C15" s="6">
        <v>14</v>
      </c>
      <c r="D15" s="5">
        <v>37</v>
      </c>
    </row>
    <row r="16" spans="1:4" ht="18" customHeight="1" x14ac:dyDescent="0.15">
      <c r="A16" s="8" t="s">
        <v>24</v>
      </c>
      <c r="B16" s="21">
        <v>84</v>
      </c>
      <c r="C16" s="6">
        <v>68</v>
      </c>
      <c r="D16" s="5">
        <v>152</v>
      </c>
    </row>
    <row r="17" spans="1:4" ht="18" customHeight="1" x14ac:dyDescent="0.15">
      <c r="A17" s="8">
        <v>10</v>
      </c>
      <c r="B17" s="21">
        <v>15</v>
      </c>
      <c r="C17" s="6">
        <v>24</v>
      </c>
      <c r="D17" s="5">
        <v>39</v>
      </c>
    </row>
    <row r="18" spans="1:4" ht="18" customHeight="1" x14ac:dyDescent="0.15">
      <c r="A18" s="8">
        <v>11</v>
      </c>
      <c r="B18" s="21">
        <v>24</v>
      </c>
      <c r="C18" s="6">
        <v>24</v>
      </c>
      <c r="D18" s="5">
        <v>48</v>
      </c>
    </row>
    <row r="19" spans="1:4" ht="18" customHeight="1" x14ac:dyDescent="0.15">
      <c r="A19" s="8">
        <v>12</v>
      </c>
      <c r="B19" s="21">
        <v>20</v>
      </c>
      <c r="C19" s="6">
        <v>16</v>
      </c>
      <c r="D19" s="5">
        <v>36</v>
      </c>
    </row>
    <row r="20" spans="1:4" ht="18" customHeight="1" x14ac:dyDescent="0.15">
      <c r="A20" s="8">
        <v>13</v>
      </c>
      <c r="B20" s="21">
        <v>27</v>
      </c>
      <c r="C20" s="6">
        <v>23</v>
      </c>
      <c r="D20" s="5">
        <v>50</v>
      </c>
    </row>
    <row r="21" spans="1:4" ht="18" customHeight="1" x14ac:dyDescent="0.15">
      <c r="A21" s="8">
        <v>14</v>
      </c>
      <c r="B21" s="21">
        <v>25</v>
      </c>
      <c r="C21" s="6">
        <v>25</v>
      </c>
      <c r="D21" s="5">
        <v>50</v>
      </c>
    </row>
    <row r="22" spans="1:4" ht="18" customHeight="1" x14ac:dyDescent="0.15">
      <c r="A22" s="8" t="s">
        <v>23</v>
      </c>
      <c r="B22" s="21">
        <v>111</v>
      </c>
      <c r="C22" s="6">
        <v>112</v>
      </c>
      <c r="D22" s="5">
        <v>223</v>
      </c>
    </row>
    <row r="23" spans="1:4" ht="18" customHeight="1" x14ac:dyDescent="0.15">
      <c r="A23" s="8" t="s">
        <v>22</v>
      </c>
      <c r="B23" s="21">
        <v>257</v>
      </c>
      <c r="C23" s="6">
        <v>233</v>
      </c>
      <c r="D23" s="5">
        <v>490</v>
      </c>
    </row>
    <row r="24" spans="1:4" ht="18" customHeight="1" x14ac:dyDescent="0.15">
      <c r="A24" s="8">
        <v>15</v>
      </c>
      <c r="B24" s="21">
        <v>27</v>
      </c>
      <c r="C24" s="6">
        <v>32</v>
      </c>
      <c r="D24" s="5">
        <v>59</v>
      </c>
    </row>
    <row r="25" spans="1:4" ht="18" customHeight="1" x14ac:dyDescent="0.15">
      <c r="A25" s="8">
        <v>16</v>
      </c>
      <c r="B25" s="21">
        <v>23</v>
      </c>
      <c r="C25" s="6">
        <v>25</v>
      </c>
      <c r="D25" s="5">
        <v>48</v>
      </c>
    </row>
    <row r="26" spans="1:4" ht="18" customHeight="1" x14ac:dyDescent="0.15">
      <c r="A26" s="8">
        <v>17</v>
      </c>
      <c r="B26" s="21">
        <v>23</v>
      </c>
      <c r="C26" s="6">
        <v>24</v>
      </c>
      <c r="D26" s="5">
        <v>47</v>
      </c>
    </row>
    <row r="27" spans="1:4" ht="18" customHeight="1" x14ac:dyDescent="0.15">
      <c r="A27" s="8">
        <v>18</v>
      </c>
      <c r="B27" s="21">
        <v>31</v>
      </c>
      <c r="C27" s="6">
        <v>31</v>
      </c>
      <c r="D27" s="5">
        <v>62</v>
      </c>
    </row>
    <row r="28" spans="1:4" ht="18" customHeight="1" x14ac:dyDescent="0.15">
      <c r="A28" s="8">
        <v>19</v>
      </c>
      <c r="B28" s="21">
        <v>25</v>
      </c>
      <c r="C28" s="6">
        <v>18</v>
      </c>
      <c r="D28" s="5">
        <v>43</v>
      </c>
    </row>
    <row r="29" spans="1:4" ht="18" customHeight="1" x14ac:dyDescent="0.15">
      <c r="A29" s="8" t="s">
        <v>21</v>
      </c>
      <c r="B29" s="21">
        <v>129</v>
      </c>
      <c r="C29" s="6">
        <v>130</v>
      </c>
      <c r="D29" s="5">
        <v>259</v>
      </c>
    </row>
    <row r="30" spans="1:4" ht="18" customHeight="1" x14ac:dyDescent="0.15">
      <c r="A30" s="8">
        <v>20</v>
      </c>
      <c r="B30" s="21">
        <v>24</v>
      </c>
      <c r="C30" s="6">
        <v>29</v>
      </c>
      <c r="D30" s="5">
        <v>53</v>
      </c>
    </row>
    <row r="31" spans="1:4" ht="18" customHeight="1" x14ac:dyDescent="0.15">
      <c r="A31" s="8">
        <v>21</v>
      </c>
      <c r="B31" s="21">
        <v>28</v>
      </c>
      <c r="C31" s="6">
        <v>19</v>
      </c>
      <c r="D31" s="5">
        <v>47</v>
      </c>
    </row>
    <row r="32" spans="1:4" ht="18" customHeight="1" x14ac:dyDescent="0.15">
      <c r="A32" s="8">
        <v>22</v>
      </c>
      <c r="B32" s="21">
        <v>21</v>
      </c>
      <c r="C32" s="6">
        <v>25</v>
      </c>
      <c r="D32" s="5">
        <v>46</v>
      </c>
    </row>
    <row r="33" spans="1:4" ht="18" customHeight="1" x14ac:dyDescent="0.15">
      <c r="A33" s="8">
        <v>23</v>
      </c>
      <c r="B33" s="21">
        <v>27</v>
      </c>
      <c r="C33" s="6">
        <v>14</v>
      </c>
      <c r="D33" s="5">
        <v>41</v>
      </c>
    </row>
    <row r="34" spans="1:4" ht="18" customHeight="1" x14ac:dyDescent="0.15">
      <c r="A34" s="8">
        <v>24</v>
      </c>
      <c r="B34" s="21">
        <v>28</v>
      </c>
      <c r="C34" s="6">
        <v>21</v>
      </c>
      <c r="D34" s="5">
        <v>49</v>
      </c>
    </row>
    <row r="35" spans="1:4" ht="18" customHeight="1" x14ac:dyDescent="0.15">
      <c r="A35" s="8" t="s">
        <v>20</v>
      </c>
      <c r="B35" s="21">
        <v>128</v>
      </c>
      <c r="C35" s="6">
        <v>108</v>
      </c>
      <c r="D35" s="5">
        <v>236</v>
      </c>
    </row>
    <row r="36" spans="1:4" ht="18" customHeight="1" x14ac:dyDescent="0.15">
      <c r="A36" s="8">
        <v>25</v>
      </c>
      <c r="B36" s="21">
        <v>17</v>
      </c>
      <c r="C36" s="6">
        <v>14</v>
      </c>
      <c r="D36" s="5">
        <v>31</v>
      </c>
    </row>
    <row r="37" spans="1:4" ht="18" customHeight="1" x14ac:dyDescent="0.15">
      <c r="A37" s="8">
        <v>26</v>
      </c>
      <c r="B37" s="21">
        <v>17</v>
      </c>
      <c r="C37" s="6">
        <v>15</v>
      </c>
      <c r="D37" s="5">
        <v>32</v>
      </c>
    </row>
    <row r="38" spans="1:4" ht="18" customHeight="1" x14ac:dyDescent="0.15">
      <c r="A38" s="8">
        <v>27</v>
      </c>
      <c r="B38" s="21">
        <v>20</v>
      </c>
      <c r="C38" s="6">
        <v>17</v>
      </c>
      <c r="D38" s="5">
        <v>37</v>
      </c>
    </row>
    <row r="39" spans="1:4" ht="18" customHeight="1" x14ac:dyDescent="0.15">
      <c r="A39" s="8">
        <v>28</v>
      </c>
      <c r="B39" s="21">
        <v>21</v>
      </c>
      <c r="C39" s="6">
        <v>16</v>
      </c>
      <c r="D39" s="5">
        <v>37</v>
      </c>
    </row>
    <row r="40" spans="1:4" ht="18" customHeight="1" x14ac:dyDescent="0.15">
      <c r="A40" s="8">
        <v>29</v>
      </c>
      <c r="B40" s="21">
        <v>23</v>
      </c>
      <c r="C40" s="6">
        <v>16</v>
      </c>
      <c r="D40" s="5">
        <v>39</v>
      </c>
    </row>
    <row r="41" spans="1:4" ht="18" customHeight="1" x14ac:dyDescent="0.15">
      <c r="A41" s="8" t="s">
        <v>19</v>
      </c>
      <c r="B41" s="21">
        <v>98</v>
      </c>
      <c r="C41" s="6">
        <v>78</v>
      </c>
      <c r="D41" s="5">
        <v>176</v>
      </c>
    </row>
    <row r="42" spans="1:4" ht="18" customHeight="1" x14ac:dyDescent="0.15">
      <c r="A42" s="8">
        <v>30</v>
      </c>
      <c r="B42" s="21">
        <v>18</v>
      </c>
      <c r="C42" s="6">
        <v>15</v>
      </c>
      <c r="D42" s="5">
        <v>33</v>
      </c>
    </row>
    <row r="43" spans="1:4" ht="18" customHeight="1" x14ac:dyDescent="0.15">
      <c r="A43" s="8">
        <v>31</v>
      </c>
      <c r="B43" s="21">
        <v>16</v>
      </c>
      <c r="C43" s="6">
        <v>18</v>
      </c>
      <c r="D43" s="5">
        <v>34</v>
      </c>
    </row>
    <row r="44" spans="1:4" ht="18" customHeight="1" x14ac:dyDescent="0.15">
      <c r="A44" s="8">
        <v>32</v>
      </c>
      <c r="B44" s="21">
        <v>22</v>
      </c>
      <c r="C44" s="6">
        <v>16</v>
      </c>
      <c r="D44" s="5">
        <v>38</v>
      </c>
    </row>
    <row r="45" spans="1:4" ht="18" customHeight="1" x14ac:dyDescent="0.15">
      <c r="A45" s="8">
        <v>33</v>
      </c>
      <c r="B45" s="21">
        <v>15</v>
      </c>
      <c r="C45" s="6">
        <v>14</v>
      </c>
      <c r="D45" s="5">
        <v>29</v>
      </c>
    </row>
    <row r="46" spans="1:4" ht="18" customHeight="1" x14ac:dyDescent="0.15">
      <c r="A46" s="8">
        <v>34</v>
      </c>
      <c r="B46" s="21">
        <v>26</v>
      </c>
      <c r="C46" s="6">
        <v>19</v>
      </c>
      <c r="D46" s="5">
        <v>45</v>
      </c>
    </row>
    <row r="47" spans="1:4" ht="18" customHeight="1" x14ac:dyDescent="0.15">
      <c r="A47" s="8" t="s">
        <v>18</v>
      </c>
      <c r="B47" s="21">
        <v>97</v>
      </c>
      <c r="C47" s="6">
        <v>82</v>
      </c>
      <c r="D47" s="5">
        <v>179</v>
      </c>
    </row>
    <row r="48" spans="1:4" ht="18" customHeight="1" x14ac:dyDescent="0.15">
      <c r="A48" s="8">
        <v>35</v>
      </c>
      <c r="B48" s="21">
        <v>14</v>
      </c>
      <c r="C48" s="6">
        <v>12</v>
      </c>
      <c r="D48" s="5">
        <v>26</v>
      </c>
    </row>
    <row r="49" spans="1:4" ht="18" customHeight="1" x14ac:dyDescent="0.15">
      <c r="A49" s="8">
        <v>36</v>
      </c>
      <c r="B49" s="21">
        <v>15</v>
      </c>
      <c r="C49" s="6">
        <v>19</v>
      </c>
      <c r="D49" s="5">
        <v>34</v>
      </c>
    </row>
    <row r="50" spans="1:4" ht="18" customHeight="1" x14ac:dyDescent="0.15">
      <c r="A50" s="8">
        <v>37</v>
      </c>
      <c r="B50" s="21">
        <v>20</v>
      </c>
      <c r="C50" s="6">
        <v>26</v>
      </c>
      <c r="D50" s="5">
        <v>46</v>
      </c>
    </row>
    <row r="51" spans="1:4" ht="18" customHeight="1" x14ac:dyDescent="0.15">
      <c r="A51" s="8">
        <v>38</v>
      </c>
      <c r="B51" s="21">
        <v>24</v>
      </c>
      <c r="C51" s="6">
        <v>22</v>
      </c>
      <c r="D51" s="5">
        <v>46</v>
      </c>
    </row>
    <row r="52" spans="1:4" ht="18" customHeight="1" x14ac:dyDescent="0.15">
      <c r="A52" s="8">
        <v>39</v>
      </c>
      <c r="B52" s="21">
        <v>30</v>
      </c>
      <c r="C52" s="6">
        <v>20</v>
      </c>
      <c r="D52" s="5">
        <v>50</v>
      </c>
    </row>
    <row r="53" spans="1:4" ht="18" customHeight="1" x14ac:dyDescent="0.15">
      <c r="A53" s="8" t="s">
        <v>17</v>
      </c>
      <c r="B53" s="21">
        <v>103</v>
      </c>
      <c r="C53" s="6">
        <v>99</v>
      </c>
      <c r="D53" s="5">
        <v>202</v>
      </c>
    </row>
    <row r="54" spans="1:4" ht="18" customHeight="1" x14ac:dyDescent="0.15">
      <c r="A54" s="8">
        <v>40</v>
      </c>
      <c r="B54" s="21">
        <v>24</v>
      </c>
      <c r="C54" s="6">
        <v>27</v>
      </c>
      <c r="D54" s="5">
        <v>51</v>
      </c>
    </row>
    <row r="55" spans="1:4" ht="18" customHeight="1" x14ac:dyDescent="0.15">
      <c r="A55" s="8">
        <v>41</v>
      </c>
      <c r="B55" s="21">
        <v>22</v>
      </c>
      <c r="C55" s="6">
        <v>26</v>
      </c>
      <c r="D55" s="5">
        <v>48</v>
      </c>
    </row>
    <row r="56" spans="1:4" ht="18" customHeight="1" x14ac:dyDescent="0.15">
      <c r="A56" s="8">
        <v>42</v>
      </c>
      <c r="B56" s="21">
        <v>27</v>
      </c>
      <c r="C56" s="6">
        <v>27</v>
      </c>
      <c r="D56" s="5">
        <v>54</v>
      </c>
    </row>
    <row r="57" spans="1:4" ht="18" customHeight="1" x14ac:dyDescent="0.15">
      <c r="A57" s="8">
        <v>43</v>
      </c>
      <c r="B57" s="21">
        <v>31</v>
      </c>
      <c r="C57" s="6">
        <v>31</v>
      </c>
      <c r="D57" s="5">
        <v>62</v>
      </c>
    </row>
    <row r="58" spans="1:4" ht="18" customHeight="1" x14ac:dyDescent="0.15">
      <c r="A58" s="8">
        <v>44</v>
      </c>
      <c r="B58" s="21">
        <v>33</v>
      </c>
      <c r="C58" s="6">
        <v>33</v>
      </c>
      <c r="D58" s="5">
        <v>66</v>
      </c>
    </row>
    <row r="59" spans="1:4" ht="18" customHeight="1" x14ac:dyDescent="0.15">
      <c r="A59" s="8" t="s">
        <v>16</v>
      </c>
      <c r="B59" s="21">
        <v>137</v>
      </c>
      <c r="C59" s="6">
        <v>144</v>
      </c>
      <c r="D59" s="5">
        <v>281</v>
      </c>
    </row>
    <row r="60" spans="1:4" ht="18" customHeight="1" x14ac:dyDescent="0.15">
      <c r="A60" s="8">
        <v>45</v>
      </c>
      <c r="B60" s="21">
        <v>41</v>
      </c>
      <c r="C60" s="6">
        <v>32</v>
      </c>
      <c r="D60" s="5">
        <v>73</v>
      </c>
    </row>
    <row r="61" spans="1:4" ht="18" customHeight="1" x14ac:dyDescent="0.15">
      <c r="A61" s="8">
        <v>46</v>
      </c>
      <c r="B61" s="21">
        <v>31</v>
      </c>
      <c r="C61" s="6">
        <v>43</v>
      </c>
      <c r="D61" s="5">
        <v>74</v>
      </c>
    </row>
    <row r="62" spans="1:4" ht="18" customHeight="1" x14ac:dyDescent="0.15">
      <c r="A62" s="8">
        <v>47</v>
      </c>
      <c r="B62" s="21">
        <v>53</v>
      </c>
      <c r="C62" s="6">
        <v>42</v>
      </c>
      <c r="D62" s="5">
        <v>95</v>
      </c>
    </row>
    <row r="63" spans="1:4" ht="18" customHeight="1" x14ac:dyDescent="0.15">
      <c r="A63" s="8">
        <v>48</v>
      </c>
      <c r="B63" s="21">
        <v>47</v>
      </c>
      <c r="C63" s="6">
        <v>28</v>
      </c>
      <c r="D63" s="5">
        <v>75</v>
      </c>
    </row>
    <row r="64" spans="1:4" ht="18" customHeight="1" x14ac:dyDescent="0.15">
      <c r="A64" s="8">
        <v>49</v>
      </c>
      <c r="B64" s="21">
        <v>36</v>
      </c>
      <c r="C64" s="6">
        <v>32</v>
      </c>
      <c r="D64" s="5">
        <v>68</v>
      </c>
    </row>
    <row r="65" spans="1:4" ht="18" customHeight="1" x14ac:dyDescent="0.15">
      <c r="A65" s="8" t="s">
        <v>15</v>
      </c>
      <c r="B65" s="21">
        <v>208</v>
      </c>
      <c r="C65" s="6">
        <v>177</v>
      </c>
      <c r="D65" s="5">
        <v>385</v>
      </c>
    </row>
    <row r="66" spans="1:4" ht="18" customHeight="1" x14ac:dyDescent="0.15">
      <c r="A66" s="8">
        <v>50</v>
      </c>
      <c r="B66" s="21">
        <v>55</v>
      </c>
      <c r="C66" s="6">
        <v>40</v>
      </c>
      <c r="D66" s="5">
        <v>95</v>
      </c>
    </row>
    <row r="67" spans="1:4" ht="18" customHeight="1" x14ac:dyDescent="0.15">
      <c r="A67" s="8">
        <v>51</v>
      </c>
      <c r="B67" s="21">
        <v>45</v>
      </c>
      <c r="C67" s="6">
        <v>52</v>
      </c>
      <c r="D67" s="5">
        <v>97</v>
      </c>
    </row>
    <row r="68" spans="1:4" ht="18" customHeight="1" x14ac:dyDescent="0.15">
      <c r="A68" s="8">
        <v>52</v>
      </c>
      <c r="B68" s="21">
        <v>52</v>
      </c>
      <c r="C68" s="6">
        <v>46</v>
      </c>
      <c r="D68" s="5">
        <v>98</v>
      </c>
    </row>
    <row r="69" spans="1:4" ht="18" customHeight="1" x14ac:dyDescent="0.15">
      <c r="A69" s="8">
        <v>53</v>
      </c>
      <c r="B69" s="21">
        <v>48</v>
      </c>
      <c r="C69" s="6">
        <v>56</v>
      </c>
      <c r="D69" s="5">
        <v>104</v>
      </c>
    </row>
    <row r="70" spans="1:4" ht="18" customHeight="1" x14ac:dyDescent="0.15">
      <c r="A70" s="8">
        <v>54</v>
      </c>
      <c r="B70" s="21">
        <v>42</v>
      </c>
      <c r="C70" s="6">
        <v>54</v>
      </c>
      <c r="D70" s="5">
        <v>96</v>
      </c>
    </row>
    <row r="71" spans="1:4" ht="18" customHeight="1" x14ac:dyDescent="0.15">
      <c r="A71" s="8" t="s">
        <v>14</v>
      </c>
      <c r="B71" s="21">
        <v>242</v>
      </c>
      <c r="C71" s="6">
        <v>248</v>
      </c>
      <c r="D71" s="5">
        <v>490</v>
      </c>
    </row>
    <row r="72" spans="1:4" ht="18" customHeight="1" x14ac:dyDescent="0.15">
      <c r="A72" s="8">
        <v>55</v>
      </c>
      <c r="B72" s="21">
        <v>51</v>
      </c>
      <c r="C72" s="6">
        <v>56</v>
      </c>
      <c r="D72" s="5">
        <v>107</v>
      </c>
    </row>
    <row r="73" spans="1:4" ht="18" customHeight="1" x14ac:dyDescent="0.15">
      <c r="A73" s="8">
        <v>56</v>
      </c>
      <c r="B73" s="21">
        <v>57</v>
      </c>
      <c r="C73" s="6">
        <v>44</v>
      </c>
      <c r="D73" s="5">
        <v>101</v>
      </c>
    </row>
    <row r="74" spans="1:4" ht="18" customHeight="1" x14ac:dyDescent="0.15">
      <c r="A74" s="8">
        <v>57</v>
      </c>
      <c r="B74" s="21">
        <v>49</v>
      </c>
      <c r="C74" s="6">
        <v>33</v>
      </c>
      <c r="D74" s="5">
        <v>82</v>
      </c>
    </row>
    <row r="75" spans="1:4" ht="18" customHeight="1" x14ac:dyDescent="0.15">
      <c r="A75" s="8">
        <v>58</v>
      </c>
      <c r="B75" s="21">
        <v>43</v>
      </c>
      <c r="C75" s="6">
        <v>51</v>
      </c>
      <c r="D75" s="5">
        <v>94</v>
      </c>
    </row>
    <row r="76" spans="1:4" ht="18" customHeight="1" x14ac:dyDescent="0.15">
      <c r="A76" s="8">
        <v>59</v>
      </c>
      <c r="B76" s="21">
        <v>30</v>
      </c>
      <c r="C76" s="6">
        <v>35</v>
      </c>
      <c r="D76" s="5">
        <v>65</v>
      </c>
    </row>
    <row r="77" spans="1:4" ht="18" customHeight="1" x14ac:dyDescent="0.15">
      <c r="A77" s="8" t="s">
        <v>13</v>
      </c>
      <c r="B77" s="21">
        <v>230</v>
      </c>
      <c r="C77" s="6">
        <v>219</v>
      </c>
      <c r="D77" s="5">
        <v>449</v>
      </c>
    </row>
    <row r="78" spans="1:4" ht="18" customHeight="1" x14ac:dyDescent="0.15">
      <c r="A78" s="8">
        <v>60</v>
      </c>
      <c r="B78" s="21">
        <v>45</v>
      </c>
      <c r="C78" s="6">
        <v>38</v>
      </c>
      <c r="D78" s="5">
        <v>83</v>
      </c>
    </row>
    <row r="79" spans="1:4" ht="18" customHeight="1" x14ac:dyDescent="0.15">
      <c r="A79" s="8">
        <v>61</v>
      </c>
      <c r="B79" s="21">
        <v>34</v>
      </c>
      <c r="C79" s="6">
        <v>44</v>
      </c>
      <c r="D79" s="5">
        <v>78</v>
      </c>
    </row>
    <row r="80" spans="1:4" ht="18" customHeight="1" x14ac:dyDescent="0.15">
      <c r="A80" s="8">
        <v>62</v>
      </c>
      <c r="B80" s="21">
        <v>35</v>
      </c>
      <c r="C80" s="6">
        <v>44</v>
      </c>
      <c r="D80" s="5">
        <v>79</v>
      </c>
    </row>
    <row r="81" spans="1:4" ht="18" customHeight="1" x14ac:dyDescent="0.15">
      <c r="A81" s="8">
        <v>63</v>
      </c>
      <c r="B81" s="21">
        <v>34</v>
      </c>
      <c r="C81" s="6">
        <v>34</v>
      </c>
      <c r="D81" s="5">
        <v>68</v>
      </c>
    </row>
    <row r="82" spans="1:4" ht="18" customHeight="1" x14ac:dyDescent="0.15">
      <c r="A82" s="8">
        <v>64</v>
      </c>
      <c r="B82" s="21">
        <v>38</v>
      </c>
      <c r="C82" s="6">
        <v>43</v>
      </c>
      <c r="D82" s="5">
        <v>81</v>
      </c>
    </row>
    <row r="83" spans="1:4" ht="18" customHeight="1" x14ac:dyDescent="0.15">
      <c r="A83" s="8" t="s">
        <v>12</v>
      </c>
      <c r="B83" s="21">
        <v>186</v>
      </c>
      <c r="C83" s="6">
        <v>203</v>
      </c>
      <c r="D83" s="5">
        <v>389</v>
      </c>
    </row>
    <row r="84" spans="1:4" ht="18" customHeight="1" x14ac:dyDescent="0.15">
      <c r="A84" s="8" t="s">
        <v>11</v>
      </c>
      <c r="B84" s="21">
        <v>1558</v>
      </c>
      <c r="C84" s="6">
        <v>1488</v>
      </c>
      <c r="D84" s="5">
        <v>3046</v>
      </c>
    </row>
    <row r="85" spans="1:4" ht="18" customHeight="1" x14ac:dyDescent="0.15">
      <c r="A85" s="8">
        <v>65</v>
      </c>
      <c r="B85" s="21">
        <v>40</v>
      </c>
      <c r="C85" s="6">
        <v>38</v>
      </c>
      <c r="D85" s="5">
        <v>78</v>
      </c>
    </row>
    <row r="86" spans="1:4" ht="18" customHeight="1" x14ac:dyDescent="0.15">
      <c r="A86" s="8">
        <v>66</v>
      </c>
      <c r="B86" s="21">
        <v>22</v>
      </c>
      <c r="C86" s="6">
        <v>42</v>
      </c>
      <c r="D86" s="5">
        <v>64</v>
      </c>
    </row>
    <row r="87" spans="1:4" ht="18" customHeight="1" x14ac:dyDescent="0.15">
      <c r="A87" s="8">
        <v>67</v>
      </c>
      <c r="B87" s="21">
        <v>47</v>
      </c>
      <c r="C87" s="6">
        <v>39</v>
      </c>
      <c r="D87" s="5">
        <v>86</v>
      </c>
    </row>
    <row r="88" spans="1:4" ht="18" customHeight="1" x14ac:dyDescent="0.15">
      <c r="A88" s="8">
        <v>68</v>
      </c>
      <c r="B88" s="21">
        <v>36</v>
      </c>
      <c r="C88" s="6">
        <v>44</v>
      </c>
      <c r="D88" s="5">
        <v>80</v>
      </c>
    </row>
    <row r="89" spans="1:4" ht="18" customHeight="1" x14ac:dyDescent="0.15">
      <c r="A89" s="8">
        <v>69</v>
      </c>
      <c r="B89" s="21">
        <v>30</v>
      </c>
      <c r="C89" s="6">
        <v>38</v>
      </c>
      <c r="D89" s="5">
        <v>68</v>
      </c>
    </row>
    <row r="90" spans="1:4" ht="18" customHeight="1" x14ac:dyDescent="0.15">
      <c r="A90" s="8" t="s">
        <v>10</v>
      </c>
      <c r="B90" s="21">
        <v>175</v>
      </c>
      <c r="C90" s="6">
        <v>201</v>
      </c>
      <c r="D90" s="5">
        <v>376</v>
      </c>
    </row>
    <row r="91" spans="1:4" ht="18" customHeight="1" x14ac:dyDescent="0.15">
      <c r="A91" s="8">
        <v>70</v>
      </c>
      <c r="B91" s="21">
        <v>43</v>
      </c>
      <c r="C91" s="6">
        <v>49</v>
      </c>
      <c r="D91" s="5">
        <v>92</v>
      </c>
    </row>
    <row r="92" spans="1:4" ht="18" customHeight="1" x14ac:dyDescent="0.15">
      <c r="A92" s="8">
        <v>71</v>
      </c>
      <c r="B92" s="21">
        <v>28</v>
      </c>
      <c r="C92" s="6">
        <v>49</v>
      </c>
      <c r="D92" s="5">
        <v>77</v>
      </c>
    </row>
    <row r="93" spans="1:4" ht="18" customHeight="1" x14ac:dyDescent="0.15">
      <c r="A93" s="8">
        <v>72</v>
      </c>
      <c r="B93" s="21">
        <v>38</v>
      </c>
      <c r="C93" s="6">
        <v>64</v>
      </c>
      <c r="D93" s="5">
        <v>102</v>
      </c>
    </row>
    <row r="94" spans="1:4" ht="18" customHeight="1" x14ac:dyDescent="0.15">
      <c r="A94" s="8">
        <v>73</v>
      </c>
      <c r="B94" s="21">
        <v>54</v>
      </c>
      <c r="C94" s="6">
        <v>75</v>
      </c>
      <c r="D94" s="5">
        <v>129</v>
      </c>
    </row>
    <row r="95" spans="1:4" ht="18" customHeight="1" x14ac:dyDescent="0.15">
      <c r="A95" s="8">
        <v>74</v>
      </c>
      <c r="B95" s="21">
        <v>59</v>
      </c>
      <c r="C95" s="6">
        <v>65</v>
      </c>
      <c r="D95" s="5">
        <v>124</v>
      </c>
    </row>
    <row r="96" spans="1:4" ht="18" customHeight="1" x14ac:dyDescent="0.15">
      <c r="A96" s="8" t="s">
        <v>9</v>
      </c>
      <c r="B96" s="21">
        <v>222</v>
      </c>
      <c r="C96" s="6">
        <v>302</v>
      </c>
      <c r="D96" s="5">
        <v>524</v>
      </c>
    </row>
    <row r="97" spans="1:4" ht="18" customHeight="1" x14ac:dyDescent="0.15">
      <c r="A97" s="8">
        <v>75</v>
      </c>
      <c r="B97" s="21">
        <v>65</v>
      </c>
      <c r="C97" s="6">
        <v>69</v>
      </c>
      <c r="D97" s="5">
        <v>134</v>
      </c>
    </row>
    <row r="98" spans="1:4" ht="18" customHeight="1" x14ac:dyDescent="0.15">
      <c r="A98" s="8">
        <v>76</v>
      </c>
      <c r="B98" s="21">
        <v>82</v>
      </c>
      <c r="C98" s="6">
        <v>76</v>
      </c>
      <c r="D98" s="5">
        <v>158</v>
      </c>
    </row>
    <row r="99" spans="1:4" ht="18" customHeight="1" x14ac:dyDescent="0.15">
      <c r="A99" s="8">
        <v>77</v>
      </c>
      <c r="B99" s="21">
        <v>64</v>
      </c>
      <c r="C99" s="6">
        <v>65</v>
      </c>
      <c r="D99" s="5">
        <v>129</v>
      </c>
    </row>
    <row r="100" spans="1:4" ht="18" customHeight="1" x14ac:dyDescent="0.15">
      <c r="A100" s="8">
        <v>78</v>
      </c>
      <c r="B100" s="21">
        <v>69</v>
      </c>
      <c r="C100" s="6">
        <v>93</v>
      </c>
      <c r="D100" s="5">
        <v>162</v>
      </c>
    </row>
    <row r="101" spans="1:4" ht="18" customHeight="1" x14ac:dyDescent="0.15">
      <c r="A101" s="8">
        <v>79</v>
      </c>
      <c r="B101" s="21">
        <v>35</v>
      </c>
      <c r="C101" s="6">
        <v>50</v>
      </c>
      <c r="D101" s="5">
        <v>85</v>
      </c>
    </row>
    <row r="102" spans="1:4" ht="18" customHeight="1" x14ac:dyDescent="0.15">
      <c r="A102" s="8" t="s">
        <v>8</v>
      </c>
      <c r="B102" s="21">
        <v>315</v>
      </c>
      <c r="C102" s="6">
        <v>353</v>
      </c>
      <c r="D102" s="5">
        <v>668</v>
      </c>
    </row>
    <row r="103" spans="1:4" ht="18" customHeight="1" x14ac:dyDescent="0.15">
      <c r="A103" s="8">
        <v>80</v>
      </c>
      <c r="B103" s="21">
        <v>34</v>
      </c>
      <c r="C103" s="6">
        <v>55</v>
      </c>
      <c r="D103" s="5">
        <v>89</v>
      </c>
    </row>
    <row r="104" spans="1:4" ht="18" customHeight="1" x14ac:dyDescent="0.15">
      <c r="A104" s="8">
        <v>81</v>
      </c>
      <c r="B104" s="21">
        <v>53</v>
      </c>
      <c r="C104" s="6">
        <v>51</v>
      </c>
      <c r="D104" s="5">
        <v>104</v>
      </c>
    </row>
    <row r="105" spans="1:4" ht="18" customHeight="1" x14ac:dyDescent="0.15">
      <c r="A105" s="8">
        <v>82</v>
      </c>
      <c r="B105" s="21">
        <v>42</v>
      </c>
      <c r="C105" s="6">
        <v>35</v>
      </c>
      <c r="D105" s="5">
        <v>77</v>
      </c>
    </row>
    <row r="106" spans="1:4" ht="18" customHeight="1" x14ac:dyDescent="0.15">
      <c r="A106" s="8">
        <v>83</v>
      </c>
      <c r="B106" s="21">
        <v>42</v>
      </c>
      <c r="C106" s="6">
        <v>45</v>
      </c>
      <c r="D106" s="5">
        <v>87</v>
      </c>
    </row>
    <row r="107" spans="1:4" ht="18" customHeight="1" x14ac:dyDescent="0.15">
      <c r="A107" s="8">
        <v>84</v>
      </c>
      <c r="B107" s="21">
        <v>31</v>
      </c>
      <c r="C107" s="6">
        <v>55</v>
      </c>
      <c r="D107" s="5">
        <v>86</v>
      </c>
    </row>
    <row r="108" spans="1:4" ht="18" customHeight="1" x14ac:dyDescent="0.15">
      <c r="A108" s="8" t="s">
        <v>7</v>
      </c>
      <c r="B108" s="21">
        <v>202</v>
      </c>
      <c r="C108" s="6">
        <v>241</v>
      </c>
      <c r="D108" s="5">
        <v>443</v>
      </c>
    </row>
    <row r="109" spans="1:4" ht="18" customHeight="1" x14ac:dyDescent="0.15">
      <c r="A109" s="8">
        <v>85</v>
      </c>
      <c r="B109" s="21">
        <v>29</v>
      </c>
      <c r="C109" s="6">
        <v>42</v>
      </c>
      <c r="D109" s="5">
        <v>71</v>
      </c>
    </row>
    <row r="110" spans="1:4" ht="18" customHeight="1" x14ac:dyDescent="0.15">
      <c r="A110" s="8">
        <v>86</v>
      </c>
      <c r="B110" s="21">
        <v>25</v>
      </c>
      <c r="C110" s="6">
        <v>37</v>
      </c>
      <c r="D110" s="5">
        <v>62</v>
      </c>
    </row>
    <row r="111" spans="1:4" ht="18" customHeight="1" x14ac:dyDescent="0.15">
      <c r="A111" s="8">
        <v>87</v>
      </c>
      <c r="B111" s="21">
        <v>19</v>
      </c>
      <c r="C111" s="6">
        <v>19</v>
      </c>
      <c r="D111" s="5">
        <v>38</v>
      </c>
    </row>
    <row r="112" spans="1:4" ht="18" customHeight="1" x14ac:dyDescent="0.15">
      <c r="A112" s="8">
        <v>88</v>
      </c>
      <c r="B112" s="21">
        <v>18</v>
      </c>
      <c r="C112" s="6">
        <v>27</v>
      </c>
      <c r="D112" s="5">
        <v>45</v>
      </c>
    </row>
    <row r="113" spans="1:4" ht="18" customHeight="1" x14ac:dyDescent="0.15">
      <c r="A113" s="8">
        <v>89</v>
      </c>
      <c r="B113" s="21">
        <v>8</v>
      </c>
      <c r="C113" s="6">
        <v>25</v>
      </c>
      <c r="D113" s="5">
        <v>33</v>
      </c>
    </row>
    <row r="114" spans="1:4" ht="18" customHeight="1" x14ac:dyDescent="0.15">
      <c r="A114" s="8" t="s">
        <v>6</v>
      </c>
      <c r="B114" s="21">
        <v>99</v>
      </c>
      <c r="C114" s="6">
        <v>150</v>
      </c>
      <c r="D114" s="5">
        <v>249</v>
      </c>
    </row>
    <row r="115" spans="1:4" ht="18" customHeight="1" x14ac:dyDescent="0.15">
      <c r="A115" s="8">
        <v>90</v>
      </c>
      <c r="B115" s="21">
        <v>12</v>
      </c>
      <c r="C115" s="6">
        <v>23</v>
      </c>
      <c r="D115" s="5">
        <v>35</v>
      </c>
    </row>
    <row r="116" spans="1:4" ht="18" customHeight="1" x14ac:dyDescent="0.15">
      <c r="A116" s="8">
        <v>91</v>
      </c>
      <c r="B116" s="21">
        <v>6</v>
      </c>
      <c r="C116" s="6">
        <v>17</v>
      </c>
      <c r="D116" s="5">
        <v>23</v>
      </c>
    </row>
    <row r="117" spans="1:4" ht="18" customHeight="1" x14ac:dyDescent="0.15">
      <c r="A117" s="8">
        <v>92</v>
      </c>
      <c r="B117" s="21">
        <v>5</v>
      </c>
      <c r="C117" s="6">
        <v>12</v>
      </c>
      <c r="D117" s="5">
        <v>17</v>
      </c>
    </row>
    <row r="118" spans="1:4" ht="18" customHeight="1" x14ac:dyDescent="0.15">
      <c r="A118" s="8">
        <v>93</v>
      </c>
      <c r="B118" s="21">
        <v>4</v>
      </c>
      <c r="C118" s="6">
        <v>16</v>
      </c>
      <c r="D118" s="5">
        <v>20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29</v>
      </c>
      <c r="C120" s="6">
        <v>74</v>
      </c>
      <c r="D120" s="5">
        <v>103</v>
      </c>
    </row>
    <row r="121" spans="1:4" ht="18" customHeight="1" x14ac:dyDescent="0.15">
      <c r="A121" s="8">
        <v>95</v>
      </c>
      <c r="B121" s="21">
        <v>5</v>
      </c>
      <c r="C121" s="6">
        <v>16</v>
      </c>
      <c r="D121" s="5">
        <v>21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4</v>
      </c>
      <c r="C123" s="6">
        <v>8</v>
      </c>
      <c r="D123" s="5">
        <v>12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1</v>
      </c>
      <c r="C126" s="6">
        <v>35</v>
      </c>
      <c r="D126" s="5">
        <v>4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2</v>
      </c>
      <c r="C128" s="6">
        <v>3</v>
      </c>
      <c r="D128" s="5">
        <v>5</v>
      </c>
    </row>
    <row r="129" spans="1:4" ht="18" customHeight="1" x14ac:dyDescent="0.15">
      <c r="A129" s="8" t="s">
        <v>2</v>
      </c>
      <c r="B129" s="21">
        <v>2</v>
      </c>
      <c r="C129" s="6">
        <v>6</v>
      </c>
      <c r="D129" s="5">
        <v>8</v>
      </c>
    </row>
    <row r="130" spans="1:4" ht="18" customHeight="1" x14ac:dyDescent="0.15">
      <c r="A130" s="8" t="s">
        <v>1</v>
      </c>
      <c r="B130" s="21">
        <v>1055</v>
      </c>
      <c r="C130" s="6">
        <v>1362</v>
      </c>
      <c r="D130" s="5">
        <v>2417</v>
      </c>
    </row>
    <row r="131" spans="1:4" ht="18" customHeight="1" x14ac:dyDescent="0.15">
      <c r="A131" s="4" t="s">
        <v>0</v>
      </c>
      <c r="B131" s="20">
        <v>2870</v>
      </c>
      <c r="C131" s="2">
        <v>3083</v>
      </c>
      <c r="D131" s="1">
        <v>59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C07249-D7F9-48A4-B30E-F55FCDCE7A0D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6</v>
      </c>
      <c r="D5" s="10">
        <v>15</v>
      </c>
    </row>
    <row r="6" spans="1:4" ht="18" customHeight="1" x14ac:dyDescent="0.15">
      <c r="A6" s="8">
        <v>1</v>
      </c>
      <c r="B6" s="21">
        <v>7</v>
      </c>
      <c r="C6" s="6">
        <v>7</v>
      </c>
      <c r="D6" s="5">
        <v>14</v>
      </c>
    </row>
    <row r="7" spans="1:4" ht="18" customHeight="1" x14ac:dyDescent="0.15">
      <c r="A7" s="8">
        <v>2</v>
      </c>
      <c r="B7" s="21">
        <v>7</v>
      </c>
      <c r="C7" s="6">
        <v>10</v>
      </c>
      <c r="D7" s="5">
        <v>17</v>
      </c>
    </row>
    <row r="8" spans="1:4" ht="18" customHeight="1" x14ac:dyDescent="0.15">
      <c r="A8" s="8">
        <v>3</v>
      </c>
      <c r="B8" s="21">
        <v>7</v>
      </c>
      <c r="C8" s="6">
        <v>7</v>
      </c>
      <c r="D8" s="5">
        <v>14</v>
      </c>
    </row>
    <row r="9" spans="1:4" ht="18" customHeight="1" x14ac:dyDescent="0.15">
      <c r="A9" s="8">
        <v>4</v>
      </c>
      <c r="B9" s="21">
        <v>6</v>
      </c>
      <c r="C9" s="6">
        <v>7</v>
      </c>
      <c r="D9" s="5">
        <v>13</v>
      </c>
    </row>
    <row r="10" spans="1:4" ht="18" customHeight="1" x14ac:dyDescent="0.15">
      <c r="A10" s="8" t="s">
        <v>25</v>
      </c>
      <c r="B10" s="21">
        <v>36</v>
      </c>
      <c r="C10" s="6">
        <v>37</v>
      </c>
      <c r="D10" s="5">
        <v>73</v>
      </c>
    </row>
    <row r="11" spans="1:4" ht="18" customHeight="1" x14ac:dyDescent="0.15">
      <c r="A11" s="8">
        <v>5</v>
      </c>
      <c r="B11" s="21">
        <v>7</v>
      </c>
      <c r="C11" s="6">
        <v>5</v>
      </c>
      <c r="D11" s="5">
        <v>12</v>
      </c>
    </row>
    <row r="12" spans="1:4" ht="18" customHeight="1" x14ac:dyDescent="0.15">
      <c r="A12" s="8">
        <v>6</v>
      </c>
      <c r="B12" s="21">
        <v>11</v>
      </c>
      <c r="C12" s="6">
        <v>10</v>
      </c>
      <c r="D12" s="5">
        <v>21</v>
      </c>
    </row>
    <row r="13" spans="1:4" ht="18" customHeight="1" x14ac:dyDescent="0.15">
      <c r="A13" s="8">
        <v>7</v>
      </c>
      <c r="B13" s="21">
        <v>1</v>
      </c>
      <c r="C13" s="6">
        <v>5</v>
      </c>
      <c r="D13" s="5">
        <v>6</v>
      </c>
    </row>
    <row r="14" spans="1:4" ht="18" customHeight="1" x14ac:dyDescent="0.15">
      <c r="A14" s="8">
        <v>8</v>
      </c>
      <c r="B14" s="21">
        <v>8</v>
      </c>
      <c r="C14" s="6">
        <v>9</v>
      </c>
      <c r="D14" s="5">
        <v>17</v>
      </c>
    </row>
    <row r="15" spans="1:4" ht="18" customHeight="1" x14ac:dyDescent="0.15">
      <c r="A15" s="8">
        <v>9</v>
      </c>
      <c r="B15" s="21">
        <v>4</v>
      </c>
      <c r="C15" s="6">
        <v>3</v>
      </c>
      <c r="D15" s="5">
        <v>7</v>
      </c>
    </row>
    <row r="16" spans="1:4" ht="18" customHeight="1" x14ac:dyDescent="0.15">
      <c r="A16" s="8" t="s">
        <v>24</v>
      </c>
      <c r="B16" s="21">
        <v>31</v>
      </c>
      <c r="C16" s="6">
        <v>32</v>
      </c>
      <c r="D16" s="5">
        <v>63</v>
      </c>
    </row>
    <row r="17" spans="1:4" ht="18" customHeight="1" x14ac:dyDescent="0.15">
      <c r="A17" s="8">
        <v>10</v>
      </c>
      <c r="B17" s="21">
        <v>11</v>
      </c>
      <c r="C17" s="6">
        <v>2</v>
      </c>
      <c r="D17" s="5">
        <v>13</v>
      </c>
    </row>
    <row r="18" spans="1:4" ht="18" customHeight="1" x14ac:dyDescent="0.15">
      <c r="A18" s="8">
        <v>11</v>
      </c>
      <c r="B18" s="21">
        <v>10</v>
      </c>
      <c r="C18" s="6">
        <v>7</v>
      </c>
      <c r="D18" s="5">
        <v>17</v>
      </c>
    </row>
    <row r="19" spans="1:4" ht="18" customHeight="1" x14ac:dyDescent="0.15">
      <c r="A19" s="8">
        <v>12</v>
      </c>
      <c r="B19" s="21">
        <v>16</v>
      </c>
      <c r="C19" s="6">
        <v>10</v>
      </c>
      <c r="D19" s="5">
        <v>26</v>
      </c>
    </row>
    <row r="20" spans="1:4" ht="18" customHeight="1" x14ac:dyDescent="0.15">
      <c r="A20" s="8">
        <v>13</v>
      </c>
      <c r="B20" s="21">
        <v>11</v>
      </c>
      <c r="C20" s="6">
        <v>8</v>
      </c>
      <c r="D20" s="5">
        <v>19</v>
      </c>
    </row>
    <row r="21" spans="1:4" ht="18" customHeight="1" x14ac:dyDescent="0.15">
      <c r="A21" s="8">
        <v>14</v>
      </c>
      <c r="B21" s="21">
        <v>15</v>
      </c>
      <c r="C21" s="6">
        <v>9</v>
      </c>
      <c r="D21" s="5">
        <v>24</v>
      </c>
    </row>
    <row r="22" spans="1:4" ht="18" customHeight="1" x14ac:dyDescent="0.15">
      <c r="A22" s="8" t="s">
        <v>23</v>
      </c>
      <c r="B22" s="21">
        <v>63</v>
      </c>
      <c r="C22" s="6">
        <v>36</v>
      </c>
      <c r="D22" s="5">
        <v>99</v>
      </c>
    </row>
    <row r="23" spans="1:4" ht="18" customHeight="1" x14ac:dyDescent="0.15">
      <c r="A23" s="8" t="s">
        <v>22</v>
      </c>
      <c r="B23" s="21">
        <v>130</v>
      </c>
      <c r="C23" s="6">
        <v>105</v>
      </c>
      <c r="D23" s="5">
        <v>235</v>
      </c>
    </row>
    <row r="24" spans="1:4" ht="18" customHeight="1" x14ac:dyDescent="0.15">
      <c r="A24" s="8">
        <v>15</v>
      </c>
      <c r="B24" s="21">
        <v>14</v>
      </c>
      <c r="C24" s="6">
        <v>18</v>
      </c>
      <c r="D24" s="5">
        <v>32</v>
      </c>
    </row>
    <row r="25" spans="1:4" ht="18" customHeight="1" x14ac:dyDescent="0.15">
      <c r="A25" s="8">
        <v>16</v>
      </c>
      <c r="B25" s="21">
        <v>14</v>
      </c>
      <c r="C25" s="6">
        <v>9</v>
      </c>
      <c r="D25" s="5">
        <v>23</v>
      </c>
    </row>
    <row r="26" spans="1:4" ht="18" customHeight="1" x14ac:dyDescent="0.15">
      <c r="A26" s="8">
        <v>17</v>
      </c>
      <c r="B26" s="21">
        <v>16</v>
      </c>
      <c r="C26" s="6">
        <v>15</v>
      </c>
      <c r="D26" s="5">
        <v>31</v>
      </c>
    </row>
    <row r="27" spans="1:4" ht="18" customHeight="1" x14ac:dyDescent="0.15">
      <c r="A27" s="8">
        <v>18</v>
      </c>
      <c r="B27" s="21">
        <v>18</v>
      </c>
      <c r="C27" s="6">
        <v>16</v>
      </c>
      <c r="D27" s="5">
        <v>34</v>
      </c>
    </row>
    <row r="28" spans="1:4" ht="18" customHeight="1" x14ac:dyDescent="0.15">
      <c r="A28" s="8">
        <v>19</v>
      </c>
      <c r="B28" s="21">
        <v>17</v>
      </c>
      <c r="C28" s="6">
        <v>13</v>
      </c>
      <c r="D28" s="5">
        <v>30</v>
      </c>
    </row>
    <row r="29" spans="1:4" ht="18" customHeight="1" x14ac:dyDescent="0.15">
      <c r="A29" s="8" t="s">
        <v>21</v>
      </c>
      <c r="B29" s="21">
        <v>79</v>
      </c>
      <c r="C29" s="6">
        <v>71</v>
      </c>
      <c r="D29" s="5">
        <v>150</v>
      </c>
    </row>
    <row r="30" spans="1:4" ht="18" customHeight="1" x14ac:dyDescent="0.15">
      <c r="A30" s="8">
        <v>20</v>
      </c>
      <c r="B30" s="21">
        <v>22</v>
      </c>
      <c r="C30" s="6">
        <v>13</v>
      </c>
      <c r="D30" s="5">
        <v>35</v>
      </c>
    </row>
    <row r="31" spans="1:4" ht="18" customHeight="1" x14ac:dyDescent="0.15">
      <c r="A31" s="8">
        <v>21</v>
      </c>
      <c r="B31" s="21">
        <v>17</v>
      </c>
      <c r="C31" s="6">
        <v>15</v>
      </c>
      <c r="D31" s="5">
        <v>32</v>
      </c>
    </row>
    <row r="32" spans="1:4" ht="18" customHeight="1" x14ac:dyDescent="0.15">
      <c r="A32" s="8">
        <v>22</v>
      </c>
      <c r="B32" s="21">
        <v>22</v>
      </c>
      <c r="C32" s="6">
        <v>17</v>
      </c>
      <c r="D32" s="5">
        <v>39</v>
      </c>
    </row>
    <row r="33" spans="1:4" ht="18" customHeight="1" x14ac:dyDescent="0.15">
      <c r="A33" s="8">
        <v>23</v>
      </c>
      <c r="B33" s="21">
        <v>21</v>
      </c>
      <c r="C33" s="6">
        <v>18</v>
      </c>
      <c r="D33" s="5">
        <v>39</v>
      </c>
    </row>
    <row r="34" spans="1:4" ht="18" customHeight="1" x14ac:dyDescent="0.15">
      <c r="A34" s="8">
        <v>24</v>
      </c>
      <c r="B34" s="21">
        <v>19</v>
      </c>
      <c r="C34" s="6">
        <v>14</v>
      </c>
      <c r="D34" s="5">
        <v>33</v>
      </c>
    </row>
    <row r="35" spans="1:4" ht="18" customHeight="1" x14ac:dyDescent="0.15">
      <c r="A35" s="8" t="s">
        <v>20</v>
      </c>
      <c r="B35" s="21">
        <v>101</v>
      </c>
      <c r="C35" s="6">
        <v>77</v>
      </c>
      <c r="D35" s="5">
        <v>178</v>
      </c>
    </row>
    <row r="36" spans="1:4" ht="18" customHeight="1" x14ac:dyDescent="0.15">
      <c r="A36" s="8">
        <v>25</v>
      </c>
      <c r="B36" s="21">
        <v>28</v>
      </c>
      <c r="C36" s="6">
        <v>27</v>
      </c>
      <c r="D36" s="5">
        <v>55</v>
      </c>
    </row>
    <row r="37" spans="1:4" ht="18" customHeight="1" x14ac:dyDescent="0.15">
      <c r="A37" s="8">
        <v>26</v>
      </c>
      <c r="B37" s="21">
        <v>10</v>
      </c>
      <c r="C37" s="6">
        <v>17</v>
      </c>
      <c r="D37" s="5">
        <v>27</v>
      </c>
    </row>
    <row r="38" spans="1:4" ht="18" customHeight="1" x14ac:dyDescent="0.15">
      <c r="A38" s="8">
        <v>27</v>
      </c>
      <c r="B38" s="21">
        <v>15</v>
      </c>
      <c r="C38" s="6">
        <v>20</v>
      </c>
      <c r="D38" s="5">
        <v>35</v>
      </c>
    </row>
    <row r="39" spans="1:4" ht="18" customHeight="1" x14ac:dyDescent="0.15">
      <c r="A39" s="8">
        <v>28</v>
      </c>
      <c r="B39" s="21">
        <v>26</v>
      </c>
      <c r="C39" s="6">
        <v>10</v>
      </c>
      <c r="D39" s="5">
        <v>36</v>
      </c>
    </row>
    <row r="40" spans="1:4" ht="18" customHeight="1" x14ac:dyDescent="0.15">
      <c r="A40" s="8">
        <v>29</v>
      </c>
      <c r="B40" s="21">
        <v>13</v>
      </c>
      <c r="C40" s="6">
        <v>12</v>
      </c>
      <c r="D40" s="5">
        <v>25</v>
      </c>
    </row>
    <row r="41" spans="1:4" ht="18" customHeight="1" x14ac:dyDescent="0.15">
      <c r="A41" s="8" t="s">
        <v>19</v>
      </c>
      <c r="B41" s="21">
        <v>92</v>
      </c>
      <c r="C41" s="6">
        <v>86</v>
      </c>
      <c r="D41" s="5">
        <v>178</v>
      </c>
    </row>
    <row r="42" spans="1:4" ht="18" customHeight="1" x14ac:dyDescent="0.15">
      <c r="A42" s="8">
        <v>30</v>
      </c>
      <c r="B42" s="21">
        <v>17</v>
      </c>
      <c r="C42" s="6">
        <v>9</v>
      </c>
      <c r="D42" s="5">
        <v>26</v>
      </c>
    </row>
    <row r="43" spans="1:4" ht="18" customHeight="1" x14ac:dyDescent="0.15">
      <c r="A43" s="8">
        <v>31</v>
      </c>
      <c r="B43" s="21">
        <v>15</v>
      </c>
      <c r="C43" s="6">
        <v>13</v>
      </c>
      <c r="D43" s="5">
        <v>28</v>
      </c>
    </row>
    <row r="44" spans="1:4" ht="18" customHeight="1" x14ac:dyDescent="0.15">
      <c r="A44" s="8">
        <v>32</v>
      </c>
      <c r="B44" s="21">
        <v>18</v>
      </c>
      <c r="C44" s="6">
        <v>19</v>
      </c>
      <c r="D44" s="5">
        <v>37</v>
      </c>
    </row>
    <row r="45" spans="1:4" ht="18" customHeight="1" x14ac:dyDescent="0.15">
      <c r="A45" s="8">
        <v>33</v>
      </c>
      <c r="B45" s="21">
        <v>20</v>
      </c>
      <c r="C45" s="6">
        <v>12</v>
      </c>
      <c r="D45" s="5">
        <v>32</v>
      </c>
    </row>
    <row r="46" spans="1:4" ht="18" customHeight="1" x14ac:dyDescent="0.15">
      <c r="A46" s="8">
        <v>34</v>
      </c>
      <c r="B46" s="21">
        <v>15</v>
      </c>
      <c r="C46" s="6">
        <v>8</v>
      </c>
      <c r="D46" s="5">
        <v>23</v>
      </c>
    </row>
    <row r="47" spans="1:4" ht="18" customHeight="1" x14ac:dyDescent="0.15">
      <c r="A47" s="8" t="s">
        <v>18</v>
      </c>
      <c r="B47" s="21">
        <v>85</v>
      </c>
      <c r="C47" s="6">
        <v>61</v>
      </c>
      <c r="D47" s="5">
        <v>146</v>
      </c>
    </row>
    <row r="48" spans="1:4" ht="18" customHeight="1" x14ac:dyDescent="0.15">
      <c r="A48" s="8">
        <v>35</v>
      </c>
      <c r="B48" s="21">
        <v>17</v>
      </c>
      <c r="C48" s="6">
        <v>11</v>
      </c>
      <c r="D48" s="5">
        <v>28</v>
      </c>
    </row>
    <row r="49" spans="1:4" ht="18" customHeight="1" x14ac:dyDescent="0.15">
      <c r="A49" s="8">
        <v>36</v>
      </c>
      <c r="B49" s="21">
        <v>16</v>
      </c>
      <c r="C49" s="6">
        <v>9</v>
      </c>
      <c r="D49" s="5">
        <v>25</v>
      </c>
    </row>
    <row r="50" spans="1:4" ht="18" customHeight="1" x14ac:dyDescent="0.15">
      <c r="A50" s="8">
        <v>37</v>
      </c>
      <c r="B50" s="21">
        <v>15</v>
      </c>
      <c r="C50" s="6">
        <v>12</v>
      </c>
      <c r="D50" s="5">
        <v>27</v>
      </c>
    </row>
    <row r="51" spans="1:4" ht="18" customHeight="1" x14ac:dyDescent="0.15">
      <c r="A51" s="8">
        <v>38</v>
      </c>
      <c r="B51" s="21">
        <v>10</v>
      </c>
      <c r="C51" s="6">
        <v>15</v>
      </c>
      <c r="D51" s="5">
        <v>25</v>
      </c>
    </row>
    <row r="52" spans="1:4" ht="18" customHeight="1" x14ac:dyDescent="0.15">
      <c r="A52" s="8">
        <v>39</v>
      </c>
      <c r="B52" s="21">
        <v>14</v>
      </c>
      <c r="C52" s="6">
        <v>17</v>
      </c>
      <c r="D52" s="5">
        <v>31</v>
      </c>
    </row>
    <row r="53" spans="1:4" ht="18" customHeight="1" x14ac:dyDescent="0.15">
      <c r="A53" s="8" t="s">
        <v>17</v>
      </c>
      <c r="B53" s="21">
        <v>72</v>
      </c>
      <c r="C53" s="6">
        <v>64</v>
      </c>
      <c r="D53" s="5">
        <v>136</v>
      </c>
    </row>
    <row r="54" spans="1:4" ht="18" customHeight="1" x14ac:dyDescent="0.15">
      <c r="A54" s="8">
        <v>40</v>
      </c>
      <c r="B54" s="21">
        <v>12</v>
      </c>
      <c r="C54" s="6">
        <v>11</v>
      </c>
      <c r="D54" s="5">
        <v>23</v>
      </c>
    </row>
    <row r="55" spans="1:4" ht="18" customHeight="1" x14ac:dyDescent="0.15">
      <c r="A55" s="8">
        <v>41</v>
      </c>
      <c r="B55" s="21">
        <v>15</v>
      </c>
      <c r="C55" s="6">
        <v>16</v>
      </c>
      <c r="D55" s="5">
        <v>31</v>
      </c>
    </row>
    <row r="56" spans="1:4" ht="18" customHeight="1" x14ac:dyDescent="0.15">
      <c r="A56" s="8">
        <v>42</v>
      </c>
      <c r="B56" s="21">
        <v>13</v>
      </c>
      <c r="C56" s="6">
        <v>11</v>
      </c>
      <c r="D56" s="5">
        <v>24</v>
      </c>
    </row>
    <row r="57" spans="1:4" ht="18" customHeight="1" x14ac:dyDescent="0.15">
      <c r="A57" s="8">
        <v>43</v>
      </c>
      <c r="B57" s="21">
        <v>17</v>
      </c>
      <c r="C57" s="6">
        <v>21</v>
      </c>
      <c r="D57" s="5">
        <v>38</v>
      </c>
    </row>
    <row r="58" spans="1:4" ht="18" customHeight="1" x14ac:dyDescent="0.15">
      <c r="A58" s="8">
        <v>44</v>
      </c>
      <c r="B58" s="21">
        <v>19</v>
      </c>
      <c r="C58" s="6">
        <v>11</v>
      </c>
      <c r="D58" s="5">
        <v>30</v>
      </c>
    </row>
    <row r="59" spans="1:4" ht="18" customHeight="1" x14ac:dyDescent="0.15">
      <c r="A59" s="8" t="s">
        <v>16</v>
      </c>
      <c r="B59" s="21">
        <v>76</v>
      </c>
      <c r="C59" s="6">
        <v>70</v>
      </c>
      <c r="D59" s="5">
        <v>146</v>
      </c>
    </row>
    <row r="60" spans="1:4" ht="18" customHeight="1" x14ac:dyDescent="0.15">
      <c r="A60" s="8">
        <v>45</v>
      </c>
      <c r="B60" s="21">
        <v>11</v>
      </c>
      <c r="C60" s="6">
        <v>13</v>
      </c>
      <c r="D60" s="5">
        <v>24</v>
      </c>
    </row>
    <row r="61" spans="1:4" ht="18" customHeight="1" x14ac:dyDescent="0.15">
      <c r="A61" s="8">
        <v>46</v>
      </c>
      <c r="B61" s="21">
        <v>19</v>
      </c>
      <c r="C61" s="6">
        <v>13</v>
      </c>
      <c r="D61" s="5">
        <v>32</v>
      </c>
    </row>
    <row r="62" spans="1:4" ht="18" customHeight="1" x14ac:dyDescent="0.15">
      <c r="A62" s="8">
        <v>47</v>
      </c>
      <c r="B62" s="21">
        <v>25</v>
      </c>
      <c r="C62" s="6">
        <v>18</v>
      </c>
      <c r="D62" s="5">
        <v>43</v>
      </c>
    </row>
    <row r="63" spans="1:4" ht="18" customHeight="1" x14ac:dyDescent="0.15">
      <c r="A63" s="8">
        <v>48</v>
      </c>
      <c r="B63" s="21">
        <v>17</v>
      </c>
      <c r="C63" s="6">
        <v>22</v>
      </c>
      <c r="D63" s="5">
        <v>39</v>
      </c>
    </row>
    <row r="64" spans="1:4" ht="18" customHeight="1" x14ac:dyDescent="0.15">
      <c r="A64" s="8">
        <v>49</v>
      </c>
      <c r="B64" s="21">
        <v>22</v>
      </c>
      <c r="C64" s="6">
        <v>21</v>
      </c>
      <c r="D64" s="5">
        <v>43</v>
      </c>
    </row>
    <row r="65" spans="1:4" ht="18" customHeight="1" x14ac:dyDescent="0.15">
      <c r="A65" s="8" t="s">
        <v>15</v>
      </c>
      <c r="B65" s="21">
        <v>94</v>
      </c>
      <c r="C65" s="6">
        <v>87</v>
      </c>
      <c r="D65" s="5">
        <v>181</v>
      </c>
    </row>
    <row r="66" spans="1:4" ht="18" customHeight="1" x14ac:dyDescent="0.15">
      <c r="A66" s="8">
        <v>50</v>
      </c>
      <c r="B66" s="21">
        <v>31</v>
      </c>
      <c r="C66" s="6">
        <v>20</v>
      </c>
      <c r="D66" s="5">
        <v>51</v>
      </c>
    </row>
    <row r="67" spans="1:4" ht="18" customHeight="1" x14ac:dyDescent="0.15">
      <c r="A67" s="8">
        <v>51</v>
      </c>
      <c r="B67" s="21">
        <v>27</v>
      </c>
      <c r="C67" s="6">
        <v>30</v>
      </c>
      <c r="D67" s="5">
        <v>57</v>
      </c>
    </row>
    <row r="68" spans="1:4" ht="18" customHeight="1" x14ac:dyDescent="0.15">
      <c r="A68" s="8">
        <v>52</v>
      </c>
      <c r="B68" s="21">
        <v>27</v>
      </c>
      <c r="C68" s="6">
        <v>35</v>
      </c>
      <c r="D68" s="5">
        <v>62</v>
      </c>
    </row>
    <row r="69" spans="1:4" ht="18" customHeight="1" x14ac:dyDescent="0.15">
      <c r="A69" s="8">
        <v>53</v>
      </c>
      <c r="B69" s="21">
        <v>23</v>
      </c>
      <c r="C69" s="6">
        <v>40</v>
      </c>
      <c r="D69" s="5">
        <v>63</v>
      </c>
    </row>
    <row r="70" spans="1:4" ht="18" customHeight="1" x14ac:dyDescent="0.15">
      <c r="A70" s="8">
        <v>54</v>
      </c>
      <c r="B70" s="21">
        <v>35</v>
      </c>
      <c r="C70" s="6">
        <v>28</v>
      </c>
      <c r="D70" s="5">
        <v>63</v>
      </c>
    </row>
    <row r="71" spans="1:4" ht="18" customHeight="1" x14ac:dyDescent="0.15">
      <c r="A71" s="8" t="s">
        <v>14</v>
      </c>
      <c r="B71" s="21">
        <v>143</v>
      </c>
      <c r="C71" s="6">
        <v>153</v>
      </c>
      <c r="D71" s="5">
        <v>296</v>
      </c>
    </row>
    <row r="72" spans="1:4" ht="18" customHeight="1" x14ac:dyDescent="0.15">
      <c r="A72" s="8">
        <v>55</v>
      </c>
      <c r="B72" s="21">
        <v>36</v>
      </c>
      <c r="C72" s="6">
        <v>28</v>
      </c>
      <c r="D72" s="5">
        <v>64</v>
      </c>
    </row>
    <row r="73" spans="1:4" ht="18" customHeight="1" x14ac:dyDescent="0.15">
      <c r="A73" s="8">
        <v>56</v>
      </c>
      <c r="B73" s="21">
        <v>36</v>
      </c>
      <c r="C73" s="6">
        <v>38</v>
      </c>
      <c r="D73" s="5">
        <v>74</v>
      </c>
    </row>
    <row r="74" spans="1:4" ht="18" customHeight="1" x14ac:dyDescent="0.15">
      <c r="A74" s="8">
        <v>57</v>
      </c>
      <c r="B74" s="21">
        <v>23</v>
      </c>
      <c r="C74" s="6">
        <v>22</v>
      </c>
      <c r="D74" s="5">
        <v>45</v>
      </c>
    </row>
    <row r="75" spans="1:4" ht="18" customHeight="1" x14ac:dyDescent="0.15">
      <c r="A75" s="8">
        <v>58</v>
      </c>
      <c r="B75" s="21">
        <v>38</v>
      </c>
      <c r="C75" s="6">
        <v>30</v>
      </c>
      <c r="D75" s="5">
        <v>68</v>
      </c>
    </row>
    <row r="76" spans="1:4" ht="18" customHeight="1" x14ac:dyDescent="0.15">
      <c r="A76" s="8">
        <v>59</v>
      </c>
      <c r="B76" s="21">
        <v>19</v>
      </c>
      <c r="C76" s="6">
        <v>29</v>
      </c>
      <c r="D76" s="5">
        <v>48</v>
      </c>
    </row>
    <row r="77" spans="1:4" ht="18" customHeight="1" x14ac:dyDescent="0.15">
      <c r="A77" s="8" t="s">
        <v>13</v>
      </c>
      <c r="B77" s="21">
        <v>152</v>
      </c>
      <c r="C77" s="6">
        <v>147</v>
      </c>
      <c r="D77" s="5">
        <v>299</v>
      </c>
    </row>
    <row r="78" spans="1:4" ht="18" customHeight="1" x14ac:dyDescent="0.15">
      <c r="A78" s="8">
        <v>60</v>
      </c>
      <c r="B78" s="21">
        <v>24</v>
      </c>
      <c r="C78" s="6">
        <v>21</v>
      </c>
      <c r="D78" s="5">
        <v>45</v>
      </c>
    </row>
    <row r="79" spans="1:4" ht="18" customHeight="1" x14ac:dyDescent="0.15">
      <c r="A79" s="8">
        <v>61</v>
      </c>
      <c r="B79" s="21">
        <v>27</v>
      </c>
      <c r="C79" s="6">
        <v>25</v>
      </c>
      <c r="D79" s="5">
        <v>52</v>
      </c>
    </row>
    <row r="80" spans="1:4" ht="18" customHeight="1" x14ac:dyDescent="0.15">
      <c r="A80" s="8">
        <v>62</v>
      </c>
      <c r="B80" s="21">
        <v>21</v>
      </c>
      <c r="C80" s="6">
        <v>21</v>
      </c>
      <c r="D80" s="5">
        <v>42</v>
      </c>
    </row>
    <row r="81" spans="1:4" ht="18" customHeight="1" x14ac:dyDescent="0.15">
      <c r="A81" s="8">
        <v>63</v>
      </c>
      <c r="B81" s="21">
        <v>27</v>
      </c>
      <c r="C81" s="6">
        <v>25</v>
      </c>
      <c r="D81" s="5">
        <v>52</v>
      </c>
    </row>
    <row r="82" spans="1:4" ht="18" customHeight="1" x14ac:dyDescent="0.15">
      <c r="A82" s="8">
        <v>64</v>
      </c>
      <c r="B82" s="21">
        <v>19</v>
      </c>
      <c r="C82" s="6">
        <v>23</v>
      </c>
      <c r="D82" s="5">
        <v>42</v>
      </c>
    </row>
    <row r="83" spans="1:4" ht="18" customHeight="1" x14ac:dyDescent="0.15">
      <c r="A83" s="8" t="s">
        <v>12</v>
      </c>
      <c r="B83" s="21">
        <v>118</v>
      </c>
      <c r="C83" s="6">
        <v>115</v>
      </c>
      <c r="D83" s="5">
        <v>233</v>
      </c>
    </row>
    <row r="84" spans="1:4" ht="18" customHeight="1" x14ac:dyDescent="0.15">
      <c r="A84" s="8" t="s">
        <v>11</v>
      </c>
      <c r="B84" s="21">
        <v>1012</v>
      </c>
      <c r="C84" s="6">
        <v>931</v>
      </c>
      <c r="D84" s="5">
        <v>1943</v>
      </c>
    </row>
    <row r="85" spans="1:4" ht="18" customHeight="1" x14ac:dyDescent="0.15">
      <c r="A85" s="8">
        <v>65</v>
      </c>
      <c r="B85" s="21">
        <v>13</v>
      </c>
      <c r="C85" s="6">
        <v>15</v>
      </c>
      <c r="D85" s="5">
        <v>28</v>
      </c>
    </row>
    <row r="86" spans="1:4" ht="18" customHeight="1" x14ac:dyDescent="0.15">
      <c r="A86" s="8">
        <v>66</v>
      </c>
      <c r="B86" s="21">
        <v>25</v>
      </c>
      <c r="C86" s="6">
        <v>24</v>
      </c>
      <c r="D86" s="5">
        <v>49</v>
      </c>
    </row>
    <row r="87" spans="1:4" ht="18" customHeight="1" x14ac:dyDescent="0.15">
      <c r="A87" s="8">
        <v>67</v>
      </c>
      <c r="B87" s="21">
        <v>17</v>
      </c>
      <c r="C87" s="6">
        <v>22</v>
      </c>
      <c r="D87" s="5">
        <v>39</v>
      </c>
    </row>
    <row r="88" spans="1:4" ht="18" customHeight="1" x14ac:dyDescent="0.15">
      <c r="A88" s="8">
        <v>68</v>
      </c>
      <c r="B88" s="21">
        <v>26</v>
      </c>
      <c r="C88" s="6">
        <v>20</v>
      </c>
      <c r="D88" s="5">
        <v>46</v>
      </c>
    </row>
    <row r="89" spans="1:4" ht="18" customHeight="1" x14ac:dyDescent="0.15">
      <c r="A89" s="8">
        <v>69</v>
      </c>
      <c r="B89" s="21">
        <v>20</v>
      </c>
      <c r="C89" s="6">
        <v>23</v>
      </c>
      <c r="D89" s="5">
        <v>43</v>
      </c>
    </row>
    <row r="90" spans="1:4" ht="18" customHeight="1" x14ac:dyDescent="0.15">
      <c r="A90" s="8" t="s">
        <v>10</v>
      </c>
      <c r="B90" s="21">
        <v>101</v>
      </c>
      <c r="C90" s="6">
        <v>104</v>
      </c>
      <c r="D90" s="5">
        <v>205</v>
      </c>
    </row>
    <row r="91" spans="1:4" ht="18" customHeight="1" x14ac:dyDescent="0.15">
      <c r="A91" s="8">
        <v>70</v>
      </c>
      <c r="B91" s="21">
        <v>26</v>
      </c>
      <c r="C91" s="6">
        <v>17</v>
      </c>
      <c r="D91" s="5">
        <v>43</v>
      </c>
    </row>
    <row r="92" spans="1:4" ht="18" customHeight="1" x14ac:dyDescent="0.15">
      <c r="A92" s="8">
        <v>71</v>
      </c>
      <c r="B92" s="21">
        <v>17</v>
      </c>
      <c r="C92" s="6">
        <v>18</v>
      </c>
      <c r="D92" s="5">
        <v>35</v>
      </c>
    </row>
    <row r="93" spans="1:4" ht="18" customHeight="1" x14ac:dyDescent="0.15">
      <c r="A93" s="8">
        <v>72</v>
      </c>
      <c r="B93" s="21">
        <v>24</v>
      </c>
      <c r="C93" s="6">
        <v>23</v>
      </c>
      <c r="D93" s="5">
        <v>47</v>
      </c>
    </row>
    <row r="94" spans="1:4" ht="18" customHeight="1" x14ac:dyDescent="0.15">
      <c r="A94" s="8">
        <v>73</v>
      </c>
      <c r="B94" s="21">
        <v>19</v>
      </c>
      <c r="C94" s="6">
        <v>12</v>
      </c>
      <c r="D94" s="5">
        <v>31</v>
      </c>
    </row>
    <row r="95" spans="1:4" ht="18" customHeight="1" x14ac:dyDescent="0.15">
      <c r="A95" s="8">
        <v>74</v>
      </c>
      <c r="B95" s="21">
        <v>16</v>
      </c>
      <c r="C95" s="6">
        <v>16</v>
      </c>
      <c r="D95" s="5">
        <v>32</v>
      </c>
    </row>
    <row r="96" spans="1:4" ht="18" customHeight="1" x14ac:dyDescent="0.15">
      <c r="A96" s="8" t="s">
        <v>9</v>
      </c>
      <c r="B96" s="21">
        <v>102</v>
      </c>
      <c r="C96" s="6">
        <v>86</v>
      </c>
      <c r="D96" s="5">
        <v>188</v>
      </c>
    </row>
    <row r="97" spans="1:4" ht="18" customHeight="1" x14ac:dyDescent="0.15">
      <c r="A97" s="8">
        <v>75</v>
      </c>
      <c r="B97" s="21">
        <v>20</v>
      </c>
      <c r="C97" s="6">
        <v>24</v>
      </c>
      <c r="D97" s="5">
        <v>44</v>
      </c>
    </row>
    <row r="98" spans="1:4" ht="18" customHeight="1" x14ac:dyDescent="0.15">
      <c r="A98" s="8">
        <v>76</v>
      </c>
      <c r="B98" s="21">
        <v>22</v>
      </c>
      <c r="C98" s="6">
        <v>37</v>
      </c>
      <c r="D98" s="5">
        <v>59</v>
      </c>
    </row>
    <row r="99" spans="1:4" ht="18" customHeight="1" x14ac:dyDescent="0.15">
      <c r="A99" s="8">
        <v>77</v>
      </c>
      <c r="B99" s="21">
        <v>24</v>
      </c>
      <c r="C99" s="6">
        <v>27</v>
      </c>
      <c r="D99" s="5">
        <v>51</v>
      </c>
    </row>
    <row r="100" spans="1:4" ht="18" customHeight="1" x14ac:dyDescent="0.15">
      <c r="A100" s="8">
        <v>78</v>
      </c>
      <c r="B100" s="21">
        <v>28</v>
      </c>
      <c r="C100" s="6">
        <v>33</v>
      </c>
      <c r="D100" s="5">
        <v>61</v>
      </c>
    </row>
    <row r="101" spans="1:4" ht="18" customHeight="1" x14ac:dyDescent="0.15">
      <c r="A101" s="8">
        <v>79</v>
      </c>
      <c r="B101" s="21">
        <v>9</v>
      </c>
      <c r="C101" s="6">
        <v>21</v>
      </c>
      <c r="D101" s="5">
        <v>30</v>
      </c>
    </row>
    <row r="102" spans="1:4" ht="18" customHeight="1" x14ac:dyDescent="0.15">
      <c r="A102" s="8" t="s">
        <v>8</v>
      </c>
      <c r="B102" s="21">
        <v>103</v>
      </c>
      <c r="C102" s="6">
        <v>142</v>
      </c>
      <c r="D102" s="5">
        <v>245</v>
      </c>
    </row>
    <row r="103" spans="1:4" ht="18" customHeight="1" x14ac:dyDescent="0.15">
      <c r="A103" s="8">
        <v>80</v>
      </c>
      <c r="B103" s="21">
        <v>15</v>
      </c>
      <c r="C103" s="6">
        <v>28</v>
      </c>
      <c r="D103" s="5">
        <v>43</v>
      </c>
    </row>
    <row r="104" spans="1:4" ht="18" customHeight="1" x14ac:dyDescent="0.15">
      <c r="A104" s="8">
        <v>81</v>
      </c>
      <c r="B104" s="21">
        <v>18</v>
      </c>
      <c r="C104" s="6">
        <v>23</v>
      </c>
      <c r="D104" s="5">
        <v>41</v>
      </c>
    </row>
    <row r="105" spans="1:4" ht="18" customHeight="1" x14ac:dyDescent="0.15">
      <c r="A105" s="8">
        <v>82</v>
      </c>
      <c r="B105" s="21">
        <v>18</v>
      </c>
      <c r="C105" s="6">
        <v>20</v>
      </c>
      <c r="D105" s="5">
        <v>38</v>
      </c>
    </row>
    <row r="106" spans="1:4" ht="18" customHeight="1" x14ac:dyDescent="0.15">
      <c r="A106" s="8">
        <v>83</v>
      </c>
      <c r="B106" s="21">
        <v>15</v>
      </c>
      <c r="C106" s="6">
        <v>15</v>
      </c>
      <c r="D106" s="5">
        <v>30</v>
      </c>
    </row>
    <row r="107" spans="1:4" ht="18" customHeight="1" x14ac:dyDescent="0.15">
      <c r="A107" s="8">
        <v>84</v>
      </c>
      <c r="B107" s="21">
        <v>6</v>
      </c>
      <c r="C107" s="6">
        <v>18</v>
      </c>
      <c r="D107" s="5">
        <v>24</v>
      </c>
    </row>
    <row r="108" spans="1:4" ht="18" customHeight="1" x14ac:dyDescent="0.15">
      <c r="A108" s="8" t="s">
        <v>7</v>
      </c>
      <c r="B108" s="21">
        <v>72</v>
      </c>
      <c r="C108" s="6">
        <v>104</v>
      </c>
      <c r="D108" s="5">
        <v>176</v>
      </c>
    </row>
    <row r="109" spans="1:4" ht="18" customHeight="1" x14ac:dyDescent="0.15">
      <c r="A109" s="8">
        <v>85</v>
      </c>
      <c r="B109" s="21">
        <v>12</v>
      </c>
      <c r="C109" s="6">
        <v>14</v>
      </c>
      <c r="D109" s="5">
        <v>26</v>
      </c>
    </row>
    <row r="110" spans="1:4" ht="18" customHeight="1" x14ac:dyDescent="0.15">
      <c r="A110" s="8">
        <v>86</v>
      </c>
      <c r="B110" s="21">
        <v>7</v>
      </c>
      <c r="C110" s="6">
        <v>10</v>
      </c>
      <c r="D110" s="5">
        <v>17</v>
      </c>
    </row>
    <row r="111" spans="1:4" ht="18" customHeight="1" x14ac:dyDescent="0.15">
      <c r="A111" s="8">
        <v>87</v>
      </c>
      <c r="B111" s="21">
        <v>3</v>
      </c>
      <c r="C111" s="6">
        <v>15</v>
      </c>
      <c r="D111" s="5">
        <v>18</v>
      </c>
    </row>
    <row r="112" spans="1:4" ht="18" customHeight="1" x14ac:dyDescent="0.15">
      <c r="A112" s="8">
        <v>88</v>
      </c>
      <c r="B112" s="21">
        <v>7</v>
      </c>
      <c r="C112" s="6">
        <v>18</v>
      </c>
      <c r="D112" s="5">
        <v>25</v>
      </c>
    </row>
    <row r="113" spans="1:4" ht="18" customHeight="1" x14ac:dyDescent="0.15">
      <c r="A113" s="8">
        <v>89</v>
      </c>
      <c r="B113" s="21">
        <v>4</v>
      </c>
      <c r="C113" s="6">
        <v>12</v>
      </c>
      <c r="D113" s="5">
        <v>16</v>
      </c>
    </row>
    <row r="114" spans="1:4" ht="18" customHeight="1" x14ac:dyDescent="0.15">
      <c r="A114" s="8" t="s">
        <v>6</v>
      </c>
      <c r="B114" s="21">
        <v>33</v>
      </c>
      <c r="C114" s="6">
        <v>69</v>
      </c>
      <c r="D114" s="5">
        <v>102</v>
      </c>
    </row>
    <row r="115" spans="1:4" ht="18" customHeight="1" x14ac:dyDescent="0.15">
      <c r="A115" s="8">
        <v>90</v>
      </c>
      <c r="B115" s="21">
        <v>5</v>
      </c>
      <c r="C115" s="6">
        <v>12</v>
      </c>
      <c r="D115" s="5">
        <v>17</v>
      </c>
    </row>
    <row r="116" spans="1:4" ht="18" customHeight="1" x14ac:dyDescent="0.15">
      <c r="A116" s="8">
        <v>91</v>
      </c>
      <c r="B116" s="21">
        <v>1</v>
      </c>
      <c r="C116" s="6">
        <v>9</v>
      </c>
      <c r="D116" s="5">
        <v>10</v>
      </c>
    </row>
    <row r="117" spans="1:4" ht="18" customHeight="1" x14ac:dyDescent="0.15">
      <c r="A117" s="8">
        <v>92</v>
      </c>
      <c r="B117" s="21">
        <v>6</v>
      </c>
      <c r="C117" s="6">
        <v>12</v>
      </c>
      <c r="D117" s="5">
        <v>18</v>
      </c>
    </row>
    <row r="118" spans="1:4" ht="18" customHeight="1" x14ac:dyDescent="0.15">
      <c r="A118" s="8">
        <v>93</v>
      </c>
      <c r="B118" s="21">
        <v>2</v>
      </c>
      <c r="C118" s="6">
        <v>10</v>
      </c>
      <c r="D118" s="5">
        <v>12</v>
      </c>
    </row>
    <row r="119" spans="1:4" ht="18" customHeight="1" x14ac:dyDescent="0.15">
      <c r="A119" s="8">
        <v>94</v>
      </c>
      <c r="B119" s="21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21">
        <v>15</v>
      </c>
      <c r="C120" s="6">
        <v>49</v>
      </c>
      <c r="D120" s="5">
        <v>64</v>
      </c>
    </row>
    <row r="121" spans="1:4" ht="18" customHeight="1" x14ac:dyDescent="0.15">
      <c r="A121" s="8">
        <v>95</v>
      </c>
      <c r="B121" s="21">
        <v>1</v>
      </c>
      <c r="C121" s="6">
        <v>10</v>
      </c>
      <c r="D121" s="5">
        <v>11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4</v>
      </c>
      <c r="C126" s="6">
        <v>23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30</v>
      </c>
      <c r="C130" s="6">
        <v>581</v>
      </c>
      <c r="D130" s="5">
        <v>1011</v>
      </c>
    </row>
    <row r="131" spans="1:4" ht="18" customHeight="1" x14ac:dyDescent="0.15">
      <c r="A131" s="4" t="s">
        <v>0</v>
      </c>
      <c r="B131" s="20">
        <v>1572</v>
      </c>
      <c r="C131" s="2">
        <v>1617</v>
      </c>
      <c r="D131" s="1">
        <v>31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12B9E9-5E3C-4C2C-A1D1-60B04D5A2E9B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3</v>
      </c>
      <c r="D5" s="10">
        <v>7</v>
      </c>
    </row>
    <row r="6" spans="1:4" ht="18" customHeight="1" x14ac:dyDescent="0.15">
      <c r="A6" s="8">
        <v>1</v>
      </c>
      <c r="B6" s="21">
        <v>3</v>
      </c>
      <c r="C6" s="6">
        <v>4</v>
      </c>
      <c r="D6" s="5">
        <v>7</v>
      </c>
    </row>
    <row r="7" spans="1:4" ht="18" customHeight="1" x14ac:dyDescent="0.15">
      <c r="A7" s="8">
        <v>2</v>
      </c>
      <c r="B7" s="21">
        <v>5</v>
      </c>
      <c r="C7" s="6">
        <v>7</v>
      </c>
      <c r="D7" s="5">
        <v>12</v>
      </c>
    </row>
    <row r="8" spans="1:4" ht="18" customHeight="1" x14ac:dyDescent="0.15">
      <c r="A8" s="8">
        <v>3</v>
      </c>
      <c r="B8" s="21">
        <v>5</v>
      </c>
      <c r="C8" s="6">
        <v>2</v>
      </c>
      <c r="D8" s="5">
        <v>7</v>
      </c>
    </row>
    <row r="9" spans="1:4" ht="18" customHeight="1" x14ac:dyDescent="0.15">
      <c r="A9" s="8">
        <v>4</v>
      </c>
      <c r="B9" s="21">
        <v>5</v>
      </c>
      <c r="C9" s="6">
        <v>4</v>
      </c>
      <c r="D9" s="5">
        <v>9</v>
      </c>
    </row>
    <row r="10" spans="1:4" ht="18" customHeight="1" x14ac:dyDescent="0.15">
      <c r="A10" s="8" t="s">
        <v>25</v>
      </c>
      <c r="B10" s="21">
        <v>22</v>
      </c>
      <c r="C10" s="6">
        <v>20</v>
      </c>
      <c r="D10" s="5">
        <v>42</v>
      </c>
    </row>
    <row r="11" spans="1:4" ht="18" customHeight="1" x14ac:dyDescent="0.15">
      <c r="A11" s="8">
        <v>5</v>
      </c>
      <c r="B11" s="21">
        <v>5</v>
      </c>
      <c r="C11" s="6">
        <v>7</v>
      </c>
      <c r="D11" s="5">
        <v>12</v>
      </c>
    </row>
    <row r="12" spans="1:4" ht="18" customHeight="1" x14ac:dyDescent="0.15">
      <c r="A12" s="8">
        <v>6</v>
      </c>
      <c r="B12" s="21">
        <v>6</v>
      </c>
      <c r="C12" s="6">
        <v>4</v>
      </c>
      <c r="D12" s="5">
        <v>10</v>
      </c>
    </row>
    <row r="13" spans="1:4" ht="18" customHeight="1" x14ac:dyDescent="0.15">
      <c r="A13" s="8">
        <v>7</v>
      </c>
      <c r="B13" s="21">
        <v>8</v>
      </c>
      <c r="C13" s="6">
        <v>7</v>
      </c>
      <c r="D13" s="5">
        <v>15</v>
      </c>
    </row>
    <row r="14" spans="1:4" ht="18" customHeight="1" x14ac:dyDescent="0.15">
      <c r="A14" s="8">
        <v>8</v>
      </c>
      <c r="B14" s="21">
        <v>5</v>
      </c>
      <c r="C14" s="6">
        <v>4</v>
      </c>
      <c r="D14" s="5">
        <v>9</v>
      </c>
    </row>
    <row r="15" spans="1:4" ht="18" customHeight="1" x14ac:dyDescent="0.15">
      <c r="A15" s="8">
        <v>9</v>
      </c>
      <c r="B15" s="21">
        <v>4</v>
      </c>
      <c r="C15" s="6">
        <v>11</v>
      </c>
      <c r="D15" s="5">
        <v>15</v>
      </c>
    </row>
    <row r="16" spans="1:4" ht="18" customHeight="1" x14ac:dyDescent="0.15">
      <c r="A16" s="8" t="s">
        <v>24</v>
      </c>
      <c r="B16" s="21">
        <v>28</v>
      </c>
      <c r="C16" s="6">
        <v>33</v>
      </c>
      <c r="D16" s="5">
        <v>61</v>
      </c>
    </row>
    <row r="17" spans="1:4" ht="18" customHeight="1" x14ac:dyDescent="0.15">
      <c r="A17" s="8">
        <v>10</v>
      </c>
      <c r="B17" s="21">
        <v>8</v>
      </c>
      <c r="C17" s="6">
        <v>6</v>
      </c>
      <c r="D17" s="5">
        <v>14</v>
      </c>
    </row>
    <row r="18" spans="1:4" ht="18" customHeight="1" x14ac:dyDescent="0.15">
      <c r="A18" s="8">
        <v>11</v>
      </c>
      <c r="B18" s="21">
        <v>10</v>
      </c>
      <c r="C18" s="6">
        <v>4</v>
      </c>
      <c r="D18" s="5">
        <v>14</v>
      </c>
    </row>
    <row r="19" spans="1:4" ht="18" customHeight="1" x14ac:dyDescent="0.15">
      <c r="A19" s="8">
        <v>12</v>
      </c>
      <c r="B19" s="21">
        <v>6</v>
      </c>
      <c r="C19" s="6">
        <v>4</v>
      </c>
      <c r="D19" s="5">
        <v>10</v>
      </c>
    </row>
    <row r="20" spans="1:4" ht="18" customHeight="1" x14ac:dyDescent="0.15">
      <c r="A20" s="8">
        <v>13</v>
      </c>
      <c r="B20" s="21">
        <v>11</v>
      </c>
      <c r="C20" s="6">
        <v>4</v>
      </c>
      <c r="D20" s="5">
        <v>15</v>
      </c>
    </row>
    <row r="21" spans="1:4" ht="18" customHeight="1" x14ac:dyDescent="0.15">
      <c r="A21" s="8">
        <v>14</v>
      </c>
      <c r="B21" s="21">
        <v>9</v>
      </c>
      <c r="C21" s="6">
        <v>7</v>
      </c>
      <c r="D21" s="5">
        <v>16</v>
      </c>
    </row>
    <row r="22" spans="1:4" ht="18" customHeight="1" x14ac:dyDescent="0.15">
      <c r="A22" s="8" t="s">
        <v>23</v>
      </c>
      <c r="B22" s="21">
        <v>44</v>
      </c>
      <c r="C22" s="6">
        <v>25</v>
      </c>
      <c r="D22" s="5">
        <v>69</v>
      </c>
    </row>
    <row r="23" spans="1:4" ht="18" customHeight="1" x14ac:dyDescent="0.15">
      <c r="A23" s="8" t="s">
        <v>22</v>
      </c>
      <c r="B23" s="21">
        <v>94</v>
      </c>
      <c r="C23" s="6">
        <v>78</v>
      </c>
      <c r="D23" s="5">
        <v>172</v>
      </c>
    </row>
    <row r="24" spans="1:4" ht="18" customHeight="1" x14ac:dyDescent="0.15">
      <c r="A24" s="8">
        <v>15</v>
      </c>
      <c r="B24" s="21">
        <v>7</v>
      </c>
      <c r="C24" s="6">
        <v>7</v>
      </c>
      <c r="D24" s="5">
        <v>14</v>
      </c>
    </row>
    <row r="25" spans="1:4" ht="18" customHeight="1" x14ac:dyDescent="0.15">
      <c r="A25" s="8">
        <v>16</v>
      </c>
      <c r="B25" s="21">
        <v>8</v>
      </c>
      <c r="C25" s="6">
        <v>6</v>
      </c>
      <c r="D25" s="5">
        <v>14</v>
      </c>
    </row>
    <row r="26" spans="1:4" ht="18" customHeight="1" x14ac:dyDescent="0.15">
      <c r="A26" s="8">
        <v>17</v>
      </c>
      <c r="B26" s="21">
        <v>9</v>
      </c>
      <c r="C26" s="6">
        <v>12</v>
      </c>
      <c r="D26" s="5">
        <v>21</v>
      </c>
    </row>
    <row r="27" spans="1:4" ht="18" customHeight="1" x14ac:dyDescent="0.15">
      <c r="A27" s="8">
        <v>18</v>
      </c>
      <c r="B27" s="21">
        <v>9</v>
      </c>
      <c r="C27" s="6">
        <v>6</v>
      </c>
      <c r="D27" s="5">
        <v>15</v>
      </c>
    </row>
    <row r="28" spans="1:4" ht="18" customHeight="1" x14ac:dyDescent="0.15">
      <c r="A28" s="8">
        <v>19</v>
      </c>
      <c r="B28" s="21">
        <v>5</v>
      </c>
      <c r="C28" s="6">
        <v>12</v>
      </c>
      <c r="D28" s="5">
        <v>17</v>
      </c>
    </row>
    <row r="29" spans="1:4" ht="18" customHeight="1" x14ac:dyDescent="0.15">
      <c r="A29" s="8" t="s">
        <v>21</v>
      </c>
      <c r="B29" s="21">
        <v>38</v>
      </c>
      <c r="C29" s="6">
        <v>43</v>
      </c>
      <c r="D29" s="5">
        <v>81</v>
      </c>
    </row>
    <row r="30" spans="1:4" ht="18" customHeight="1" x14ac:dyDescent="0.15">
      <c r="A30" s="8">
        <v>20</v>
      </c>
      <c r="B30" s="21">
        <v>8</v>
      </c>
      <c r="C30" s="6">
        <v>6</v>
      </c>
      <c r="D30" s="5">
        <v>14</v>
      </c>
    </row>
    <row r="31" spans="1:4" ht="18" customHeight="1" x14ac:dyDescent="0.15">
      <c r="A31" s="8">
        <v>21</v>
      </c>
      <c r="B31" s="21">
        <v>9</v>
      </c>
      <c r="C31" s="6">
        <v>5</v>
      </c>
      <c r="D31" s="5">
        <v>14</v>
      </c>
    </row>
    <row r="32" spans="1:4" ht="18" customHeight="1" x14ac:dyDescent="0.15">
      <c r="A32" s="8">
        <v>22</v>
      </c>
      <c r="B32" s="21">
        <v>10</v>
      </c>
      <c r="C32" s="6">
        <v>4</v>
      </c>
      <c r="D32" s="5">
        <v>14</v>
      </c>
    </row>
    <row r="33" spans="1:4" ht="18" customHeight="1" x14ac:dyDescent="0.15">
      <c r="A33" s="8">
        <v>23</v>
      </c>
      <c r="B33" s="21">
        <v>8</v>
      </c>
      <c r="C33" s="6">
        <v>5</v>
      </c>
      <c r="D33" s="5">
        <v>13</v>
      </c>
    </row>
    <row r="34" spans="1:4" ht="18" customHeight="1" x14ac:dyDescent="0.15">
      <c r="A34" s="8">
        <v>24</v>
      </c>
      <c r="B34" s="21">
        <v>11</v>
      </c>
      <c r="C34" s="6">
        <v>5</v>
      </c>
      <c r="D34" s="5">
        <v>16</v>
      </c>
    </row>
    <row r="35" spans="1:4" ht="18" customHeight="1" x14ac:dyDescent="0.15">
      <c r="A35" s="8" t="s">
        <v>20</v>
      </c>
      <c r="B35" s="21">
        <v>46</v>
      </c>
      <c r="C35" s="6">
        <v>25</v>
      </c>
      <c r="D35" s="5">
        <v>71</v>
      </c>
    </row>
    <row r="36" spans="1:4" ht="18" customHeight="1" x14ac:dyDescent="0.15">
      <c r="A36" s="8">
        <v>25</v>
      </c>
      <c r="B36" s="21">
        <v>7</v>
      </c>
      <c r="C36" s="6">
        <v>11</v>
      </c>
      <c r="D36" s="5">
        <v>18</v>
      </c>
    </row>
    <row r="37" spans="1:4" ht="18" customHeight="1" x14ac:dyDescent="0.15">
      <c r="A37" s="8">
        <v>26</v>
      </c>
      <c r="B37" s="21">
        <v>7</v>
      </c>
      <c r="C37" s="6">
        <v>6</v>
      </c>
      <c r="D37" s="5">
        <v>13</v>
      </c>
    </row>
    <row r="38" spans="1:4" ht="18" customHeight="1" x14ac:dyDescent="0.15">
      <c r="A38" s="8">
        <v>27</v>
      </c>
      <c r="B38" s="21">
        <v>4</v>
      </c>
      <c r="C38" s="6">
        <v>7</v>
      </c>
      <c r="D38" s="5">
        <v>11</v>
      </c>
    </row>
    <row r="39" spans="1:4" ht="18" customHeight="1" x14ac:dyDescent="0.15">
      <c r="A39" s="8">
        <v>28</v>
      </c>
      <c r="B39" s="21">
        <v>11</v>
      </c>
      <c r="C39" s="6">
        <v>5</v>
      </c>
      <c r="D39" s="5">
        <v>16</v>
      </c>
    </row>
    <row r="40" spans="1:4" ht="18" customHeight="1" x14ac:dyDescent="0.15">
      <c r="A40" s="8">
        <v>29</v>
      </c>
      <c r="B40" s="21">
        <v>10</v>
      </c>
      <c r="C40" s="6">
        <v>10</v>
      </c>
      <c r="D40" s="5">
        <v>20</v>
      </c>
    </row>
    <row r="41" spans="1:4" ht="18" customHeight="1" x14ac:dyDescent="0.15">
      <c r="A41" s="8" t="s">
        <v>19</v>
      </c>
      <c r="B41" s="21">
        <v>39</v>
      </c>
      <c r="C41" s="6">
        <v>39</v>
      </c>
      <c r="D41" s="5">
        <v>78</v>
      </c>
    </row>
    <row r="42" spans="1:4" ht="18" customHeight="1" x14ac:dyDescent="0.15">
      <c r="A42" s="8">
        <v>30</v>
      </c>
      <c r="B42" s="21">
        <v>9</v>
      </c>
      <c r="C42" s="6">
        <v>1</v>
      </c>
      <c r="D42" s="5">
        <v>10</v>
      </c>
    </row>
    <row r="43" spans="1:4" ht="18" customHeight="1" x14ac:dyDescent="0.15">
      <c r="A43" s="8">
        <v>31</v>
      </c>
      <c r="B43" s="21">
        <v>7</v>
      </c>
      <c r="C43" s="6">
        <v>7</v>
      </c>
      <c r="D43" s="5">
        <v>14</v>
      </c>
    </row>
    <row r="44" spans="1:4" ht="18" customHeight="1" x14ac:dyDescent="0.15">
      <c r="A44" s="8">
        <v>32</v>
      </c>
      <c r="B44" s="21">
        <v>11</v>
      </c>
      <c r="C44" s="6">
        <v>3</v>
      </c>
      <c r="D44" s="5">
        <v>14</v>
      </c>
    </row>
    <row r="45" spans="1:4" ht="18" customHeight="1" x14ac:dyDescent="0.15">
      <c r="A45" s="8">
        <v>33</v>
      </c>
      <c r="B45" s="21">
        <v>13</v>
      </c>
      <c r="C45" s="6">
        <v>2</v>
      </c>
      <c r="D45" s="5">
        <v>15</v>
      </c>
    </row>
    <row r="46" spans="1:4" ht="18" customHeight="1" x14ac:dyDescent="0.15">
      <c r="A46" s="8">
        <v>34</v>
      </c>
      <c r="B46" s="21">
        <v>4</v>
      </c>
      <c r="C46" s="6">
        <v>4</v>
      </c>
      <c r="D46" s="5">
        <v>8</v>
      </c>
    </row>
    <row r="47" spans="1:4" ht="18" customHeight="1" x14ac:dyDescent="0.15">
      <c r="A47" s="8" t="s">
        <v>18</v>
      </c>
      <c r="B47" s="21">
        <v>44</v>
      </c>
      <c r="C47" s="6">
        <v>17</v>
      </c>
      <c r="D47" s="5">
        <v>61</v>
      </c>
    </row>
    <row r="48" spans="1:4" ht="18" customHeight="1" x14ac:dyDescent="0.15">
      <c r="A48" s="8">
        <v>35</v>
      </c>
      <c r="B48" s="21">
        <v>7</v>
      </c>
      <c r="C48" s="6">
        <v>7</v>
      </c>
      <c r="D48" s="5">
        <v>14</v>
      </c>
    </row>
    <row r="49" spans="1:4" ht="18" customHeight="1" x14ac:dyDescent="0.15">
      <c r="A49" s="8">
        <v>36</v>
      </c>
      <c r="B49" s="21">
        <v>11</v>
      </c>
      <c r="C49" s="6">
        <v>8</v>
      </c>
      <c r="D49" s="5">
        <v>19</v>
      </c>
    </row>
    <row r="50" spans="1:4" ht="18" customHeight="1" x14ac:dyDescent="0.15">
      <c r="A50" s="8">
        <v>37</v>
      </c>
      <c r="B50" s="21">
        <v>7</v>
      </c>
      <c r="C50" s="6">
        <v>12</v>
      </c>
      <c r="D50" s="5">
        <v>19</v>
      </c>
    </row>
    <row r="51" spans="1:4" ht="18" customHeight="1" x14ac:dyDescent="0.15">
      <c r="A51" s="8">
        <v>38</v>
      </c>
      <c r="B51" s="21">
        <v>10</v>
      </c>
      <c r="C51" s="6">
        <v>6</v>
      </c>
      <c r="D51" s="5">
        <v>16</v>
      </c>
    </row>
    <row r="52" spans="1:4" ht="18" customHeight="1" x14ac:dyDescent="0.15">
      <c r="A52" s="8">
        <v>39</v>
      </c>
      <c r="B52" s="21">
        <v>7</v>
      </c>
      <c r="C52" s="6">
        <v>5</v>
      </c>
      <c r="D52" s="5">
        <v>12</v>
      </c>
    </row>
    <row r="53" spans="1:4" ht="18" customHeight="1" x14ac:dyDescent="0.15">
      <c r="A53" s="8" t="s">
        <v>17</v>
      </c>
      <c r="B53" s="21">
        <v>42</v>
      </c>
      <c r="C53" s="6">
        <v>38</v>
      </c>
      <c r="D53" s="5">
        <v>80</v>
      </c>
    </row>
    <row r="54" spans="1:4" ht="18" customHeight="1" x14ac:dyDescent="0.15">
      <c r="A54" s="8">
        <v>40</v>
      </c>
      <c r="B54" s="21">
        <v>8</v>
      </c>
      <c r="C54" s="6">
        <v>5</v>
      </c>
      <c r="D54" s="5">
        <v>13</v>
      </c>
    </row>
    <row r="55" spans="1:4" ht="18" customHeight="1" x14ac:dyDescent="0.15">
      <c r="A55" s="8">
        <v>41</v>
      </c>
      <c r="B55" s="21">
        <v>9</v>
      </c>
      <c r="C55" s="6">
        <v>8</v>
      </c>
      <c r="D55" s="5">
        <v>17</v>
      </c>
    </row>
    <row r="56" spans="1:4" ht="18" customHeight="1" x14ac:dyDescent="0.15">
      <c r="A56" s="8">
        <v>42</v>
      </c>
      <c r="B56" s="21">
        <v>15</v>
      </c>
      <c r="C56" s="6">
        <v>14</v>
      </c>
      <c r="D56" s="5">
        <v>29</v>
      </c>
    </row>
    <row r="57" spans="1:4" ht="18" customHeight="1" x14ac:dyDescent="0.15">
      <c r="A57" s="8">
        <v>43</v>
      </c>
      <c r="B57" s="21">
        <v>13</v>
      </c>
      <c r="C57" s="6">
        <v>6</v>
      </c>
      <c r="D57" s="5">
        <v>19</v>
      </c>
    </row>
    <row r="58" spans="1:4" ht="18" customHeight="1" x14ac:dyDescent="0.15">
      <c r="A58" s="8">
        <v>44</v>
      </c>
      <c r="B58" s="21">
        <v>13</v>
      </c>
      <c r="C58" s="6">
        <v>11</v>
      </c>
      <c r="D58" s="5">
        <v>24</v>
      </c>
    </row>
    <row r="59" spans="1:4" ht="18" customHeight="1" x14ac:dyDescent="0.15">
      <c r="A59" s="8" t="s">
        <v>16</v>
      </c>
      <c r="B59" s="21">
        <v>58</v>
      </c>
      <c r="C59" s="6">
        <v>44</v>
      </c>
      <c r="D59" s="5">
        <v>102</v>
      </c>
    </row>
    <row r="60" spans="1:4" ht="18" customHeight="1" x14ac:dyDescent="0.15">
      <c r="A60" s="8">
        <v>45</v>
      </c>
      <c r="B60" s="21">
        <v>9</v>
      </c>
      <c r="C60" s="6">
        <v>15</v>
      </c>
      <c r="D60" s="5">
        <v>24</v>
      </c>
    </row>
    <row r="61" spans="1:4" ht="18" customHeight="1" x14ac:dyDescent="0.15">
      <c r="A61" s="8">
        <v>46</v>
      </c>
      <c r="B61" s="21">
        <v>16</v>
      </c>
      <c r="C61" s="6">
        <v>16</v>
      </c>
      <c r="D61" s="5">
        <v>32</v>
      </c>
    </row>
    <row r="62" spans="1:4" ht="18" customHeight="1" x14ac:dyDescent="0.15">
      <c r="A62" s="8">
        <v>47</v>
      </c>
      <c r="B62" s="21">
        <v>15</v>
      </c>
      <c r="C62" s="6">
        <v>11</v>
      </c>
      <c r="D62" s="5">
        <v>26</v>
      </c>
    </row>
    <row r="63" spans="1:4" ht="18" customHeight="1" x14ac:dyDescent="0.15">
      <c r="A63" s="8">
        <v>48</v>
      </c>
      <c r="B63" s="21">
        <v>12</v>
      </c>
      <c r="C63" s="6">
        <v>16</v>
      </c>
      <c r="D63" s="5">
        <v>28</v>
      </c>
    </row>
    <row r="64" spans="1:4" ht="18" customHeight="1" x14ac:dyDescent="0.15">
      <c r="A64" s="8">
        <v>49</v>
      </c>
      <c r="B64" s="21">
        <v>17</v>
      </c>
      <c r="C64" s="6">
        <v>12</v>
      </c>
      <c r="D64" s="5">
        <v>29</v>
      </c>
    </row>
    <row r="65" spans="1:4" ht="18" customHeight="1" x14ac:dyDescent="0.15">
      <c r="A65" s="8" t="s">
        <v>15</v>
      </c>
      <c r="B65" s="21">
        <v>69</v>
      </c>
      <c r="C65" s="6">
        <v>70</v>
      </c>
      <c r="D65" s="5">
        <v>139</v>
      </c>
    </row>
    <row r="66" spans="1:4" ht="18" customHeight="1" x14ac:dyDescent="0.15">
      <c r="A66" s="8">
        <v>50</v>
      </c>
      <c r="B66" s="21">
        <v>20</v>
      </c>
      <c r="C66" s="6">
        <v>14</v>
      </c>
      <c r="D66" s="5">
        <v>34</v>
      </c>
    </row>
    <row r="67" spans="1:4" ht="18" customHeight="1" x14ac:dyDescent="0.15">
      <c r="A67" s="8">
        <v>51</v>
      </c>
      <c r="B67" s="21">
        <v>17</v>
      </c>
      <c r="C67" s="6">
        <v>16</v>
      </c>
      <c r="D67" s="5">
        <v>33</v>
      </c>
    </row>
    <row r="68" spans="1:4" ht="18" customHeight="1" x14ac:dyDescent="0.15">
      <c r="A68" s="8">
        <v>52</v>
      </c>
      <c r="B68" s="21">
        <v>23</v>
      </c>
      <c r="C68" s="6">
        <v>14</v>
      </c>
      <c r="D68" s="5">
        <v>37</v>
      </c>
    </row>
    <row r="69" spans="1:4" ht="18" customHeight="1" x14ac:dyDescent="0.15">
      <c r="A69" s="8">
        <v>53</v>
      </c>
      <c r="B69" s="21">
        <v>16</v>
      </c>
      <c r="C69" s="6">
        <v>18</v>
      </c>
      <c r="D69" s="5">
        <v>34</v>
      </c>
    </row>
    <row r="70" spans="1:4" ht="18" customHeight="1" x14ac:dyDescent="0.15">
      <c r="A70" s="8">
        <v>54</v>
      </c>
      <c r="B70" s="21">
        <v>17</v>
      </c>
      <c r="C70" s="6">
        <v>11</v>
      </c>
      <c r="D70" s="5">
        <v>28</v>
      </c>
    </row>
    <row r="71" spans="1:4" ht="18" customHeight="1" x14ac:dyDescent="0.15">
      <c r="A71" s="8" t="s">
        <v>14</v>
      </c>
      <c r="B71" s="21">
        <v>93</v>
      </c>
      <c r="C71" s="6">
        <v>73</v>
      </c>
      <c r="D71" s="5">
        <v>166</v>
      </c>
    </row>
    <row r="72" spans="1:4" ht="18" customHeight="1" x14ac:dyDescent="0.15">
      <c r="A72" s="8">
        <v>55</v>
      </c>
      <c r="B72" s="21">
        <v>9</v>
      </c>
      <c r="C72" s="6">
        <v>26</v>
      </c>
      <c r="D72" s="5">
        <v>35</v>
      </c>
    </row>
    <row r="73" spans="1:4" ht="18" customHeight="1" x14ac:dyDescent="0.15">
      <c r="A73" s="8">
        <v>56</v>
      </c>
      <c r="B73" s="21">
        <v>18</v>
      </c>
      <c r="C73" s="6">
        <v>11</v>
      </c>
      <c r="D73" s="5">
        <v>29</v>
      </c>
    </row>
    <row r="74" spans="1:4" ht="18" customHeight="1" x14ac:dyDescent="0.15">
      <c r="A74" s="8">
        <v>57</v>
      </c>
      <c r="B74" s="21">
        <v>17</v>
      </c>
      <c r="C74" s="6">
        <v>15</v>
      </c>
      <c r="D74" s="5">
        <v>32</v>
      </c>
    </row>
    <row r="75" spans="1:4" ht="18" customHeight="1" x14ac:dyDescent="0.15">
      <c r="A75" s="8">
        <v>58</v>
      </c>
      <c r="B75" s="21">
        <v>16</v>
      </c>
      <c r="C75" s="6">
        <v>13</v>
      </c>
      <c r="D75" s="5">
        <v>29</v>
      </c>
    </row>
    <row r="76" spans="1:4" ht="18" customHeight="1" x14ac:dyDescent="0.15">
      <c r="A76" s="8">
        <v>59</v>
      </c>
      <c r="B76" s="21">
        <v>11</v>
      </c>
      <c r="C76" s="6">
        <v>15</v>
      </c>
      <c r="D76" s="5">
        <v>26</v>
      </c>
    </row>
    <row r="77" spans="1:4" ht="18" customHeight="1" x14ac:dyDescent="0.15">
      <c r="A77" s="8" t="s">
        <v>13</v>
      </c>
      <c r="B77" s="21">
        <v>71</v>
      </c>
      <c r="C77" s="6">
        <v>80</v>
      </c>
      <c r="D77" s="5">
        <v>151</v>
      </c>
    </row>
    <row r="78" spans="1:4" ht="18" customHeight="1" x14ac:dyDescent="0.15">
      <c r="A78" s="8">
        <v>60</v>
      </c>
      <c r="B78" s="21">
        <v>18</v>
      </c>
      <c r="C78" s="6">
        <v>14</v>
      </c>
      <c r="D78" s="5">
        <v>32</v>
      </c>
    </row>
    <row r="79" spans="1:4" ht="18" customHeight="1" x14ac:dyDescent="0.15">
      <c r="A79" s="8">
        <v>61</v>
      </c>
      <c r="B79" s="21">
        <v>10</v>
      </c>
      <c r="C79" s="6">
        <v>12</v>
      </c>
      <c r="D79" s="5">
        <v>22</v>
      </c>
    </row>
    <row r="80" spans="1:4" ht="18" customHeight="1" x14ac:dyDescent="0.15">
      <c r="A80" s="8">
        <v>62</v>
      </c>
      <c r="B80" s="21">
        <v>20</v>
      </c>
      <c r="C80" s="6">
        <v>12</v>
      </c>
      <c r="D80" s="5">
        <v>32</v>
      </c>
    </row>
    <row r="81" spans="1:4" ht="18" customHeight="1" x14ac:dyDescent="0.15">
      <c r="A81" s="8">
        <v>63</v>
      </c>
      <c r="B81" s="21">
        <v>15</v>
      </c>
      <c r="C81" s="6">
        <v>20</v>
      </c>
      <c r="D81" s="5">
        <v>35</v>
      </c>
    </row>
    <row r="82" spans="1:4" ht="18" customHeight="1" x14ac:dyDescent="0.15">
      <c r="A82" s="8">
        <v>64</v>
      </c>
      <c r="B82" s="21">
        <v>16</v>
      </c>
      <c r="C82" s="6">
        <v>12</v>
      </c>
      <c r="D82" s="5">
        <v>28</v>
      </c>
    </row>
    <row r="83" spans="1:4" ht="18" customHeight="1" x14ac:dyDescent="0.15">
      <c r="A83" s="8" t="s">
        <v>12</v>
      </c>
      <c r="B83" s="21">
        <v>79</v>
      </c>
      <c r="C83" s="6">
        <v>70</v>
      </c>
      <c r="D83" s="5">
        <v>149</v>
      </c>
    </row>
    <row r="84" spans="1:4" ht="18" customHeight="1" x14ac:dyDescent="0.15">
      <c r="A84" s="8" t="s">
        <v>11</v>
      </c>
      <c r="B84" s="21">
        <v>579</v>
      </c>
      <c r="C84" s="6">
        <v>499</v>
      </c>
      <c r="D84" s="5">
        <v>1078</v>
      </c>
    </row>
    <row r="85" spans="1:4" ht="18" customHeight="1" x14ac:dyDescent="0.15">
      <c r="A85" s="8">
        <v>65</v>
      </c>
      <c r="B85" s="21">
        <v>8</v>
      </c>
      <c r="C85" s="6">
        <v>16</v>
      </c>
      <c r="D85" s="5">
        <v>24</v>
      </c>
    </row>
    <row r="86" spans="1:4" ht="18" customHeight="1" x14ac:dyDescent="0.15">
      <c r="A86" s="8">
        <v>66</v>
      </c>
      <c r="B86" s="21">
        <v>13</v>
      </c>
      <c r="C86" s="6">
        <v>10</v>
      </c>
      <c r="D86" s="5">
        <v>23</v>
      </c>
    </row>
    <row r="87" spans="1:4" ht="18" customHeight="1" x14ac:dyDescent="0.15">
      <c r="A87" s="8">
        <v>67</v>
      </c>
      <c r="B87" s="21">
        <v>11</v>
      </c>
      <c r="C87" s="6">
        <v>16</v>
      </c>
      <c r="D87" s="5">
        <v>27</v>
      </c>
    </row>
    <row r="88" spans="1:4" ht="18" customHeight="1" x14ac:dyDescent="0.15">
      <c r="A88" s="8">
        <v>68</v>
      </c>
      <c r="B88" s="21">
        <v>11</v>
      </c>
      <c r="C88" s="6">
        <v>11</v>
      </c>
      <c r="D88" s="5">
        <v>22</v>
      </c>
    </row>
    <row r="89" spans="1:4" ht="18" customHeight="1" x14ac:dyDescent="0.15">
      <c r="A89" s="8">
        <v>69</v>
      </c>
      <c r="B89" s="21">
        <v>12</v>
      </c>
      <c r="C89" s="6">
        <v>15</v>
      </c>
      <c r="D89" s="5">
        <v>27</v>
      </c>
    </row>
    <row r="90" spans="1:4" ht="18" customHeight="1" x14ac:dyDescent="0.15">
      <c r="A90" s="8" t="s">
        <v>10</v>
      </c>
      <c r="B90" s="21">
        <v>55</v>
      </c>
      <c r="C90" s="6">
        <v>68</v>
      </c>
      <c r="D90" s="5">
        <v>123</v>
      </c>
    </row>
    <row r="91" spans="1:4" ht="18" customHeight="1" x14ac:dyDescent="0.15">
      <c r="A91" s="8">
        <v>70</v>
      </c>
      <c r="B91" s="21">
        <v>15</v>
      </c>
      <c r="C91" s="6">
        <v>19</v>
      </c>
      <c r="D91" s="5">
        <v>34</v>
      </c>
    </row>
    <row r="92" spans="1:4" ht="18" customHeight="1" x14ac:dyDescent="0.15">
      <c r="A92" s="8">
        <v>71</v>
      </c>
      <c r="B92" s="21">
        <v>17</v>
      </c>
      <c r="C92" s="6">
        <v>20</v>
      </c>
      <c r="D92" s="5">
        <v>37</v>
      </c>
    </row>
    <row r="93" spans="1:4" ht="18" customHeight="1" x14ac:dyDescent="0.15">
      <c r="A93" s="8">
        <v>72</v>
      </c>
      <c r="B93" s="21">
        <v>15</v>
      </c>
      <c r="C93" s="6">
        <v>22</v>
      </c>
      <c r="D93" s="5">
        <v>37</v>
      </c>
    </row>
    <row r="94" spans="1:4" ht="18" customHeight="1" x14ac:dyDescent="0.15">
      <c r="A94" s="8">
        <v>73</v>
      </c>
      <c r="B94" s="21">
        <v>18</v>
      </c>
      <c r="C94" s="6">
        <v>29</v>
      </c>
      <c r="D94" s="5">
        <v>47</v>
      </c>
    </row>
    <row r="95" spans="1:4" ht="18" customHeight="1" x14ac:dyDescent="0.15">
      <c r="A95" s="8">
        <v>74</v>
      </c>
      <c r="B95" s="21">
        <v>20</v>
      </c>
      <c r="C95" s="6">
        <v>22</v>
      </c>
      <c r="D95" s="5">
        <v>42</v>
      </c>
    </row>
    <row r="96" spans="1:4" ht="18" customHeight="1" x14ac:dyDescent="0.15">
      <c r="A96" s="8" t="s">
        <v>9</v>
      </c>
      <c r="B96" s="21">
        <v>85</v>
      </c>
      <c r="C96" s="6">
        <v>112</v>
      </c>
      <c r="D96" s="5">
        <v>197</v>
      </c>
    </row>
    <row r="97" spans="1:4" ht="18" customHeight="1" x14ac:dyDescent="0.15">
      <c r="A97" s="8">
        <v>75</v>
      </c>
      <c r="B97" s="21">
        <v>18</v>
      </c>
      <c r="C97" s="6">
        <v>22</v>
      </c>
      <c r="D97" s="5">
        <v>40</v>
      </c>
    </row>
    <row r="98" spans="1:4" ht="18" customHeight="1" x14ac:dyDescent="0.15">
      <c r="A98" s="8">
        <v>76</v>
      </c>
      <c r="B98" s="21">
        <v>15</v>
      </c>
      <c r="C98" s="6">
        <v>30</v>
      </c>
      <c r="D98" s="5">
        <v>45</v>
      </c>
    </row>
    <row r="99" spans="1:4" ht="18" customHeight="1" x14ac:dyDescent="0.15">
      <c r="A99" s="8">
        <v>77</v>
      </c>
      <c r="B99" s="21">
        <v>26</v>
      </c>
      <c r="C99" s="6">
        <v>33</v>
      </c>
      <c r="D99" s="5">
        <v>59</v>
      </c>
    </row>
    <row r="100" spans="1:4" ht="18" customHeight="1" x14ac:dyDescent="0.15">
      <c r="A100" s="8">
        <v>78</v>
      </c>
      <c r="B100" s="21">
        <v>24</v>
      </c>
      <c r="C100" s="6">
        <v>34</v>
      </c>
      <c r="D100" s="5">
        <v>58</v>
      </c>
    </row>
    <row r="101" spans="1:4" ht="18" customHeight="1" x14ac:dyDescent="0.15">
      <c r="A101" s="8">
        <v>79</v>
      </c>
      <c r="B101" s="21">
        <v>17</v>
      </c>
      <c r="C101" s="6">
        <v>25</v>
      </c>
      <c r="D101" s="5">
        <v>42</v>
      </c>
    </row>
    <row r="102" spans="1:4" ht="18" customHeight="1" x14ac:dyDescent="0.15">
      <c r="A102" s="8" t="s">
        <v>8</v>
      </c>
      <c r="B102" s="21">
        <v>100</v>
      </c>
      <c r="C102" s="6">
        <v>144</v>
      </c>
      <c r="D102" s="5">
        <v>244</v>
      </c>
    </row>
    <row r="103" spans="1:4" ht="18" customHeight="1" x14ac:dyDescent="0.15">
      <c r="A103" s="8">
        <v>80</v>
      </c>
      <c r="B103" s="21">
        <v>13</v>
      </c>
      <c r="C103" s="6">
        <v>12</v>
      </c>
      <c r="D103" s="5">
        <v>25</v>
      </c>
    </row>
    <row r="104" spans="1:4" ht="18" customHeight="1" x14ac:dyDescent="0.15">
      <c r="A104" s="8">
        <v>81</v>
      </c>
      <c r="B104" s="21">
        <v>13</v>
      </c>
      <c r="C104" s="6">
        <v>20</v>
      </c>
      <c r="D104" s="5">
        <v>33</v>
      </c>
    </row>
    <row r="105" spans="1:4" ht="18" customHeight="1" x14ac:dyDescent="0.15">
      <c r="A105" s="8">
        <v>82</v>
      </c>
      <c r="B105" s="21">
        <v>14</v>
      </c>
      <c r="C105" s="6">
        <v>20</v>
      </c>
      <c r="D105" s="5">
        <v>34</v>
      </c>
    </row>
    <row r="106" spans="1:4" ht="18" customHeight="1" x14ac:dyDescent="0.15">
      <c r="A106" s="8">
        <v>83</v>
      </c>
      <c r="B106" s="21">
        <v>10</v>
      </c>
      <c r="C106" s="6">
        <v>22</v>
      </c>
      <c r="D106" s="5">
        <v>32</v>
      </c>
    </row>
    <row r="107" spans="1:4" ht="18" customHeight="1" x14ac:dyDescent="0.15">
      <c r="A107" s="8">
        <v>84</v>
      </c>
      <c r="B107" s="21">
        <v>11</v>
      </c>
      <c r="C107" s="6">
        <v>12</v>
      </c>
      <c r="D107" s="5">
        <v>23</v>
      </c>
    </row>
    <row r="108" spans="1:4" ht="18" customHeight="1" x14ac:dyDescent="0.15">
      <c r="A108" s="8" t="s">
        <v>7</v>
      </c>
      <c r="B108" s="21">
        <v>61</v>
      </c>
      <c r="C108" s="6">
        <v>86</v>
      </c>
      <c r="D108" s="5">
        <v>147</v>
      </c>
    </row>
    <row r="109" spans="1:4" ht="18" customHeight="1" x14ac:dyDescent="0.15">
      <c r="A109" s="8">
        <v>85</v>
      </c>
      <c r="B109" s="21">
        <v>6</v>
      </c>
      <c r="C109" s="6">
        <v>6</v>
      </c>
      <c r="D109" s="5">
        <v>12</v>
      </c>
    </row>
    <row r="110" spans="1:4" ht="18" customHeight="1" x14ac:dyDescent="0.15">
      <c r="A110" s="8">
        <v>86</v>
      </c>
      <c r="B110" s="21">
        <v>8</v>
      </c>
      <c r="C110" s="6">
        <v>18</v>
      </c>
      <c r="D110" s="5">
        <v>26</v>
      </c>
    </row>
    <row r="111" spans="1:4" ht="18" customHeight="1" x14ac:dyDescent="0.15">
      <c r="A111" s="8">
        <v>87</v>
      </c>
      <c r="B111" s="21">
        <v>6</v>
      </c>
      <c r="C111" s="6">
        <v>9</v>
      </c>
      <c r="D111" s="5">
        <v>15</v>
      </c>
    </row>
    <row r="112" spans="1:4" ht="18" customHeight="1" x14ac:dyDescent="0.15">
      <c r="A112" s="8">
        <v>88</v>
      </c>
      <c r="B112" s="21">
        <v>9</v>
      </c>
      <c r="C112" s="6">
        <v>13</v>
      </c>
      <c r="D112" s="5">
        <v>22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34</v>
      </c>
      <c r="C114" s="6">
        <v>60</v>
      </c>
      <c r="D114" s="5">
        <v>94</v>
      </c>
    </row>
    <row r="115" spans="1:4" ht="18" customHeight="1" x14ac:dyDescent="0.15">
      <c r="A115" s="8">
        <v>90</v>
      </c>
      <c r="B115" s="21">
        <v>4</v>
      </c>
      <c r="C115" s="6">
        <v>8</v>
      </c>
      <c r="D115" s="5">
        <v>12</v>
      </c>
    </row>
    <row r="116" spans="1:4" ht="18" customHeight="1" x14ac:dyDescent="0.15">
      <c r="A116" s="8">
        <v>91</v>
      </c>
      <c r="B116" s="21">
        <v>2</v>
      </c>
      <c r="C116" s="6">
        <v>8</v>
      </c>
      <c r="D116" s="5">
        <v>10</v>
      </c>
    </row>
    <row r="117" spans="1:4" ht="18" customHeight="1" x14ac:dyDescent="0.15">
      <c r="A117" s="8">
        <v>92</v>
      </c>
      <c r="B117" s="21">
        <v>4</v>
      </c>
      <c r="C117" s="6">
        <v>10</v>
      </c>
      <c r="D117" s="5">
        <v>14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4</v>
      </c>
      <c r="C119" s="6">
        <v>5</v>
      </c>
      <c r="D119" s="5">
        <v>9</v>
      </c>
    </row>
    <row r="120" spans="1:4" ht="18" customHeight="1" x14ac:dyDescent="0.15">
      <c r="A120" s="8" t="s">
        <v>5</v>
      </c>
      <c r="B120" s="21">
        <v>16</v>
      </c>
      <c r="C120" s="6">
        <v>37</v>
      </c>
      <c r="D120" s="5">
        <v>53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14</v>
      </c>
      <c r="D126" s="5">
        <v>15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352</v>
      </c>
      <c r="C130" s="6">
        <v>526</v>
      </c>
      <c r="D130" s="5">
        <v>878</v>
      </c>
    </row>
    <row r="131" spans="1:4" ht="18" customHeight="1" x14ac:dyDescent="0.15">
      <c r="A131" s="4" t="s">
        <v>0</v>
      </c>
      <c r="B131" s="20">
        <v>1025</v>
      </c>
      <c r="C131" s="2">
        <v>1103</v>
      </c>
      <c r="D131" s="1">
        <v>212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D576D8-1BC9-4FC5-974A-E5A2426B3928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3</v>
      </c>
      <c r="D5" s="10">
        <v>7</v>
      </c>
    </row>
    <row r="6" spans="1:4" ht="18" customHeight="1" x14ac:dyDescent="0.15">
      <c r="A6" s="8">
        <v>1</v>
      </c>
      <c r="B6" s="21">
        <v>6</v>
      </c>
      <c r="C6" s="6">
        <v>3</v>
      </c>
      <c r="D6" s="5">
        <v>9</v>
      </c>
    </row>
    <row r="7" spans="1:4" ht="18" customHeight="1" x14ac:dyDescent="0.15">
      <c r="A7" s="8">
        <v>2</v>
      </c>
      <c r="B7" s="21">
        <v>5</v>
      </c>
      <c r="C7" s="6">
        <v>5</v>
      </c>
      <c r="D7" s="5">
        <v>10</v>
      </c>
    </row>
    <row r="8" spans="1:4" ht="18" customHeight="1" x14ac:dyDescent="0.15">
      <c r="A8" s="8">
        <v>3</v>
      </c>
      <c r="B8" s="21">
        <v>10</v>
      </c>
      <c r="C8" s="6">
        <v>7</v>
      </c>
      <c r="D8" s="5">
        <v>17</v>
      </c>
    </row>
    <row r="9" spans="1:4" ht="18" customHeight="1" x14ac:dyDescent="0.15">
      <c r="A9" s="8">
        <v>4</v>
      </c>
      <c r="B9" s="21">
        <v>4</v>
      </c>
      <c r="C9" s="6">
        <v>8</v>
      </c>
      <c r="D9" s="5">
        <v>12</v>
      </c>
    </row>
    <row r="10" spans="1:4" ht="18" customHeight="1" x14ac:dyDescent="0.15">
      <c r="A10" s="8" t="s">
        <v>25</v>
      </c>
      <c r="B10" s="21">
        <v>29</v>
      </c>
      <c r="C10" s="6">
        <v>26</v>
      </c>
      <c r="D10" s="5">
        <v>55</v>
      </c>
    </row>
    <row r="11" spans="1:4" ht="18" customHeight="1" x14ac:dyDescent="0.15">
      <c r="A11" s="8">
        <v>5</v>
      </c>
      <c r="B11" s="21">
        <v>6</v>
      </c>
      <c r="C11" s="6">
        <v>6</v>
      </c>
      <c r="D11" s="5">
        <v>12</v>
      </c>
    </row>
    <row r="12" spans="1:4" ht="18" customHeight="1" x14ac:dyDescent="0.15">
      <c r="A12" s="8">
        <v>6</v>
      </c>
      <c r="B12" s="21">
        <v>5</v>
      </c>
      <c r="C12" s="6">
        <v>10</v>
      </c>
      <c r="D12" s="5">
        <v>15</v>
      </c>
    </row>
    <row r="13" spans="1:4" ht="18" customHeight="1" x14ac:dyDescent="0.15">
      <c r="A13" s="8">
        <v>7</v>
      </c>
      <c r="B13" s="21">
        <v>6</v>
      </c>
      <c r="C13" s="6">
        <v>8</v>
      </c>
      <c r="D13" s="5">
        <v>14</v>
      </c>
    </row>
    <row r="14" spans="1:4" ht="18" customHeight="1" x14ac:dyDescent="0.15">
      <c r="A14" s="8">
        <v>8</v>
      </c>
      <c r="B14" s="21">
        <v>13</v>
      </c>
      <c r="C14" s="6">
        <v>5</v>
      </c>
      <c r="D14" s="5">
        <v>18</v>
      </c>
    </row>
    <row r="15" spans="1:4" ht="18" customHeight="1" x14ac:dyDescent="0.15">
      <c r="A15" s="8">
        <v>9</v>
      </c>
      <c r="B15" s="21">
        <v>8</v>
      </c>
      <c r="C15" s="6">
        <v>6</v>
      </c>
      <c r="D15" s="5">
        <v>14</v>
      </c>
    </row>
    <row r="16" spans="1:4" ht="18" customHeight="1" x14ac:dyDescent="0.15">
      <c r="A16" s="8" t="s">
        <v>24</v>
      </c>
      <c r="B16" s="21">
        <v>38</v>
      </c>
      <c r="C16" s="6">
        <v>35</v>
      </c>
      <c r="D16" s="5">
        <v>73</v>
      </c>
    </row>
    <row r="17" spans="1:4" ht="18" customHeight="1" x14ac:dyDescent="0.15">
      <c r="A17" s="8">
        <v>10</v>
      </c>
      <c r="B17" s="21">
        <v>8</v>
      </c>
      <c r="C17" s="6">
        <v>9</v>
      </c>
      <c r="D17" s="5">
        <v>17</v>
      </c>
    </row>
    <row r="18" spans="1:4" ht="18" customHeight="1" x14ac:dyDescent="0.15">
      <c r="A18" s="8">
        <v>11</v>
      </c>
      <c r="B18" s="21">
        <v>14</v>
      </c>
      <c r="C18" s="6">
        <v>11</v>
      </c>
      <c r="D18" s="5">
        <v>25</v>
      </c>
    </row>
    <row r="19" spans="1:4" ht="18" customHeight="1" x14ac:dyDescent="0.15">
      <c r="A19" s="8">
        <v>12</v>
      </c>
      <c r="B19" s="21">
        <v>9</v>
      </c>
      <c r="C19" s="6">
        <v>9</v>
      </c>
      <c r="D19" s="5">
        <v>18</v>
      </c>
    </row>
    <row r="20" spans="1:4" ht="18" customHeight="1" x14ac:dyDescent="0.15">
      <c r="A20" s="8">
        <v>13</v>
      </c>
      <c r="B20" s="21">
        <v>11</v>
      </c>
      <c r="C20" s="6">
        <v>12</v>
      </c>
      <c r="D20" s="5">
        <v>23</v>
      </c>
    </row>
    <row r="21" spans="1:4" ht="18" customHeight="1" x14ac:dyDescent="0.15">
      <c r="A21" s="8">
        <v>14</v>
      </c>
      <c r="B21" s="21">
        <v>6</v>
      </c>
      <c r="C21" s="6">
        <v>9</v>
      </c>
      <c r="D21" s="5">
        <v>15</v>
      </c>
    </row>
    <row r="22" spans="1:4" ht="18" customHeight="1" x14ac:dyDescent="0.15">
      <c r="A22" s="8" t="s">
        <v>23</v>
      </c>
      <c r="B22" s="21">
        <v>48</v>
      </c>
      <c r="C22" s="6">
        <v>50</v>
      </c>
      <c r="D22" s="5">
        <v>98</v>
      </c>
    </row>
    <row r="23" spans="1:4" ht="18" customHeight="1" x14ac:dyDescent="0.15">
      <c r="A23" s="8" t="s">
        <v>22</v>
      </c>
      <c r="B23" s="21">
        <v>115</v>
      </c>
      <c r="C23" s="6">
        <v>111</v>
      </c>
      <c r="D23" s="5">
        <v>226</v>
      </c>
    </row>
    <row r="24" spans="1:4" ht="18" customHeight="1" x14ac:dyDescent="0.15">
      <c r="A24" s="8">
        <v>15</v>
      </c>
      <c r="B24" s="21">
        <v>16</v>
      </c>
      <c r="C24" s="6">
        <v>14</v>
      </c>
      <c r="D24" s="5">
        <v>30</v>
      </c>
    </row>
    <row r="25" spans="1:4" ht="18" customHeight="1" x14ac:dyDescent="0.15">
      <c r="A25" s="8">
        <v>16</v>
      </c>
      <c r="B25" s="21">
        <v>7</v>
      </c>
      <c r="C25" s="6">
        <v>12</v>
      </c>
      <c r="D25" s="5">
        <v>19</v>
      </c>
    </row>
    <row r="26" spans="1:4" ht="18" customHeight="1" x14ac:dyDescent="0.15">
      <c r="A26" s="8">
        <v>17</v>
      </c>
      <c r="B26" s="21">
        <v>9</v>
      </c>
      <c r="C26" s="6">
        <v>9</v>
      </c>
      <c r="D26" s="5">
        <v>18</v>
      </c>
    </row>
    <row r="27" spans="1:4" ht="18" customHeight="1" x14ac:dyDescent="0.15">
      <c r="A27" s="8">
        <v>18</v>
      </c>
      <c r="B27" s="21">
        <v>6</v>
      </c>
      <c r="C27" s="6">
        <v>18</v>
      </c>
      <c r="D27" s="5">
        <v>24</v>
      </c>
    </row>
    <row r="28" spans="1:4" ht="18" customHeight="1" x14ac:dyDescent="0.15">
      <c r="A28" s="8">
        <v>19</v>
      </c>
      <c r="B28" s="21">
        <v>16</v>
      </c>
      <c r="C28" s="6">
        <v>10</v>
      </c>
      <c r="D28" s="5">
        <v>26</v>
      </c>
    </row>
    <row r="29" spans="1:4" ht="18" customHeight="1" x14ac:dyDescent="0.15">
      <c r="A29" s="8" t="s">
        <v>21</v>
      </c>
      <c r="B29" s="21">
        <v>54</v>
      </c>
      <c r="C29" s="6">
        <v>63</v>
      </c>
      <c r="D29" s="5">
        <v>117</v>
      </c>
    </row>
    <row r="30" spans="1:4" ht="18" customHeight="1" x14ac:dyDescent="0.15">
      <c r="A30" s="8">
        <v>20</v>
      </c>
      <c r="B30" s="21">
        <v>6</v>
      </c>
      <c r="C30" s="6">
        <v>15</v>
      </c>
      <c r="D30" s="5">
        <v>21</v>
      </c>
    </row>
    <row r="31" spans="1:4" ht="18" customHeight="1" x14ac:dyDescent="0.15">
      <c r="A31" s="8">
        <v>21</v>
      </c>
      <c r="B31" s="21">
        <v>17</v>
      </c>
      <c r="C31" s="6">
        <v>12</v>
      </c>
      <c r="D31" s="5">
        <v>29</v>
      </c>
    </row>
    <row r="32" spans="1:4" ht="18" customHeight="1" x14ac:dyDescent="0.15">
      <c r="A32" s="8">
        <v>22</v>
      </c>
      <c r="B32" s="21">
        <v>14</v>
      </c>
      <c r="C32" s="6">
        <v>3</v>
      </c>
      <c r="D32" s="5">
        <v>17</v>
      </c>
    </row>
    <row r="33" spans="1:4" ht="18" customHeight="1" x14ac:dyDescent="0.15">
      <c r="A33" s="8">
        <v>23</v>
      </c>
      <c r="B33" s="21">
        <v>15</v>
      </c>
      <c r="C33" s="6">
        <v>14</v>
      </c>
      <c r="D33" s="5">
        <v>29</v>
      </c>
    </row>
    <row r="34" spans="1:4" ht="18" customHeight="1" x14ac:dyDescent="0.15">
      <c r="A34" s="8">
        <v>24</v>
      </c>
      <c r="B34" s="21">
        <v>7</v>
      </c>
      <c r="C34" s="6">
        <v>8</v>
      </c>
      <c r="D34" s="5">
        <v>15</v>
      </c>
    </row>
    <row r="35" spans="1:4" ht="18" customHeight="1" x14ac:dyDescent="0.15">
      <c r="A35" s="8" t="s">
        <v>20</v>
      </c>
      <c r="B35" s="21">
        <v>59</v>
      </c>
      <c r="C35" s="6">
        <v>52</v>
      </c>
      <c r="D35" s="5">
        <v>111</v>
      </c>
    </row>
    <row r="36" spans="1:4" ht="18" customHeight="1" x14ac:dyDescent="0.15">
      <c r="A36" s="8">
        <v>25</v>
      </c>
      <c r="B36" s="21">
        <v>12</v>
      </c>
      <c r="C36" s="6">
        <v>8</v>
      </c>
      <c r="D36" s="5">
        <v>20</v>
      </c>
    </row>
    <row r="37" spans="1:4" ht="18" customHeight="1" x14ac:dyDescent="0.15">
      <c r="A37" s="8">
        <v>26</v>
      </c>
      <c r="B37" s="21">
        <v>13</v>
      </c>
      <c r="C37" s="6">
        <v>6</v>
      </c>
      <c r="D37" s="5">
        <v>19</v>
      </c>
    </row>
    <row r="38" spans="1:4" ht="18" customHeight="1" x14ac:dyDescent="0.15">
      <c r="A38" s="8">
        <v>27</v>
      </c>
      <c r="B38" s="21">
        <v>8</v>
      </c>
      <c r="C38" s="6">
        <v>2</v>
      </c>
      <c r="D38" s="5">
        <v>10</v>
      </c>
    </row>
    <row r="39" spans="1:4" ht="18" customHeight="1" x14ac:dyDescent="0.15">
      <c r="A39" s="8">
        <v>28</v>
      </c>
      <c r="B39" s="21">
        <v>14</v>
      </c>
      <c r="C39" s="6">
        <v>7</v>
      </c>
      <c r="D39" s="5">
        <v>21</v>
      </c>
    </row>
    <row r="40" spans="1:4" ht="18" customHeight="1" x14ac:dyDescent="0.15">
      <c r="A40" s="8">
        <v>29</v>
      </c>
      <c r="B40" s="21">
        <v>12</v>
      </c>
      <c r="C40" s="6">
        <v>9</v>
      </c>
      <c r="D40" s="5">
        <v>21</v>
      </c>
    </row>
    <row r="41" spans="1:4" ht="18" customHeight="1" x14ac:dyDescent="0.15">
      <c r="A41" s="8" t="s">
        <v>19</v>
      </c>
      <c r="B41" s="21">
        <v>59</v>
      </c>
      <c r="C41" s="6">
        <v>32</v>
      </c>
      <c r="D41" s="5">
        <v>91</v>
      </c>
    </row>
    <row r="42" spans="1:4" ht="18" customHeight="1" x14ac:dyDescent="0.15">
      <c r="A42" s="8">
        <v>30</v>
      </c>
      <c r="B42" s="21">
        <v>16</v>
      </c>
      <c r="C42" s="6">
        <v>12</v>
      </c>
      <c r="D42" s="5">
        <v>28</v>
      </c>
    </row>
    <row r="43" spans="1:4" ht="18" customHeight="1" x14ac:dyDescent="0.15">
      <c r="A43" s="8">
        <v>31</v>
      </c>
      <c r="B43" s="21">
        <v>9</v>
      </c>
      <c r="C43" s="6">
        <v>8</v>
      </c>
      <c r="D43" s="5">
        <v>17</v>
      </c>
    </row>
    <row r="44" spans="1:4" ht="18" customHeight="1" x14ac:dyDescent="0.15">
      <c r="A44" s="8">
        <v>32</v>
      </c>
      <c r="B44" s="21">
        <v>15</v>
      </c>
      <c r="C44" s="6">
        <v>8</v>
      </c>
      <c r="D44" s="5">
        <v>23</v>
      </c>
    </row>
    <row r="45" spans="1:4" ht="18" customHeight="1" x14ac:dyDescent="0.15">
      <c r="A45" s="8">
        <v>33</v>
      </c>
      <c r="B45" s="21">
        <v>12</v>
      </c>
      <c r="C45" s="6">
        <v>8</v>
      </c>
      <c r="D45" s="5">
        <v>20</v>
      </c>
    </row>
    <row r="46" spans="1:4" ht="18" customHeight="1" x14ac:dyDescent="0.15">
      <c r="A46" s="8">
        <v>34</v>
      </c>
      <c r="B46" s="21">
        <v>8</v>
      </c>
      <c r="C46" s="6">
        <v>11</v>
      </c>
      <c r="D46" s="5">
        <v>19</v>
      </c>
    </row>
    <row r="47" spans="1:4" ht="18" customHeight="1" x14ac:dyDescent="0.15">
      <c r="A47" s="8" t="s">
        <v>18</v>
      </c>
      <c r="B47" s="21">
        <v>60</v>
      </c>
      <c r="C47" s="6">
        <v>47</v>
      </c>
      <c r="D47" s="5">
        <v>107</v>
      </c>
    </row>
    <row r="48" spans="1:4" ht="18" customHeight="1" x14ac:dyDescent="0.15">
      <c r="A48" s="8">
        <v>35</v>
      </c>
      <c r="B48" s="21">
        <v>8</v>
      </c>
      <c r="C48" s="6">
        <v>10</v>
      </c>
      <c r="D48" s="5">
        <v>18</v>
      </c>
    </row>
    <row r="49" spans="1:4" ht="18" customHeight="1" x14ac:dyDescent="0.15">
      <c r="A49" s="8">
        <v>36</v>
      </c>
      <c r="B49" s="21">
        <v>12</v>
      </c>
      <c r="C49" s="6">
        <v>8</v>
      </c>
      <c r="D49" s="5">
        <v>20</v>
      </c>
    </row>
    <row r="50" spans="1:4" ht="18" customHeight="1" x14ac:dyDescent="0.15">
      <c r="A50" s="8">
        <v>37</v>
      </c>
      <c r="B50" s="21">
        <v>11</v>
      </c>
      <c r="C50" s="6">
        <v>10</v>
      </c>
      <c r="D50" s="5">
        <v>21</v>
      </c>
    </row>
    <row r="51" spans="1:4" ht="18" customHeight="1" x14ac:dyDescent="0.15">
      <c r="A51" s="8">
        <v>38</v>
      </c>
      <c r="B51" s="21">
        <v>9</v>
      </c>
      <c r="C51" s="6">
        <v>6</v>
      </c>
      <c r="D51" s="5">
        <v>15</v>
      </c>
    </row>
    <row r="52" spans="1:4" ht="18" customHeight="1" x14ac:dyDescent="0.15">
      <c r="A52" s="8">
        <v>39</v>
      </c>
      <c r="B52" s="21">
        <v>14</v>
      </c>
      <c r="C52" s="6">
        <v>10</v>
      </c>
      <c r="D52" s="5">
        <v>24</v>
      </c>
    </row>
    <row r="53" spans="1:4" ht="18" customHeight="1" x14ac:dyDescent="0.15">
      <c r="A53" s="8" t="s">
        <v>17</v>
      </c>
      <c r="B53" s="21">
        <v>54</v>
      </c>
      <c r="C53" s="6">
        <v>44</v>
      </c>
      <c r="D53" s="5">
        <v>98</v>
      </c>
    </row>
    <row r="54" spans="1:4" ht="18" customHeight="1" x14ac:dyDescent="0.15">
      <c r="A54" s="8">
        <v>40</v>
      </c>
      <c r="B54" s="21">
        <v>14</v>
      </c>
      <c r="C54" s="6">
        <v>14</v>
      </c>
      <c r="D54" s="5">
        <v>28</v>
      </c>
    </row>
    <row r="55" spans="1:4" ht="18" customHeight="1" x14ac:dyDescent="0.15">
      <c r="A55" s="8">
        <v>41</v>
      </c>
      <c r="B55" s="21">
        <v>17</v>
      </c>
      <c r="C55" s="6">
        <v>15</v>
      </c>
      <c r="D55" s="5">
        <v>32</v>
      </c>
    </row>
    <row r="56" spans="1:4" ht="18" customHeight="1" x14ac:dyDescent="0.15">
      <c r="A56" s="8">
        <v>42</v>
      </c>
      <c r="B56" s="21">
        <v>15</v>
      </c>
      <c r="C56" s="6">
        <v>11</v>
      </c>
      <c r="D56" s="5">
        <v>26</v>
      </c>
    </row>
    <row r="57" spans="1:4" ht="18" customHeight="1" x14ac:dyDescent="0.15">
      <c r="A57" s="8">
        <v>43</v>
      </c>
      <c r="B57" s="21">
        <v>20</v>
      </c>
      <c r="C57" s="6">
        <v>15</v>
      </c>
      <c r="D57" s="5">
        <v>35</v>
      </c>
    </row>
    <row r="58" spans="1:4" ht="18" customHeight="1" x14ac:dyDescent="0.15">
      <c r="A58" s="8">
        <v>44</v>
      </c>
      <c r="B58" s="21">
        <v>17</v>
      </c>
      <c r="C58" s="6">
        <v>9</v>
      </c>
      <c r="D58" s="5">
        <v>26</v>
      </c>
    </row>
    <row r="59" spans="1:4" ht="18" customHeight="1" x14ac:dyDescent="0.15">
      <c r="A59" s="8" t="s">
        <v>16</v>
      </c>
      <c r="B59" s="21">
        <v>83</v>
      </c>
      <c r="C59" s="6">
        <v>64</v>
      </c>
      <c r="D59" s="5">
        <v>147</v>
      </c>
    </row>
    <row r="60" spans="1:4" ht="18" customHeight="1" x14ac:dyDescent="0.15">
      <c r="A60" s="8">
        <v>45</v>
      </c>
      <c r="B60" s="21">
        <v>22</v>
      </c>
      <c r="C60" s="6">
        <v>15</v>
      </c>
      <c r="D60" s="5">
        <v>37</v>
      </c>
    </row>
    <row r="61" spans="1:4" ht="18" customHeight="1" x14ac:dyDescent="0.15">
      <c r="A61" s="8">
        <v>46</v>
      </c>
      <c r="B61" s="21">
        <v>14</v>
      </c>
      <c r="C61" s="6">
        <v>13</v>
      </c>
      <c r="D61" s="5">
        <v>27</v>
      </c>
    </row>
    <row r="62" spans="1:4" ht="18" customHeight="1" x14ac:dyDescent="0.15">
      <c r="A62" s="8">
        <v>47</v>
      </c>
      <c r="B62" s="21">
        <v>15</v>
      </c>
      <c r="C62" s="6">
        <v>23</v>
      </c>
      <c r="D62" s="5">
        <v>38</v>
      </c>
    </row>
    <row r="63" spans="1:4" ht="18" customHeight="1" x14ac:dyDescent="0.15">
      <c r="A63" s="8">
        <v>48</v>
      </c>
      <c r="B63" s="21">
        <v>24</v>
      </c>
      <c r="C63" s="6">
        <v>21</v>
      </c>
      <c r="D63" s="5">
        <v>45</v>
      </c>
    </row>
    <row r="64" spans="1:4" ht="18" customHeight="1" x14ac:dyDescent="0.15">
      <c r="A64" s="8">
        <v>49</v>
      </c>
      <c r="B64" s="21">
        <v>22</v>
      </c>
      <c r="C64" s="6">
        <v>12</v>
      </c>
      <c r="D64" s="5">
        <v>34</v>
      </c>
    </row>
    <row r="65" spans="1:4" ht="18" customHeight="1" x14ac:dyDescent="0.15">
      <c r="A65" s="8" t="s">
        <v>15</v>
      </c>
      <c r="B65" s="21">
        <v>97</v>
      </c>
      <c r="C65" s="6">
        <v>84</v>
      </c>
      <c r="D65" s="5">
        <v>181</v>
      </c>
    </row>
    <row r="66" spans="1:4" ht="18" customHeight="1" x14ac:dyDescent="0.15">
      <c r="A66" s="8">
        <v>50</v>
      </c>
      <c r="B66" s="21">
        <v>20</v>
      </c>
      <c r="C66" s="6">
        <v>18</v>
      </c>
      <c r="D66" s="5">
        <v>38</v>
      </c>
    </row>
    <row r="67" spans="1:4" ht="18" customHeight="1" x14ac:dyDescent="0.15">
      <c r="A67" s="8">
        <v>51</v>
      </c>
      <c r="B67" s="21">
        <v>24</v>
      </c>
      <c r="C67" s="6">
        <v>18</v>
      </c>
      <c r="D67" s="5">
        <v>42</v>
      </c>
    </row>
    <row r="68" spans="1:4" ht="18" customHeight="1" x14ac:dyDescent="0.15">
      <c r="A68" s="8">
        <v>52</v>
      </c>
      <c r="B68" s="21">
        <v>28</v>
      </c>
      <c r="C68" s="6">
        <v>16</v>
      </c>
      <c r="D68" s="5">
        <v>44</v>
      </c>
    </row>
    <row r="69" spans="1:4" ht="18" customHeight="1" x14ac:dyDescent="0.15">
      <c r="A69" s="8">
        <v>53</v>
      </c>
      <c r="B69" s="21">
        <v>22</v>
      </c>
      <c r="C69" s="6">
        <v>36</v>
      </c>
      <c r="D69" s="5">
        <v>58</v>
      </c>
    </row>
    <row r="70" spans="1:4" ht="18" customHeight="1" x14ac:dyDescent="0.15">
      <c r="A70" s="8">
        <v>54</v>
      </c>
      <c r="B70" s="21">
        <v>15</v>
      </c>
      <c r="C70" s="6">
        <v>19</v>
      </c>
      <c r="D70" s="5">
        <v>34</v>
      </c>
    </row>
    <row r="71" spans="1:4" ht="18" customHeight="1" x14ac:dyDescent="0.15">
      <c r="A71" s="8" t="s">
        <v>14</v>
      </c>
      <c r="B71" s="21">
        <v>109</v>
      </c>
      <c r="C71" s="6">
        <v>107</v>
      </c>
      <c r="D71" s="5">
        <v>216</v>
      </c>
    </row>
    <row r="72" spans="1:4" ht="18" customHeight="1" x14ac:dyDescent="0.15">
      <c r="A72" s="8">
        <v>55</v>
      </c>
      <c r="B72" s="21">
        <v>16</v>
      </c>
      <c r="C72" s="6">
        <v>15</v>
      </c>
      <c r="D72" s="5">
        <v>31</v>
      </c>
    </row>
    <row r="73" spans="1:4" ht="18" customHeight="1" x14ac:dyDescent="0.15">
      <c r="A73" s="8">
        <v>56</v>
      </c>
      <c r="B73" s="21">
        <v>25</v>
      </c>
      <c r="C73" s="6">
        <v>17</v>
      </c>
      <c r="D73" s="5">
        <v>42</v>
      </c>
    </row>
    <row r="74" spans="1:4" ht="18" customHeight="1" x14ac:dyDescent="0.15">
      <c r="A74" s="8">
        <v>57</v>
      </c>
      <c r="B74" s="21">
        <v>26</v>
      </c>
      <c r="C74" s="6">
        <v>16</v>
      </c>
      <c r="D74" s="5">
        <v>42</v>
      </c>
    </row>
    <row r="75" spans="1:4" ht="18" customHeight="1" x14ac:dyDescent="0.15">
      <c r="A75" s="8">
        <v>58</v>
      </c>
      <c r="B75" s="21">
        <v>20</v>
      </c>
      <c r="C75" s="6">
        <v>15</v>
      </c>
      <c r="D75" s="5">
        <v>35</v>
      </c>
    </row>
    <row r="76" spans="1:4" ht="18" customHeight="1" x14ac:dyDescent="0.15">
      <c r="A76" s="8">
        <v>59</v>
      </c>
      <c r="B76" s="21">
        <v>17</v>
      </c>
      <c r="C76" s="6">
        <v>14</v>
      </c>
      <c r="D76" s="5">
        <v>31</v>
      </c>
    </row>
    <row r="77" spans="1:4" ht="18" customHeight="1" x14ac:dyDescent="0.15">
      <c r="A77" s="8" t="s">
        <v>13</v>
      </c>
      <c r="B77" s="21">
        <v>104</v>
      </c>
      <c r="C77" s="6">
        <v>77</v>
      </c>
      <c r="D77" s="5">
        <v>181</v>
      </c>
    </row>
    <row r="78" spans="1:4" ht="18" customHeight="1" x14ac:dyDescent="0.15">
      <c r="A78" s="8">
        <v>60</v>
      </c>
      <c r="B78" s="21">
        <v>18</v>
      </c>
      <c r="C78" s="6">
        <v>16</v>
      </c>
      <c r="D78" s="5">
        <v>34</v>
      </c>
    </row>
    <row r="79" spans="1:4" ht="18" customHeight="1" x14ac:dyDescent="0.15">
      <c r="A79" s="8">
        <v>61</v>
      </c>
      <c r="B79" s="21">
        <v>23</v>
      </c>
      <c r="C79" s="6">
        <v>17</v>
      </c>
      <c r="D79" s="5">
        <v>40</v>
      </c>
    </row>
    <row r="80" spans="1:4" ht="18" customHeight="1" x14ac:dyDescent="0.15">
      <c r="A80" s="8">
        <v>62</v>
      </c>
      <c r="B80" s="21">
        <v>15</v>
      </c>
      <c r="C80" s="6">
        <v>33</v>
      </c>
      <c r="D80" s="5">
        <v>48</v>
      </c>
    </row>
    <row r="81" spans="1:4" ht="18" customHeight="1" x14ac:dyDescent="0.15">
      <c r="A81" s="8">
        <v>63</v>
      </c>
      <c r="B81" s="21">
        <v>19</v>
      </c>
      <c r="C81" s="6">
        <v>18</v>
      </c>
      <c r="D81" s="5">
        <v>37</v>
      </c>
    </row>
    <row r="82" spans="1:4" ht="18" customHeight="1" x14ac:dyDescent="0.15">
      <c r="A82" s="8">
        <v>64</v>
      </c>
      <c r="B82" s="21">
        <v>15</v>
      </c>
      <c r="C82" s="6">
        <v>19</v>
      </c>
      <c r="D82" s="5">
        <v>34</v>
      </c>
    </row>
    <row r="83" spans="1:4" ht="18" customHeight="1" x14ac:dyDescent="0.15">
      <c r="A83" s="8" t="s">
        <v>12</v>
      </c>
      <c r="B83" s="21">
        <v>90</v>
      </c>
      <c r="C83" s="6">
        <v>103</v>
      </c>
      <c r="D83" s="5">
        <v>193</v>
      </c>
    </row>
    <row r="84" spans="1:4" ht="18" customHeight="1" x14ac:dyDescent="0.15">
      <c r="A84" s="8" t="s">
        <v>11</v>
      </c>
      <c r="B84" s="21">
        <v>769</v>
      </c>
      <c r="C84" s="6">
        <v>673</v>
      </c>
      <c r="D84" s="5">
        <v>1442</v>
      </c>
    </row>
    <row r="85" spans="1:4" ht="18" customHeight="1" x14ac:dyDescent="0.15">
      <c r="A85" s="8">
        <v>65</v>
      </c>
      <c r="B85" s="21">
        <v>22</v>
      </c>
      <c r="C85" s="6">
        <v>24</v>
      </c>
      <c r="D85" s="5">
        <v>46</v>
      </c>
    </row>
    <row r="86" spans="1:4" ht="18" customHeight="1" x14ac:dyDescent="0.15">
      <c r="A86" s="8">
        <v>66</v>
      </c>
      <c r="B86" s="21">
        <v>16</v>
      </c>
      <c r="C86" s="6">
        <v>18</v>
      </c>
      <c r="D86" s="5">
        <v>34</v>
      </c>
    </row>
    <row r="87" spans="1:4" ht="18" customHeight="1" x14ac:dyDescent="0.15">
      <c r="A87" s="8">
        <v>67</v>
      </c>
      <c r="B87" s="21">
        <v>16</v>
      </c>
      <c r="C87" s="6">
        <v>24</v>
      </c>
      <c r="D87" s="5">
        <v>40</v>
      </c>
    </row>
    <row r="88" spans="1:4" ht="18" customHeight="1" x14ac:dyDescent="0.15">
      <c r="A88" s="8">
        <v>68</v>
      </c>
      <c r="B88" s="21">
        <v>14</v>
      </c>
      <c r="C88" s="6">
        <v>23</v>
      </c>
      <c r="D88" s="5">
        <v>37</v>
      </c>
    </row>
    <row r="89" spans="1:4" ht="18" customHeight="1" x14ac:dyDescent="0.15">
      <c r="A89" s="8">
        <v>69</v>
      </c>
      <c r="B89" s="21">
        <v>26</v>
      </c>
      <c r="C89" s="6">
        <v>19</v>
      </c>
      <c r="D89" s="5">
        <v>45</v>
      </c>
    </row>
    <row r="90" spans="1:4" ht="18" customHeight="1" x14ac:dyDescent="0.15">
      <c r="A90" s="8" t="s">
        <v>10</v>
      </c>
      <c r="B90" s="21">
        <v>94</v>
      </c>
      <c r="C90" s="6">
        <v>108</v>
      </c>
      <c r="D90" s="5">
        <v>202</v>
      </c>
    </row>
    <row r="91" spans="1:4" ht="18" customHeight="1" x14ac:dyDescent="0.15">
      <c r="A91" s="8">
        <v>70</v>
      </c>
      <c r="B91" s="21">
        <v>14</v>
      </c>
      <c r="C91" s="6">
        <v>27</v>
      </c>
      <c r="D91" s="5">
        <v>41</v>
      </c>
    </row>
    <row r="92" spans="1:4" ht="18" customHeight="1" x14ac:dyDescent="0.15">
      <c r="A92" s="8">
        <v>71</v>
      </c>
      <c r="B92" s="21">
        <v>23</v>
      </c>
      <c r="C92" s="6">
        <v>19</v>
      </c>
      <c r="D92" s="5">
        <v>42</v>
      </c>
    </row>
    <row r="93" spans="1:4" ht="18" customHeight="1" x14ac:dyDescent="0.15">
      <c r="A93" s="8">
        <v>72</v>
      </c>
      <c r="B93" s="21">
        <v>22</v>
      </c>
      <c r="C93" s="6">
        <v>30</v>
      </c>
      <c r="D93" s="5">
        <v>52</v>
      </c>
    </row>
    <row r="94" spans="1:4" ht="18" customHeight="1" x14ac:dyDescent="0.15">
      <c r="A94" s="8">
        <v>73</v>
      </c>
      <c r="B94" s="21">
        <v>31</v>
      </c>
      <c r="C94" s="6">
        <v>27</v>
      </c>
      <c r="D94" s="5">
        <v>58</v>
      </c>
    </row>
    <row r="95" spans="1:4" ht="18" customHeight="1" x14ac:dyDescent="0.15">
      <c r="A95" s="8">
        <v>74</v>
      </c>
      <c r="B95" s="21">
        <v>25</v>
      </c>
      <c r="C95" s="6">
        <v>19</v>
      </c>
      <c r="D95" s="5">
        <v>44</v>
      </c>
    </row>
    <row r="96" spans="1:4" ht="18" customHeight="1" x14ac:dyDescent="0.15">
      <c r="A96" s="8" t="s">
        <v>9</v>
      </c>
      <c r="B96" s="21">
        <v>115</v>
      </c>
      <c r="C96" s="6">
        <v>122</v>
      </c>
      <c r="D96" s="5">
        <v>237</v>
      </c>
    </row>
    <row r="97" spans="1:4" ht="18" customHeight="1" x14ac:dyDescent="0.15">
      <c r="A97" s="8">
        <v>75</v>
      </c>
      <c r="B97" s="21">
        <v>26</v>
      </c>
      <c r="C97" s="6">
        <v>18</v>
      </c>
      <c r="D97" s="5">
        <v>44</v>
      </c>
    </row>
    <row r="98" spans="1:4" ht="18" customHeight="1" x14ac:dyDescent="0.15">
      <c r="A98" s="8">
        <v>76</v>
      </c>
      <c r="B98" s="21">
        <v>24</v>
      </c>
      <c r="C98" s="6">
        <v>36</v>
      </c>
      <c r="D98" s="5">
        <v>60</v>
      </c>
    </row>
    <row r="99" spans="1:4" ht="18" customHeight="1" x14ac:dyDescent="0.15">
      <c r="A99" s="8">
        <v>77</v>
      </c>
      <c r="B99" s="21">
        <v>36</v>
      </c>
      <c r="C99" s="6">
        <v>25</v>
      </c>
      <c r="D99" s="5">
        <v>61</v>
      </c>
    </row>
    <row r="100" spans="1:4" ht="18" customHeight="1" x14ac:dyDescent="0.15">
      <c r="A100" s="8">
        <v>78</v>
      </c>
      <c r="B100" s="21">
        <v>27</v>
      </c>
      <c r="C100" s="6">
        <v>29</v>
      </c>
      <c r="D100" s="5">
        <v>56</v>
      </c>
    </row>
    <row r="101" spans="1:4" ht="18" customHeight="1" x14ac:dyDescent="0.15">
      <c r="A101" s="8">
        <v>79</v>
      </c>
      <c r="B101" s="21">
        <v>19</v>
      </c>
      <c r="C101" s="6">
        <v>17</v>
      </c>
      <c r="D101" s="5">
        <v>36</v>
      </c>
    </row>
    <row r="102" spans="1:4" ht="18" customHeight="1" x14ac:dyDescent="0.15">
      <c r="A102" s="8" t="s">
        <v>8</v>
      </c>
      <c r="B102" s="21">
        <v>132</v>
      </c>
      <c r="C102" s="6">
        <v>125</v>
      </c>
      <c r="D102" s="5">
        <v>257</v>
      </c>
    </row>
    <row r="103" spans="1:4" ht="18" customHeight="1" x14ac:dyDescent="0.15">
      <c r="A103" s="8">
        <v>80</v>
      </c>
      <c r="B103" s="21">
        <v>15</v>
      </c>
      <c r="C103" s="6">
        <v>18</v>
      </c>
      <c r="D103" s="5">
        <v>33</v>
      </c>
    </row>
    <row r="104" spans="1:4" ht="18" customHeight="1" x14ac:dyDescent="0.15">
      <c r="A104" s="8">
        <v>81</v>
      </c>
      <c r="B104" s="21">
        <v>18</v>
      </c>
      <c r="C104" s="6">
        <v>24</v>
      </c>
      <c r="D104" s="5">
        <v>42</v>
      </c>
    </row>
    <row r="105" spans="1:4" ht="18" customHeight="1" x14ac:dyDescent="0.15">
      <c r="A105" s="8">
        <v>82</v>
      </c>
      <c r="B105" s="21">
        <v>9</v>
      </c>
      <c r="C105" s="6">
        <v>19</v>
      </c>
      <c r="D105" s="5">
        <v>28</v>
      </c>
    </row>
    <row r="106" spans="1:4" ht="18" customHeight="1" x14ac:dyDescent="0.15">
      <c r="A106" s="8">
        <v>83</v>
      </c>
      <c r="B106" s="21">
        <v>8</v>
      </c>
      <c r="C106" s="6">
        <v>13</v>
      </c>
      <c r="D106" s="5">
        <v>21</v>
      </c>
    </row>
    <row r="107" spans="1:4" ht="18" customHeight="1" x14ac:dyDescent="0.15">
      <c r="A107" s="8">
        <v>84</v>
      </c>
      <c r="B107" s="21">
        <v>16</v>
      </c>
      <c r="C107" s="6">
        <v>18</v>
      </c>
      <c r="D107" s="5">
        <v>34</v>
      </c>
    </row>
    <row r="108" spans="1:4" ht="18" customHeight="1" x14ac:dyDescent="0.15">
      <c r="A108" s="8" t="s">
        <v>7</v>
      </c>
      <c r="B108" s="21">
        <v>66</v>
      </c>
      <c r="C108" s="6">
        <v>92</v>
      </c>
      <c r="D108" s="5">
        <v>158</v>
      </c>
    </row>
    <row r="109" spans="1:4" ht="18" customHeight="1" x14ac:dyDescent="0.15">
      <c r="A109" s="8">
        <v>85</v>
      </c>
      <c r="B109" s="21">
        <v>10</v>
      </c>
      <c r="C109" s="6">
        <v>10</v>
      </c>
      <c r="D109" s="5">
        <v>20</v>
      </c>
    </row>
    <row r="110" spans="1:4" ht="18" customHeight="1" x14ac:dyDescent="0.15">
      <c r="A110" s="8">
        <v>86</v>
      </c>
      <c r="B110" s="21">
        <v>8</v>
      </c>
      <c r="C110" s="6">
        <v>11</v>
      </c>
      <c r="D110" s="5">
        <v>19</v>
      </c>
    </row>
    <row r="111" spans="1:4" ht="18" customHeight="1" x14ac:dyDescent="0.15">
      <c r="A111" s="8">
        <v>87</v>
      </c>
      <c r="B111" s="21">
        <v>2</v>
      </c>
      <c r="C111" s="6">
        <v>12</v>
      </c>
      <c r="D111" s="5">
        <v>14</v>
      </c>
    </row>
    <row r="112" spans="1:4" ht="18" customHeight="1" x14ac:dyDescent="0.15">
      <c r="A112" s="8">
        <v>88</v>
      </c>
      <c r="B112" s="21">
        <v>5</v>
      </c>
      <c r="C112" s="6">
        <v>11</v>
      </c>
      <c r="D112" s="5">
        <v>16</v>
      </c>
    </row>
    <row r="113" spans="1:4" ht="18" customHeight="1" x14ac:dyDescent="0.15">
      <c r="A113" s="8">
        <v>89</v>
      </c>
      <c r="B113" s="21">
        <v>11</v>
      </c>
      <c r="C113" s="6">
        <v>7</v>
      </c>
      <c r="D113" s="5">
        <v>18</v>
      </c>
    </row>
    <row r="114" spans="1:4" ht="18" customHeight="1" x14ac:dyDescent="0.15">
      <c r="A114" s="8" t="s">
        <v>6</v>
      </c>
      <c r="B114" s="21">
        <v>36</v>
      </c>
      <c r="C114" s="6">
        <v>51</v>
      </c>
      <c r="D114" s="5">
        <v>87</v>
      </c>
    </row>
    <row r="115" spans="1:4" ht="18" customHeight="1" x14ac:dyDescent="0.15">
      <c r="A115" s="8">
        <v>90</v>
      </c>
      <c r="B115" s="21">
        <v>5</v>
      </c>
      <c r="C115" s="6">
        <v>13</v>
      </c>
      <c r="D115" s="5">
        <v>18</v>
      </c>
    </row>
    <row r="116" spans="1:4" ht="18" customHeight="1" x14ac:dyDescent="0.15">
      <c r="A116" s="8">
        <v>91</v>
      </c>
      <c r="B116" s="21">
        <v>2</v>
      </c>
      <c r="C116" s="6">
        <v>6</v>
      </c>
      <c r="D116" s="5">
        <v>8</v>
      </c>
    </row>
    <row r="117" spans="1:4" ht="18" customHeight="1" x14ac:dyDescent="0.15">
      <c r="A117" s="8">
        <v>92</v>
      </c>
      <c r="B117" s="21">
        <v>2</v>
      </c>
      <c r="C117" s="6">
        <v>10</v>
      </c>
      <c r="D117" s="5">
        <v>12</v>
      </c>
    </row>
    <row r="118" spans="1:4" ht="18" customHeight="1" x14ac:dyDescent="0.15">
      <c r="A118" s="8">
        <v>93</v>
      </c>
      <c r="B118" s="21">
        <v>3</v>
      </c>
      <c r="C118" s="6">
        <v>7</v>
      </c>
      <c r="D118" s="5">
        <v>10</v>
      </c>
    </row>
    <row r="119" spans="1:4" ht="18" customHeight="1" x14ac:dyDescent="0.15">
      <c r="A119" s="8">
        <v>94</v>
      </c>
      <c r="B119" s="21">
        <v>0</v>
      </c>
      <c r="C119" s="6">
        <v>8</v>
      </c>
      <c r="D119" s="5">
        <v>8</v>
      </c>
    </row>
    <row r="120" spans="1:4" ht="18" customHeight="1" x14ac:dyDescent="0.15">
      <c r="A120" s="8" t="s">
        <v>5</v>
      </c>
      <c r="B120" s="21">
        <v>12</v>
      </c>
      <c r="C120" s="6">
        <v>44</v>
      </c>
      <c r="D120" s="5">
        <v>56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9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57</v>
      </c>
      <c r="C130" s="6">
        <v>555</v>
      </c>
      <c r="D130" s="5">
        <v>1012</v>
      </c>
    </row>
    <row r="131" spans="1:4" ht="18" customHeight="1" x14ac:dyDescent="0.15">
      <c r="A131" s="4" t="s">
        <v>0</v>
      </c>
      <c r="B131" s="20">
        <v>1341</v>
      </c>
      <c r="C131" s="2">
        <v>1339</v>
      </c>
      <c r="D131" s="1">
        <v>268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992C65-FC0D-4B42-906B-7D0AE69E3986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0</v>
      </c>
      <c r="C5" s="11">
        <v>9</v>
      </c>
      <c r="D5" s="10">
        <v>19</v>
      </c>
    </row>
    <row r="6" spans="1:4" ht="18" customHeight="1" x14ac:dyDescent="0.15">
      <c r="A6" s="8">
        <v>1</v>
      </c>
      <c r="B6" s="21">
        <v>10</v>
      </c>
      <c r="C6" s="6">
        <v>8</v>
      </c>
      <c r="D6" s="5">
        <v>18</v>
      </c>
    </row>
    <row r="7" spans="1:4" ht="18" customHeight="1" x14ac:dyDescent="0.15">
      <c r="A7" s="8">
        <v>2</v>
      </c>
      <c r="B7" s="21">
        <v>9</v>
      </c>
      <c r="C7" s="6">
        <v>9</v>
      </c>
      <c r="D7" s="5">
        <v>18</v>
      </c>
    </row>
    <row r="8" spans="1:4" ht="18" customHeight="1" x14ac:dyDescent="0.15">
      <c r="A8" s="8">
        <v>3</v>
      </c>
      <c r="B8" s="21">
        <v>6</v>
      </c>
      <c r="C8" s="6">
        <v>13</v>
      </c>
      <c r="D8" s="5">
        <v>19</v>
      </c>
    </row>
    <row r="9" spans="1:4" ht="18" customHeight="1" x14ac:dyDescent="0.15">
      <c r="A9" s="8">
        <v>4</v>
      </c>
      <c r="B9" s="21">
        <v>7</v>
      </c>
      <c r="C9" s="6">
        <v>10</v>
      </c>
      <c r="D9" s="5">
        <v>17</v>
      </c>
    </row>
    <row r="10" spans="1:4" ht="18" customHeight="1" x14ac:dyDescent="0.15">
      <c r="A10" s="8" t="s">
        <v>25</v>
      </c>
      <c r="B10" s="21">
        <v>42</v>
      </c>
      <c r="C10" s="6">
        <v>49</v>
      </c>
      <c r="D10" s="5">
        <v>91</v>
      </c>
    </row>
    <row r="11" spans="1:4" ht="18" customHeight="1" x14ac:dyDescent="0.15">
      <c r="A11" s="8">
        <v>5</v>
      </c>
      <c r="B11" s="21">
        <v>14</v>
      </c>
      <c r="C11" s="6">
        <v>10</v>
      </c>
      <c r="D11" s="5">
        <v>24</v>
      </c>
    </row>
    <row r="12" spans="1:4" ht="18" customHeight="1" x14ac:dyDescent="0.15">
      <c r="A12" s="8">
        <v>6</v>
      </c>
      <c r="B12" s="21">
        <v>7</v>
      </c>
      <c r="C12" s="6">
        <v>16</v>
      </c>
      <c r="D12" s="5">
        <v>23</v>
      </c>
    </row>
    <row r="13" spans="1:4" ht="18" customHeight="1" x14ac:dyDescent="0.15">
      <c r="A13" s="8">
        <v>7</v>
      </c>
      <c r="B13" s="21">
        <v>11</v>
      </c>
      <c r="C13" s="6">
        <v>13</v>
      </c>
      <c r="D13" s="5">
        <v>24</v>
      </c>
    </row>
    <row r="14" spans="1:4" ht="18" customHeight="1" x14ac:dyDescent="0.15">
      <c r="A14" s="8">
        <v>8</v>
      </c>
      <c r="B14" s="21">
        <v>13</v>
      </c>
      <c r="C14" s="6">
        <v>13</v>
      </c>
      <c r="D14" s="5">
        <v>26</v>
      </c>
    </row>
    <row r="15" spans="1:4" ht="18" customHeight="1" x14ac:dyDescent="0.15">
      <c r="A15" s="8">
        <v>9</v>
      </c>
      <c r="B15" s="21">
        <v>13</v>
      </c>
      <c r="C15" s="6">
        <v>4</v>
      </c>
      <c r="D15" s="5">
        <v>17</v>
      </c>
    </row>
    <row r="16" spans="1:4" ht="18" customHeight="1" x14ac:dyDescent="0.15">
      <c r="A16" s="8" t="s">
        <v>24</v>
      </c>
      <c r="B16" s="21">
        <v>58</v>
      </c>
      <c r="C16" s="6">
        <v>56</v>
      </c>
      <c r="D16" s="5">
        <v>114</v>
      </c>
    </row>
    <row r="17" spans="1:4" ht="18" customHeight="1" x14ac:dyDescent="0.15">
      <c r="A17" s="8">
        <v>10</v>
      </c>
      <c r="B17" s="21">
        <v>14</v>
      </c>
      <c r="C17" s="6">
        <v>8</v>
      </c>
      <c r="D17" s="5">
        <v>22</v>
      </c>
    </row>
    <row r="18" spans="1:4" ht="18" customHeight="1" x14ac:dyDescent="0.15">
      <c r="A18" s="8">
        <v>11</v>
      </c>
      <c r="B18" s="21">
        <v>18</v>
      </c>
      <c r="C18" s="6">
        <v>19</v>
      </c>
      <c r="D18" s="5">
        <v>37</v>
      </c>
    </row>
    <row r="19" spans="1:4" ht="18" customHeight="1" x14ac:dyDescent="0.15">
      <c r="A19" s="8">
        <v>12</v>
      </c>
      <c r="B19" s="21">
        <v>9</v>
      </c>
      <c r="C19" s="6">
        <v>14</v>
      </c>
      <c r="D19" s="5">
        <v>23</v>
      </c>
    </row>
    <row r="20" spans="1:4" ht="18" customHeight="1" x14ac:dyDescent="0.15">
      <c r="A20" s="8">
        <v>13</v>
      </c>
      <c r="B20" s="21">
        <v>18</v>
      </c>
      <c r="C20" s="6">
        <v>17</v>
      </c>
      <c r="D20" s="5">
        <v>35</v>
      </c>
    </row>
    <row r="21" spans="1:4" ht="18" customHeight="1" x14ac:dyDescent="0.15">
      <c r="A21" s="8">
        <v>14</v>
      </c>
      <c r="B21" s="21">
        <v>16</v>
      </c>
      <c r="C21" s="6">
        <v>12</v>
      </c>
      <c r="D21" s="5">
        <v>28</v>
      </c>
    </row>
    <row r="22" spans="1:4" ht="18" customHeight="1" x14ac:dyDescent="0.15">
      <c r="A22" s="8" t="s">
        <v>23</v>
      </c>
      <c r="B22" s="21">
        <v>75</v>
      </c>
      <c r="C22" s="6">
        <v>70</v>
      </c>
      <c r="D22" s="5">
        <v>145</v>
      </c>
    </row>
    <row r="23" spans="1:4" ht="18" customHeight="1" x14ac:dyDescent="0.15">
      <c r="A23" s="8" t="s">
        <v>22</v>
      </c>
      <c r="B23" s="21">
        <v>175</v>
      </c>
      <c r="C23" s="6">
        <v>175</v>
      </c>
      <c r="D23" s="5">
        <v>350</v>
      </c>
    </row>
    <row r="24" spans="1:4" ht="18" customHeight="1" x14ac:dyDescent="0.15">
      <c r="A24" s="8">
        <v>15</v>
      </c>
      <c r="B24" s="21">
        <v>16</v>
      </c>
      <c r="C24" s="6">
        <v>16</v>
      </c>
      <c r="D24" s="5">
        <v>32</v>
      </c>
    </row>
    <row r="25" spans="1:4" ht="18" customHeight="1" x14ac:dyDescent="0.15">
      <c r="A25" s="8">
        <v>16</v>
      </c>
      <c r="B25" s="21">
        <v>21</v>
      </c>
      <c r="C25" s="6">
        <v>15</v>
      </c>
      <c r="D25" s="5">
        <v>36</v>
      </c>
    </row>
    <row r="26" spans="1:4" ht="18" customHeight="1" x14ac:dyDescent="0.15">
      <c r="A26" s="8">
        <v>17</v>
      </c>
      <c r="B26" s="21">
        <v>24</v>
      </c>
      <c r="C26" s="6">
        <v>20</v>
      </c>
      <c r="D26" s="5">
        <v>44</v>
      </c>
    </row>
    <row r="27" spans="1:4" ht="18" customHeight="1" x14ac:dyDescent="0.15">
      <c r="A27" s="8">
        <v>18</v>
      </c>
      <c r="B27" s="21">
        <v>14</v>
      </c>
      <c r="C27" s="6">
        <v>21</v>
      </c>
      <c r="D27" s="5">
        <v>35</v>
      </c>
    </row>
    <row r="28" spans="1:4" ht="18" customHeight="1" x14ac:dyDescent="0.15">
      <c r="A28" s="8">
        <v>19</v>
      </c>
      <c r="B28" s="21">
        <v>9</v>
      </c>
      <c r="C28" s="6">
        <v>13</v>
      </c>
      <c r="D28" s="5">
        <v>22</v>
      </c>
    </row>
    <row r="29" spans="1:4" ht="18" customHeight="1" x14ac:dyDescent="0.15">
      <c r="A29" s="8" t="s">
        <v>21</v>
      </c>
      <c r="B29" s="21">
        <v>84</v>
      </c>
      <c r="C29" s="6">
        <v>85</v>
      </c>
      <c r="D29" s="5">
        <v>169</v>
      </c>
    </row>
    <row r="30" spans="1:4" ht="18" customHeight="1" x14ac:dyDescent="0.15">
      <c r="A30" s="8">
        <v>20</v>
      </c>
      <c r="B30" s="21">
        <v>14</v>
      </c>
      <c r="C30" s="6">
        <v>17</v>
      </c>
      <c r="D30" s="5">
        <v>31</v>
      </c>
    </row>
    <row r="31" spans="1:4" ht="18" customHeight="1" x14ac:dyDescent="0.15">
      <c r="A31" s="8">
        <v>21</v>
      </c>
      <c r="B31" s="21">
        <v>12</v>
      </c>
      <c r="C31" s="6">
        <v>4</v>
      </c>
      <c r="D31" s="5">
        <v>16</v>
      </c>
    </row>
    <row r="32" spans="1:4" ht="18" customHeight="1" x14ac:dyDescent="0.15">
      <c r="A32" s="8">
        <v>22</v>
      </c>
      <c r="B32" s="21">
        <v>16</v>
      </c>
      <c r="C32" s="6">
        <v>15</v>
      </c>
      <c r="D32" s="5">
        <v>31</v>
      </c>
    </row>
    <row r="33" spans="1:4" ht="18" customHeight="1" x14ac:dyDescent="0.15">
      <c r="A33" s="8">
        <v>23</v>
      </c>
      <c r="B33" s="21">
        <v>14</v>
      </c>
      <c r="C33" s="6">
        <v>9</v>
      </c>
      <c r="D33" s="5">
        <v>23</v>
      </c>
    </row>
    <row r="34" spans="1:4" ht="18" customHeight="1" x14ac:dyDescent="0.15">
      <c r="A34" s="8">
        <v>24</v>
      </c>
      <c r="B34" s="21">
        <v>15</v>
      </c>
      <c r="C34" s="6">
        <v>15</v>
      </c>
      <c r="D34" s="5">
        <v>30</v>
      </c>
    </row>
    <row r="35" spans="1:4" ht="18" customHeight="1" x14ac:dyDescent="0.15">
      <c r="A35" s="8" t="s">
        <v>20</v>
      </c>
      <c r="B35" s="21">
        <v>71</v>
      </c>
      <c r="C35" s="6">
        <v>60</v>
      </c>
      <c r="D35" s="5">
        <v>131</v>
      </c>
    </row>
    <row r="36" spans="1:4" ht="18" customHeight="1" x14ac:dyDescent="0.15">
      <c r="A36" s="8">
        <v>25</v>
      </c>
      <c r="B36" s="21">
        <v>14</v>
      </c>
      <c r="C36" s="6">
        <v>12</v>
      </c>
      <c r="D36" s="5">
        <v>26</v>
      </c>
    </row>
    <row r="37" spans="1:4" ht="18" customHeight="1" x14ac:dyDescent="0.15">
      <c r="A37" s="8">
        <v>26</v>
      </c>
      <c r="B37" s="21">
        <v>10</v>
      </c>
      <c r="C37" s="6">
        <v>6</v>
      </c>
      <c r="D37" s="5">
        <v>16</v>
      </c>
    </row>
    <row r="38" spans="1:4" ht="18" customHeight="1" x14ac:dyDescent="0.15">
      <c r="A38" s="8">
        <v>27</v>
      </c>
      <c r="B38" s="21">
        <v>10</v>
      </c>
      <c r="C38" s="6">
        <v>8</v>
      </c>
      <c r="D38" s="5">
        <v>18</v>
      </c>
    </row>
    <row r="39" spans="1:4" ht="18" customHeight="1" x14ac:dyDescent="0.15">
      <c r="A39" s="8">
        <v>28</v>
      </c>
      <c r="B39" s="21">
        <v>11</v>
      </c>
      <c r="C39" s="6">
        <v>8</v>
      </c>
      <c r="D39" s="5">
        <v>19</v>
      </c>
    </row>
    <row r="40" spans="1:4" ht="18" customHeight="1" x14ac:dyDescent="0.15">
      <c r="A40" s="8">
        <v>29</v>
      </c>
      <c r="B40" s="21">
        <v>11</v>
      </c>
      <c r="C40" s="6">
        <v>10</v>
      </c>
      <c r="D40" s="5">
        <v>21</v>
      </c>
    </row>
    <row r="41" spans="1:4" ht="18" customHeight="1" x14ac:dyDescent="0.15">
      <c r="A41" s="8" t="s">
        <v>19</v>
      </c>
      <c r="B41" s="21">
        <v>56</v>
      </c>
      <c r="C41" s="6">
        <v>44</v>
      </c>
      <c r="D41" s="5">
        <v>100</v>
      </c>
    </row>
    <row r="42" spans="1:4" ht="18" customHeight="1" x14ac:dyDescent="0.15">
      <c r="A42" s="8">
        <v>30</v>
      </c>
      <c r="B42" s="21">
        <v>8</v>
      </c>
      <c r="C42" s="6">
        <v>10</v>
      </c>
      <c r="D42" s="5">
        <v>18</v>
      </c>
    </row>
    <row r="43" spans="1:4" ht="18" customHeight="1" x14ac:dyDescent="0.15">
      <c r="A43" s="8">
        <v>31</v>
      </c>
      <c r="B43" s="21">
        <v>9</v>
      </c>
      <c r="C43" s="6">
        <v>9</v>
      </c>
      <c r="D43" s="5">
        <v>18</v>
      </c>
    </row>
    <row r="44" spans="1:4" ht="18" customHeight="1" x14ac:dyDescent="0.15">
      <c r="A44" s="8">
        <v>32</v>
      </c>
      <c r="B44" s="21">
        <v>12</v>
      </c>
      <c r="C44" s="6">
        <v>10</v>
      </c>
      <c r="D44" s="5">
        <v>22</v>
      </c>
    </row>
    <row r="45" spans="1:4" ht="18" customHeight="1" x14ac:dyDescent="0.15">
      <c r="A45" s="8">
        <v>33</v>
      </c>
      <c r="B45" s="21">
        <v>5</v>
      </c>
      <c r="C45" s="6">
        <v>17</v>
      </c>
      <c r="D45" s="5">
        <v>22</v>
      </c>
    </row>
    <row r="46" spans="1:4" ht="18" customHeight="1" x14ac:dyDescent="0.15">
      <c r="A46" s="8">
        <v>34</v>
      </c>
      <c r="B46" s="21">
        <v>17</v>
      </c>
      <c r="C46" s="6">
        <v>11</v>
      </c>
      <c r="D46" s="5">
        <v>28</v>
      </c>
    </row>
    <row r="47" spans="1:4" ht="18" customHeight="1" x14ac:dyDescent="0.15">
      <c r="A47" s="8" t="s">
        <v>18</v>
      </c>
      <c r="B47" s="21">
        <v>51</v>
      </c>
      <c r="C47" s="6">
        <v>57</v>
      </c>
      <c r="D47" s="5">
        <v>108</v>
      </c>
    </row>
    <row r="48" spans="1:4" ht="18" customHeight="1" x14ac:dyDescent="0.15">
      <c r="A48" s="8">
        <v>35</v>
      </c>
      <c r="B48" s="21">
        <v>15</v>
      </c>
      <c r="C48" s="6">
        <v>18</v>
      </c>
      <c r="D48" s="5">
        <v>33</v>
      </c>
    </row>
    <row r="49" spans="1:4" ht="18" customHeight="1" x14ac:dyDescent="0.15">
      <c r="A49" s="8">
        <v>36</v>
      </c>
      <c r="B49" s="21">
        <v>9</v>
      </c>
      <c r="C49" s="6">
        <v>10</v>
      </c>
      <c r="D49" s="5">
        <v>19</v>
      </c>
    </row>
    <row r="50" spans="1:4" ht="18" customHeight="1" x14ac:dyDescent="0.15">
      <c r="A50" s="8">
        <v>37</v>
      </c>
      <c r="B50" s="21">
        <v>15</v>
      </c>
      <c r="C50" s="6">
        <v>11</v>
      </c>
      <c r="D50" s="5">
        <v>26</v>
      </c>
    </row>
    <row r="51" spans="1:4" ht="18" customHeight="1" x14ac:dyDescent="0.15">
      <c r="A51" s="8">
        <v>38</v>
      </c>
      <c r="B51" s="21">
        <v>8</v>
      </c>
      <c r="C51" s="6">
        <v>10</v>
      </c>
      <c r="D51" s="5">
        <v>18</v>
      </c>
    </row>
    <row r="52" spans="1:4" ht="18" customHeight="1" x14ac:dyDescent="0.15">
      <c r="A52" s="8">
        <v>39</v>
      </c>
      <c r="B52" s="21">
        <v>16</v>
      </c>
      <c r="C52" s="6">
        <v>11</v>
      </c>
      <c r="D52" s="5">
        <v>27</v>
      </c>
    </row>
    <row r="53" spans="1:4" ht="18" customHeight="1" x14ac:dyDescent="0.15">
      <c r="A53" s="8" t="s">
        <v>17</v>
      </c>
      <c r="B53" s="21">
        <v>63</v>
      </c>
      <c r="C53" s="6">
        <v>60</v>
      </c>
      <c r="D53" s="5">
        <v>123</v>
      </c>
    </row>
    <row r="54" spans="1:4" ht="18" customHeight="1" x14ac:dyDescent="0.15">
      <c r="A54" s="8">
        <v>40</v>
      </c>
      <c r="B54" s="21">
        <v>15</v>
      </c>
      <c r="C54" s="6">
        <v>17</v>
      </c>
      <c r="D54" s="5">
        <v>32</v>
      </c>
    </row>
    <row r="55" spans="1:4" ht="18" customHeight="1" x14ac:dyDescent="0.15">
      <c r="A55" s="8">
        <v>41</v>
      </c>
      <c r="B55" s="21">
        <v>17</v>
      </c>
      <c r="C55" s="6">
        <v>14</v>
      </c>
      <c r="D55" s="5">
        <v>31</v>
      </c>
    </row>
    <row r="56" spans="1:4" ht="18" customHeight="1" x14ac:dyDescent="0.15">
      <c r="A56" s="8">
        <v>42</v>
      </c>
      <c r="B56" s="21">
        <v>15</v>
      </c>
      <c r="C56" s="6">
        <v>15</v>
      </c>
      <c r="D56" s="5">
        <v>30</v>
      </c>
    </row>
    <row r="57" spans="1:4" ht="18" customHeight="1" x14ac:dyDescent="0.15">
      <c r="A57" s="8">
        <v>43</v>
      </c>
      <c r="B57" s="21">
        <v>15</v>
      </c>
      <c r="C57" s="6">
        <v>10</v>
      </c>
      <c r="D57" s="5">
        <v>25</v>
      </c>
    </row>
    <row r="58" spans="1:4" ht="18" customHeight="1" x14ac:dyDescent="0.15">
      <c r="A58" s="8">
        <v>44</v>
      </c>
      <c r="B58" s="21">
        <v>20</v>
      </c>
      <c r="C58" s="6">
        <v>20</v>
      </c>
      <c r="D58" s="5">
        <v>40</v>
      </c>
    </row>
    <row r="59" spans="1:4" ht="18" customHeight="1" x14ac:dyDescent="0.15">
      <c r="A59" s="8" t="s">
        <v>16</v>
      </c>
      <c r="B59" s="21">
        <v>82</v>
      </c>
      <c r="C59" s="6">
        <v>76</v>
      </c>
      <c r="D59" s="5">
        <v>158</v>
      </c>
    </row>
    <row r="60" spans="1:4" ht="18" customHeight="1" x14ac:dyDescent="0.15">
      <c r="A60" s="8">
        <v>45</v>
      </c>
      <c r="B60" s="21">
        <v>14</v>
      </c>
      <c r="C60" s="6">
        <v>19</v>
      </c>
      <c r="D60" s="5">
        <v>33</v>
      </c>
    </row>
    <row r="61" spans="1:4" ht="18" customHeight="1" x14ac:dyDescent="0.15">
      <c r="A61" s="8">
        <v>46</v>
      </c>
      <c r="B61" s="21">
        <v>15</v>
      </c>
      <c r="C61" s="6">
        <v>19</v>
      </c>
      <c r="D61" s="5">
        <v>34</v>
      </c>
    </row>
    <row r="62" spans="1:4" ht="18" customHeight="1" x14ac:dyDescent="0.15">
      <c r="A62" s="8">
        <v>47</v>
      </c>
      <c r="B62" s="21">
        <v>26</v>
      </c>
      <c r="C62" s="6">
        <v>30</v>
      </c>
      <c r="D62" s="5">
        <v>56</v>
      </c>
    </row>
    <row r="63" spans="1:4" ht="18" customHeight="1" x14ac:dyDescent="0.15">
      <c r="A63" s="8">
        <v>48</v>
      </c>
      <c r="B63" s="21">
        <v>20</v>
      </c>
      <c r="C63" s="6">
        <v>26</v>
      </c>
      <c r="D63" s="5">
        <v>46</v>
      </c>
    </row>
    <row r="64" spans="1:4" ht="18" customHeight="1" x14ac:dyDescent="0.15">
      <c r="A64" s="8">
        <v>49</v>
      </c>
      <c r="B64" s="21">
        <v>32</v>
      </c>
      <c r="C64" s="6">
        <v>26</v>
      </c>
      <c r="D64" s="5">
        <v>58</v>
      </c>
    </row>
    <row r="65" spans="1:4" ht="18" customHeight="1" x14ac:dyDescent="0.15">
      <c r="A65" s="8" t="s">
        <v>15</v>
      </c>
      <c r="B65" s="21">
        <v>107</v>
      </c>
      <c r="C65" s="6">
        <v>120</v>
      </c>
      <c r="D65" s="5">
        <v>227</v>
      </c>
    </row>
    <row r="66" spans="1:4" ht="18" customHeight="1" x14ac:dyDescent="0.15">
      <c r="A66" s="8">
        <v>50</v>
      </c>
      <c r="B66" s="21">
        <v>23</v>
      </c>
      <c r="C66" s="6">
        <v>21</v>
      </c>
      <c r="D66" s="5">
        <v>44</v>
      </c>
    </row>
    <row r="67" spans="1:4" ht="18" customHeight="1" x14ac:dyDescent="0.15">
      <c r="A67" s="8">
        <v>51</v>
      </c>
      <c r="B67" s="21">
        <v>26</v>
      </c>
      <c r="C67" s="6">
        <v>23</v>
      </c>
      <c r="D67" s="5">
        <v>49</v>
      </c>
    </row>
    <row r="68" spans="1:4" ht="18" customHeight="1" x14ac:dyDescent="0.15">
      <c r="A68" s="8">
        <v>52</v>
      </c>
      <c r="B68" s="21">
        <v>31</v>
      </c>
      <c r="C68" s="6">
        <v>26</v>
      </c>
      <c r="D68" s="5">
        <v>57</v>
      </c>
    </row>
    <row r="69" spans="1:4" ht="18" customHeight="1" x14ac:dyDescent="0.15">
      <c r="A69" s="8">
        <v>53</v>
      </c>
      <c r="B69" s="21">
        <v>36</v>
      </c>
      <c r="C69" s="6">
        <v>23</v>
      </c>
      <c r="D69" s="5">
        <v>59</v>
      </c>
    </row>
    <row r="70" spans="1:4" ht="18" customHeight="1" x14ac:dyDescent="0.15">
      <c r="A70" s="8">
        <v>54</v>
      </c>
      <c r="B70" s="21">
        <v>36</v>
      </c>
      <c r="C70" s="6">
        <v>26</v>
      </c>
      <c r="D70" s="5">
        <v>62</v>
      </c>
    </row>
    <row r="71" spans="1:4" ht="18" customHeight="1" x14ac:dyDescent="0.15">
      <c r="A71" s="8" t="s">
        <v>14</v>
      </c>
      <c r="B71" s="21">
        <v>152</v>
      </c>
      <c r="C71" s="6">
        <v>119</v>
      </c>
      <c r="D71" s="5">
        <v>271</v>
      </c>
    </row>
    <row r="72" spans="1:4" ht="18" customHeight="1" x14ac:dyDescent="0.15">
      <c r="A72" s="8">
        <v>55</v>
      </c>
      <c r="B72" s="21">
        <v>32</v>
      </c>
      <c r="C72" s="6">
        <v>23</v>
      </c>
      <c r="D72" s="5">
        <v>55</v>
      </c>
    </row>
    <row r="73" spans="1:4" ht="18" customHeight="1" x14ac:dyDescent="0.15">
      <c r="A73" s="8">
        <v>56</v>
      </c>
      <c r="B73" s="21">
        <v>23</v>
      </c>
      <c r="C73" s="6">
        <v>26</v>
      </c>
      <c r="D73" s="5">
        <v>49</v>
      </c>
    </row>
    <row r="74" spans="1:4" ht="18" customHeight="1" x14ac:dyDescent="0.15">
      <c r="A74" s="8">
        <v>57</v>
      </c>
      <c r="B74" s="21">
        <v>32</v>
      </c>
      <c r="C74" s="6">
        <v>25</v>
      </c>
      <c r="D74" s="5">
        <v>57</v>
      </c>
    </row>
    <row r="75" spans="1:4" ht="18" customHeight="1" x14ac:dyDescent="0.15">
      <c r="A75" s="8">
        <v>58</v>
      </c>
      <c r="B75" s="21">
        <v>24</v>
      </c>
      <c r="C75" s="6">
        <v>21</v>
      </c>
      <c r="D75" s="5">
        <v>45</v>
      </c>
    </row>
    <row r="76" spans="1:4" ht="18" customHeight="1" x14ac:dyDescent="0.15">
      <c r="A76" s="8">
        <v>59</v>
      </c>
      <c r="B76" s="21">
        <v>15</v>
      </c>
      <c r="C76" s="6">
        <v>12</v>
      </c>
      <c r="D76" s="5">
        <v>27</v>
      </c>
    </row>
    <row r="77" spans="1:4" ht="18" customHeight="1" x14ac:dyDescent="0.15">
      <c r="A77" s="8" t="s">
        <v>13</v>
      </c>
      <c r="B77" s="21">
        <v>126</v>
      </c>
      <c r="C77" s="6">
        <v>107</v>
      </c>
      <c r="D77" s="5">
        <v>233</v>
      </c>
    </row>
    <row r="78" spans="1:4" ht="18" customHeight="1" x14ac:dyDescent="0.15">
      <c r="A78" s="8">
        <v>60</v>
      </c>
      <c r="B78" s="21">
        <v>21</v>
      </c>
      <c r="C78" s="6">
        <v>22</v>
      </c>
      <c r="D78" s="5">
        <v>43</v>
      </c>
    </row>
    <row r="79" spans="1:4" ht="18" customHeight="1" x14ac:dyDescent="0.15">
      <c r="A79" s="8">
        <v>61</v>
      </c>
      <c r="B79" s="21">
        <v>11</v>
      </c>
      <c r="C79" s="6">
        <v>20</v>
      </c>
      <c r="D79" s="5">
        <v>31</v>
      </c>
    </row>
    <row r="80" spans="1:4" ht="18" customHeight="1" x14ac:dyDescent="0.15">
      <c r="A80" s="8">
        <v>62</v>
      </c>
      <c r="B80" s="21">
        <v>16</v>
      </c>
      <c r="C80" s="6">
        <v>8</v>
      </c>
      <c r="D80" s="5">
        <v>24</v>
      </c>
    </row>
    <row r="81" spans="1:4" ht="18" customHeight="1" x14ac:dyDescent="0.15">
      <c r="A81" s="8">
        <v>63</v>
      </c>
      <c r="B81" s="21">
        <v>14</v>
      </c>
      <c r="C81" s="6">
        <v>11</v>
      </c>
      <c r="D81" s="5">
        <v>25</v>
      </c>
    </row>
    <row r="82" spans="1:4" ht="18" customHeight="1" x14ac:dyDescent="0.15">
      <c r="A82" s="8">
        <v>64</v>
      </c>
      <c r="B82" s="21">
        <v>15</v>
      </c>
      <c r="C82" s="6">
        <v>13</v>
      </c>
      <c r="D82" s="5">
        <v>28</v>
      </c>
    </row>
    <row r="83" spans="1:4" ht="18" customHeight="1" x14ac:dyDescent="0.15">
      <c r="A83" s="8" t="s">
        <v>12</v>
      </c>
      <c r="B83" s="21">
        <v>77</v>
      </c>
      <c r="C83" s="6">
        <v>74</v>
      </c>
      <c r="D83" s="5">
        <v>151</v>
      </c>
    </row>
    <row r="84" spans="1:4" ht="18" customHeight="1" x14ac:dyDescent="0.15">
      <c r="A84" s="8" t="s">
        <v>11</v>
      </c>
      <c r="B84" s="21">
        <v>869</v>
      </c>
      <c r="C84" s="6">
        <v>802</v>
      </c>
      <c r="D84" s="5">
        <v>1671</v>
      </c>
    </row>
    <row r="85" spans="1:4" ht="18" customHeight="1" x14ac:dyDescent="0.15">
      <c r="A85" s="8">
        <v>65</v>
      </c>
      <c r="B85" s="21">
        <v>11</v>
      </c>
      <c r="C85" s="6">
        <v>10</v>
      </c>
      <c r="D85" s="5">
        <v>21</v>
      </c>
    </row>
    <row r="86" spans="1:4" ht="18" customHeight="1" x14ac:dyDescent="0.15">
      <c r="A86" s="8">
        <v>66</v>
      </c>
      <c r="B86" s="21">
        <v>10</v>
      </c>
      <c r="C86" s="6">
        <v>13</v>
      </c>
      <c r="D86" s="5">
        <v>23</v>
      </c>
    </row>
    <row r="87" spans="1:4" ht="18" customHeight="1" x14ac:dyDescent="0.15">
      <c r="A87" s="8">
        <v>67</v>
      </c>
      <c r="B87" s="21">
        <v>11</v>
      </c>
      <c r="C87" s="6">
        <v>23</v>
      </c>
      <c r="D87" s="5">
        <v>34</v>
      </c>
    </row>
    <row r="88" spans="1:4" ht="18" customHeight="1" x14ac:dyDescent="0.15">
      <c r="A88" s="8">
        <v>68</v>
      </c>
      <c r="B88" s="21">
        <v>9</v>
      </c>
      <c r="C88" s="6">
        <v>12</v>
      </c>
      <c r="D88" s="5">
        <v>21</v>
      </c>
    </row>
    <row r="89" spans="1:4" ht="18" customHeight="1" x14ac:dyDescent="0.15">
      <c r="A89" s="8">
        <v>69</v>
      </c>
      <c r="B89" s="21">
        <v>11</v>
      </c>
      <c r="C89" s="6">
        <v>10</v>
      </c>
      <c r="D89" s="5">
        <v>21</v>
      </c>
    </row>
    <row r="90" spans="1:4" ht="18" customHeight="1" x14ac:dyDescent="0.15">
      <c r="A90" s="8" t="s">
        <v>10</v>
      </c>
      <c r="B90" s="21">
        <v>52</v>
      </c>
      <c r="C90" s="6">
        <v>68</v>
      </c>
      <c r="D90" s="5">
        <v>120</v>
      </c>
    </row>
    <row r="91" spans="1:4" ht="18" customHeight="1" x14ac:dyDescent="0.15">
      <c r="A91" s="8">
        <v>70</v>
      </c>
      <c r="B91" s="21">
        <v>10</v>
      </c>
      <c r="C91" s="6">
        <v>21</v>
      </c>
      <c r="D91" s="5">
        <v>31</v>
      </c>
    </row>
    <row r="92" spans="1:4" ht="18" customHeight="1" x14ac:dyDescent="0.15">
      <c r="A92" s="8">
        <v>71</v>
      </c>
      <c r="B92" s="21">
        <v>15</v>
      </c>
      <c r="C92" s="6">
        <v>22</v>
      </c>
      <c r="D92" s="5">
        <v>37</v>
      </c>
    </row>
    <row r="93" spans="1:4" ht="18" customHeight="1" x14ac:dyDescent="0.15">
      <c r="A93" s="8">
        <v>72</v>
      </c>
      <c r="B93" s="21">
        <v>14</v>
      </c>
      <c r="C93" s="6">
        <v>18</v>
      </c>
      <c r="D93" s="5">
        <v>32</v>
      </c>
    </row>
    <row r="94" spans="1:4" ht="18" customHeight="1" x14ac:dyDescent="0.15">
      <c r="A94" s="8">
        <v>73</v>
      </c>
      <c r="B94" s="21">
        <v>22</v>
      </c>
      <c r="C94" s="6">
        <v>15</v>
      </c>
      <c r="D94" s="5">
        <v>37</v>
      </c>
    </row>
    <row r="95" spans="1:4" ht="18" customHeight="1" x14ac:dyDescent="0.15">
      <c r="A95" s="8">
        <v>74</v>
      </c>
      <c r="B95" s="21">
        <v>18</v>
      </c>
      <c r="C95" s="6">
        <v>16</v>
      </c>
      <c r="D95" s="5">
        <v>34</v>
      </c>
    </row>
    <row r="96" spans="1:4" ht="18" customHeight="1" x14ac:dyDescent="0.15">
      <c r="A96" s="8" t="s">
        <v>9</v>
      </c>
      <c r="B96" s="21">
        <v>79</v>
      </c>
      <c r="C96" s="6">
        <v>92</v>
      </c>
      <c r="D96" s="5">
        <v>171</v>
      </c>
    </row>
    <row r="97" spans="1:4" ht="18" customHeight="1" x14ac:dyDescent="0.15">
      <c r="A97" s="8">
        <v>75</v>
      </c>
      <c r="B97" s="21">
        <v>14</v>
      </c>
      <c r="C97" s="6">
        <v>23</v>
      </c>
      <c r="D97" s="5">
        <v>37</v>
      </c>
    </row>
    <row r="98" spans="1:4" ht="18" customHeight="1" x14ac:dyDescent="0.15">
      <c r="A98" s="8">
        <v>76</v>
      </c>
      <c r="B98" s="21">
        <v>18</v>
      </c>
      <c r="C98" s="6">
        <v>28</v>
      </c>
      <c r="D98" s="5">
        <v>46</v>
      </c>
    </row>
    <row r="99" spans="1:4" ht="18" customHeight="1" x14ac:dyDescent="0.15">
      <c r="A99" s="8">
        <v>77</v>
      </c>
      <c r="B99" s="21">
        <v>16</v>
      </c>
      <c r="C99" s="6">
        <v>41</v>
      </c>
      <c r="D99" s="5">
        <v>57</v>
      </c>
    </row>
    <row r="100" spans="1:4" ht="18" customHeight="1" x14ac:dyDescent="0.15">
      <c r="A100" s="8">
        <v>78</v>
      </c>
      <c r="B100" s="21">
        <v>17</v>
      </c>
      <c r="C100" s="6">
        <v>38</v>
      </c>
      <c r="D100" s="5">
        <v>55</v>
      </c>
    </row>
    <row r="101" spans="1:4" ht="18" customHeight="1" x14ac:dyDescent="0.15">
      <c r="A101" s="8">
        <v>79</v>
      </c>
      <c r="B101" s="21">
        <v>13</v>
      </c>
      <c r="C101" s="6">
        <v>21</v>
      </c>
      <c r="D101" s="5">
        <v>34</v>
      </c>
    </row>
    <row r="102" spans="1:4" ht="18" customHeight="1" x14ac:dyDescent="0.15">
      <c r="A102" s="8" t="s">
        <v>8</v>
      </c>
      <c r="B102" s="21">
        <v>78</v>
      </c>
      <c r="C102" s="6">
        <v>151</v>
      </c>
      <c r="D102" s="5">
        <v>229</v>
      </c>
    </row>
    <row r="103" spans="1:4" ht="18" customHeight="1" x14ac:dyDescent="0.15">
      <c r="A103" s="8">
        <v>80</v>
      </c>
      <c r="B103" s="21">
        <v>9</v>
      </c>
      <c r="C103" s="6">
        <v>18</v>
      </c>
      <c r="D103" s="5">
        <v>27</v>
      </c>
    </row>
    <row r="104" spans="1:4" ht="18" customHeight="1" x14ac:dyDescent="0.15">
      <c r="A104" s="8">
        <v>81</v>
      </c>
      <c r="B104" s="21">
        <v>19</v>
      </c>
      <c r="C104" s="6">
        <v>28</v>
      </c>
      <c r="D104" s="5">
        <v>47</v>
      </c>
    </row>
    <row r="105" spans="1:4" ht="18" customHeight="1" x14ac:dyDescent="0.15">
      <c r="A105" s="8">
        <v>82</v>
      </c>
      <c r="B105" s="21">
        <v>13</v>
      </c>
      <c r="C105" s="6">
        <v>35</v>
      </c>
      <c r="D105" s="5">
        <v>48</v>
      </c>
    </row>
    <row r="106" spans="1:4" ht="18" customHeight="1" x14ac:dyDescent="0.15">
      <c r="A106" s="8">
        <v>83</v>
      </c>
      <c r="B106" s="21">
        <v>19</v>
      </c>
      <c r="C106" s="6">
        <v>28</v>
      </c>
      <c r="D106" s="5">
        <v>47</v>
      </c>
    </row>
    <row r="107" spans="1:4" ht="18" customHeight="1" x14ac:dyDescent="0.15">
      <c r="A107" s="8">
        <v>84</v>
      </c>
      <c r="B107" s="21">
        <v>22</v>
      </c>
      <c r="C107" s="6">
        <v>25</v>
      </c>
      <c r="D107" s="5">
        <v>47</v>
      </c>
    </row>
    <row r="108" spans="1:4" ht="18" customHeight="1" x14ac:dyDescent="0.15">
      <c r="A108" s="8" t="s">
        <v>7</v>
      </c>
      <c r="B108" s="21">
        <v>82</v>
      </c>
      <c r="C108" s="6">
        <v>134</v>
      </c>
      <c r="D108" s="5">
        <v>216</v>
      </c>
    </row>
    <row r="109" spans="1:4" ht="18" customHeight="1" x14ac:dyDescent="0.15">
      <c r="A109" s="8">
        <v>85</v>
      </c>
      <c r="B109" s="21">
        <v>15</v>
      </c>
      <c r="C109" s="6">
        <v>16</v>
      </c>
      <c r="D109" s="5">
        <v>31</v>
      </c>
    </row>
    <row r="110" spans="1:4" ht="18" customHeight="1" x14ac:dyDescent="0.15">
      <c r="A110" s="8">
        <v>86</v>
      </c>
      <c r="B110" s="21">
        <v>12</v>
      </c>
      <c r="C110" s="6">
        <v>18</v>
      </c>
      <c r="D110" s="5">
        <v>30</v>
      </c>
    </row>
    <row r="111" spans="1:4" ht="18" customHeight="1" x14ac:dyDescent="0.15">
      <c r="A111" s="8">
        <v>87</v>
      </c>
      <c r="B111" s="21">
        <v>9</v>
      </c>
      <c r="C111" s="6">
        <v>8</v>
      </c>
      <c r="D111" s="5">
        <v>17</v>
      </c>
    </row>
    <row r="112" spans="1:4" ht="18" customHeight="1" x14ac:dyDescent="0.15">
      <c r="A112" s="8">
        <v>88</v>
      </c>
      <c r="B112" s="21">
        <v>5</v>
      </c>
      <c r="C112" s="6">
        <v>18</v>
      </c>
      <c r="D112" s="5">
        <v>23</v>
      </c>
    </row>
    <row r="113" spans="1:4" ht="18" customHeight="1" x14ac:dyDescent="0.15">
      <c r="A113" s="8">
        <v>89</v>
      </c>
      <c r="B113" s="21">
        <v>8</v>
      </c>
      <c r="C113" s="6">
        <v>8</v>
      </c>
      <c r="D113" s="5">
        <v>16</v>
      </c>
    </row>
    <row r="114" spans="1:4" ht="18" customHeight="1" x14ac:dyDescent="0.15">
      <c r="A114" s="8" t="s">
        <v>6</v>
      </c>
      <c r="B114" s="21">
        <v>49</v>
      </c>
      <c r="C114" s="6">
        <v>68</v>
      </c>
      <c r="D114" s="5">
        <v>117</v>
      </c>
    </row>
    <row r="115" spans="1:4" ht="18" customHeight="1" x14ac:dyDescent="0.15">
      <c r="A115" s="8">
        <v>90</v>
      </c>
      <c r="B115" s="21">
        <v>6</v>
      </c>
      <c r="C115" s="6">
        <v>8</v>
      </c>
      <c r="D115" s="5">
        <v>14</v>
      </c>
    </row>
    <row r="116" spans="1:4" ht="18" customHeight="1" x14ac:dyDescent="0.15">
      <c r="A116" s="8">
        <v>91</v>
      </c>
      <c r="B116" s="21">
        <v>4</v>
      </c>
      <c r="C116" s="6">
        <v>19</v>
      </c>
      <c r="D116" s="5">
        <v>23</v>
      </c>
    </row>
    <row r="117" spans="1:4" ht="18" customHeight="1" x14ac:dyDescent="0.15">
      <c r="A117" s="8">
        <v>92</v>
      </c>
      <c r="B117" s="21">
        <v>5</v>
      </c>
      <c r="C117" s="6">
        <v>7</v>
      </c>
      <c r="D117" s="5">
        <v>12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0</v>
      </c>
      <c r="C119" s="6">
        <v>2</v>
      </c>
      <c r="D119" s="5">
        <v>2</v>
      </c>
    </row>
    <row r="120" spans="1:4" ht="18" customHeight="1" x14ac:dyDescent="0.15">
      <c r="A120" s="8" t="s">
        <v>5</v>
      </c>
      <c r="B120" s="21">
        <v>16</v>
      </c>
      <c r="C120" s="6">
        <v>41</v>
      </c>
      <c r="D120" s="5">
        <v>57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4</v>
      </c>
      <c r="D122" s="5">
        <v>4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58</v>
      </c>
      <c r="C130" s="6">
        <v>571</v>
      </c>
      <c r="D130" s="5">
        <v>929</v>
      </c>
    </row>
    <row r="131" spans="1:4" ht="18" customHeight="1" x14ac:dyDescent="0.15">
      <c r="A131" s="4" t="s">
        <v>0</v>
      </c>
      <c r="B131" s="20">
        <v>1402</v>
      </c>
      <c r="C131" s="2">
        <v>1548</v>
      </c>
      <c r="D131" s="1">
        <v>29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29F0A8-79B5-4825-9766-0F1813763546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4</v>
      </c>
      <c r="C5" s="11">
        <v>41</v>
      </c>
      <c r="D5" s="10">
        <v>75</v>
      </c>
    </row>
    <row r="6" spans="1:4" ht="18" customHeight="1" x14ac:dyDescent="0.15">
      <c r="A6" s="8">
        <v>1</v>
      </c>
      <c r="B6" s="21">
        <v>32</v>
      </c>
      <c r="C6" s="6">
        <v>39</v>
      </c>
      <c r="D6" s="5">
        <v>71</v>
      </c>
    </row>
    <row r="7" spans="1:4" ht="18" customHeight="1" x14ac:dyDescent="0.15">
      <c r="A7" s="8">
        <v>2</v>
      </c>
      <c r="B7" s="21">
        <v>36</v>
      </c>
      <c r="C7" s="6">
        <v>38</v>
      </c>
      <c r="D7" s="5">
        <v>74</v>
      </c>
    </row>
    <row r="8" spans="1:4" ht="18" customHeight="1" x14ac:dyDescent="0.15">
      <c r="A8" s="8">
        <v>3</v>
      </c>
      <c r="B8" s="21">
        <v>42</v>
      </c>
      <c r="C8" s="6">
        <v>36</v>
      </c>
      <c r="D8" s="5">
        <v>78</v>
      </c>
    </row>
    <row r="9" spans="1:4" ht="18" customHeight="1" x14ac:dyDescent="0.15">
      <c r="A9" s="8">
        <v>4</v>
      </c>
      <c r="B9" s="21">
        <v>33</v>
      </c>
      <c r="C9" s="6">
        <v>30</v>
      </c>
      <c r="D9" s="5">
        <v>63</v>
      </c>
    </row>
    <row r="10" spans="1:4" ht="18" customHeight="1" x14ac:dyDescent="0.15">
      <c r="A10" s="8" t="s">
        <v>25</v>
      </c>
      <c r="B10" s="21">
        <v>177</v>
      </c>
      <c r="C10" s="6">
        <v>184</v>
      </c>
      <c r="D10" s="5">
        <v>361</v>
      </c>
    </row>
    <row r="11" spans="1:4" ht="18" customHeight="1" x14ac:dyDescent="0.15">
      <c r="A11" s="8">
        <v>5</v>
      </c>
      <c r="B11" s="21">
        <v>46</v>
      </c>
      <c r="C11" s="6">
        <v>49</v>
      </c>
      <c r="D11" s="5">
        <v>95</v>
      </c>
    </row>
    <row r="12" spans="1:4" ht="18" customHeight="1" x14ac:dyDescent="0.15">
      <c r="A12" s="8">
        <v>6</v>
      </c>
      <c r="B12" s="21">
        <v>49</v>
      </c>
      <c r="C12" s="6">
        <v>42</v>
      </c>
      <c r="D12" s="5">
        <v>91</v>
      </c>
    </row>
    <row r="13" spans="1:4" ht="18" customHeight="1" x14ac:dyDescent="0.15">
      <c r="A13" s="8">
        <v>7</v>
      </c>
      <c r="B13" s="21">
        <v>54</v>
      </c>
      <c r="C13" s="6">
        <v>38</v>
      </c>
      <c r="D13" s="5">
        <v>92</v>
      </c>
    </row>
    <row r="14" spans="1:4" ht="18" customHeight="1" x14ac:dyDescent="0.15">
      <c r="A14" s="8">
        <v>8</v>
      </c>
      <c r="B14" s="21">
        <v>60</v>
      </c>
      <c r="C14" s="6">
        <v>45</v>
      </c>
      <c r="D14" s="5">
        <v>105</v>
      </c>
    </row>
    <row r="15" spans="1:4" ht="18" customHeight="1" x14ac:dyDescent="0.15">
      <c r="A15" s="8">
        <v>9</v>
      </c>
      <c r="B15" s="21">
        <v>41</v>
      </c>
      <c r="C15" s="6">
        <v>51</v>
      </c>
      <c r="D15" s="5">
        <v>92</v>
      </c>
    </row>
    <row r="16" spans="1:4" ht="18" customHeight="1" x14ac:dyDescent="0.15">
      <c r="A16" s="8" t="s">
        <v>24</v>
      </c>
      <c r="B16" s="21">
        <v>250</v>
      </c>
      <c r="C16" s="6">
        <v>225</v>
      </c>
      <c r="D16" s="5">
        <v>475</v>
      </c>
    </row>
    <row r="17" spans="1:4" ht="18" customHeight="1" x14ac:dyDescent="0.15">
      <c r="A17" s="8">
        <v>10</v>
      </c>
      <c r="B17" s="21">
        <v>49</v>
      </c>
      <c r="C17" s="6">
        <v>50</v>
      </c>
      <c r="D17" s="5">
        <v>99</v>
      </c>
    </row>
    <row r="18" spans="1:4" ht="18" customHeight="1" x14ac:dyDescent="0.15">
      <c r="A18" s="8">
        <v>11</v>
      </c>
      <c r="B18" s="21">
        <v>62</v>
      </c>
      <c r="C18" s="6">
        <v>40</v>
      </c>
      <c r="D18" s="5">
        <v>102</v>
      </c>
    </row>
    <row r="19" spans="1:4" ht="18" customHeight="1" x14ac:dyDescent="0.15">
      <c r="A19" s="8">
        <v>12</v>
      </c>
      <c r="B19" s="21">
        <v>39</v>
      </c>
      <c r="C19" s="6">
        <v>42</v>
      </c>
      <c r="D19" s="5">
        <v>81</v>
      </c>
    </row>
    <row r="20" spans="1:4" ht="18" customHeight="1" x14ac:dyDescent="0.15">
      <c r="A20" s="8">
        <v>13</v>
      </c>
      <c r="B20" s="21">
        <v>51</v>
      </c>
      <c r="C20" s="6">
        <v>47</v>
      </c>
      <c r="D20" s="5">
        <v>98</v>
      </c>
    </row>
    <row r="21" spans="1:4" ht="18" customHeight="1" x14ac:dyDescent="0.15">
      <c r="A21" s="8">
        <v>14</v>
      </c>
      <c r="B21" s="21">
        <v>49</v>
      </c>
      <c r="C21" s="6">
        <v>58</v>
      </c>
      <c r="D21" s="5">
        <v>107</v>
      </c>
    </row>
    <row r="22" spans="1:4" ht="18" customHeight="1" x14ac:dyDescent="0.15">
      <c r="A22" s="8" t="s">
        <v>23</v>
      </c>
      <c r="B22" s="21">
        <v>250</v>
      </c>
      <c r="C22" s="6">
        <v>237</v>
      </c>
      <c r="D22" s="5">
        <v>487</v>
      </c>
    </row>
    <row r="23" spans="1:4" ht="18" customHeight="1" x14ac:dyDescent="0.15">
      <c r="A23" s="8" t="s">
        <v>22</v>
      </c>
      <c r="B23" s="21">
        <v>677</v>
      </c>
      <c r="C23" s="6">
        <v>646</v>
      </c>
      <c r="D23" s="5">
        <v>1323</v>
      </c>
    </row>
    <row r="24" spans="1:4" ht="18" customHeight="1" x14ac:dyDescent="0.15">
      <c r="A24" s="8">
        <v>15</v>
      </c>
      <c r="B24" s="21">
        <v>56</v>
      </c>
      <c r="C24" s="6">
        <v>51</v>
      </c>
      <c r="D24" s="5">
        <v>107</v>
      </c>
    </row>
    <row r="25" spans="1:4" ht="18" customHeight="1" x14ac:dyDescent="0.15">
      <c r="A25" s="8">
        <v>16</v>
      </c>
      <c r="B25" s="21">
        <v>50</v>
      </c>
      <c r="C25" s="6">
        <v>53</v>
      </c>
      <c r="D25" s="5">
        <v>103</v>
      </c>
    </row>
    <row r="26" spans="1:4" ht="18" customHeight="1" x14ac:dyDescent="0.15">
      <c r="A26" s="8">
        <v>17</v>
      </c>
      <c r="B26" s="21">
        <v>53</v>
      </c>
      <c r="C26" s="6">
        <v>55</v>
      </c>
      <c r="D26" s="5">
        <v>108</v>
      </c>
    </row>
    <row r="27" spans="1:4" ht="18" customHeight="1" x14ac:dyDescent="0.15">
      <c r="A27" s="8">
        <v>18</v>
      </c>
      <c r="B27" s="21">
        <v>49</v>
      </c>
      <c r="C27" s="6">
        <v>45</v>
      </c>
      <c r="D27" s="5">
        <v>94</v>
      </c>
    </row>
    <row r="28" spans="1:4" ht="18" customHeight="1" x14ac:dyDescent="0.15">
      <c r="A28" s="8">
        <v>19</v>
      </c>
      <c r="B28" s="21">
        <v>49</v>
      </c>
      <c r="C28" s="6">
        <v>62</v>
      </c>
      <c r="D28" s="5">
        <v>111</v>
      </c>
    </row>
    <row r="29" spans="1:4" ht="18" customHeight="1" x14ac:dyDescent="0.15">
      <c r="A29" s="8" t="s">
        <v>21</v>
      </c>
      <c r="B29" s="21">
        <v>257</v>
      </c>
      <c r="C29" s="6">
        <v>266</v>
      </c>
      <c r="D29" s="5">
        <v>523</v>
      </c>
    </row>
    <row r="30" spans="1:4" ht="18" customHeight="1" x14ac:dyDescent="0.15">
      <c r="A30" s="8">
        <v>20</v>
      </c>
      <c r="B30" s="21">
        <v>58</v>
      </c>
      <c r="C30" s="6">
        <v>40</v>
      </c>
      <c r="D30" s="5">
        <v>98</v>
      </c>
    </row>
    <row r="31" spans="1:4" ht="18" customHeight="1" x14ac:dyDescent="0.15">
      <c r="A31" s="8">
        <v>21</v>
      </c>
      <c r="B31" s="21">
        <v>57</v>
      </c>
      <c r="C31" s="6">
        <v>42</v>
      </c>
      <c r="D31" s="5">
        <v>99</v>
      </c>
    </row>
    <row r="32" spans="1:4" ht="18" customHeight="1" x14ac:dyDescent="0.15">
      <c r="A32" s="8">
        <v>22</v>
      </c>
      <c r="B32" s="21">
        <v>78</v>
      </c>
      <c r="C32" s="6">
        <v>45</v>
      </c>
      <c r="D32" s="5">
        <v>123</v>
      </c>
    </row>
    <row r="33" spans="1:4" ht="18" customHeight="1" x14ac:dyDescent="0.15">
      <c r="A33" s="8">
        <v>23</v>
      </c>
      <c r="B33" s="21">
        <v>61</v>
      </c>
      <c r="C33" s="6">
        <v>51</v>
      </c>
      <c r="D33" s="5">
        <v>112</v>
      </c>
    </row>
    <row r="34" spans="1:4" ht="18" customHeight="1" x14ac:dyDescent="0.15">
      <c r="A34" s="8">
        <v>24</v>
      </c>
      <c r="B34" s="21">
        <v>52</v>
      </c>
      <c r="C34" s="6">
        <v>49</v>
      </c>
      <c r="D34" s="5">
        <v>101</v>
      </c>
    </row>
    <row r="35" spans="1:4" ht="18" customHeight="1" x14ac:dyDescent="0.15">
      <c r="A35" s="8" t="s">
        <v>20</v>
      </c>
      <c r="B35" s="21">
        <v>306</v>
      </c>
      <c r="C35" s="6">
        <v>227</v>
      </c>
      <c r="D35" s="5">
        <v>533</v>
      </c>
    </row>
    <row r="36" spans="1:4" ht="18" customHeight="1" x14ac:dyDescent="0.15">
      <c r="A36" s="8">
        <v>25</v>
      </c>
      <c r="B36" s="21">
        <v>59</v>
      </c>
      <c r="C36" s="6">
        <v>47</v>
      </c>
      <c r="D36" s="5">
        <v>106</v>
      </c>
    </row>
    <row r="37" spans="1:4" ht="18" customHeight="1" x14ac:dyDescent="0.15">
      <c r="A37" s="8">
        <v>26</v>
      </c>
      <c r="B37" s="21">
        <v>65</v>
      </c>
      <c r="C37" s="6">
        <v>44</v>
      </c>
      <c r="D37" s="5">
        <v>109</v>
      </c>
    </row>
    <row r="38" spans="1:4" ht="18" customHeight="1" x14ac:dyDescent="0.15">
      <c r="A38" s="8">
        <v>27</v>
      </c>
      <c r="B38" s="21">
        <v>53</v>
      </c>
      <c r="C38" s="6">
        <v>48</v>
      </c>
      <c r="D38" s="5">
        <v>101</v>
      </c>
    </row>
    <row r="39" spans="1:4" ht="18" customHeight="1" x14ac:dyDescent="0.15">
      <c r="A39" s="8">
        <v>28</v>
      </c>
      <c r="B39" s="21">
        <v>76</v>
      </c>
      <c r="C39" s="6">
        <v>47</v>
      </c>
      <c r="D39" s="5">
        <v>123</v>
      </c>
    </row>
    <row r="40" spans="1:4" ht="18" customHeight="1" x14ac:dyDescent="0.15">
      <c r="A40" s="8">
        <v>29</v>
      </c>
      <c r="B40" s="21">
        <v>56</v>
      </c>
      <c r="C40" s="6">
        <v>42</v>
      </c>
      <c r="D40" s="5">
        <v>98</v>
      </c>
    </row>
    <row r="41" spans="1:4" ht="18" customHeight="1" x14ac:dyDescent="0.15">
      <c r="A41" s="8" t="s">
        <v>19</v>
      </c>
      <c r="B41" s="21">
        <v>309</v>
      </c>
      <c r="C41" s="6">
        <v>228</v>
      </c>
      <c r="D41" s="5">
        <v>537</v>
      </c>
    </row>
    <row r="42" spans="1:4" ht="18" customHeight="1" x14ac:dyDescent="0.15">
      <c r="A42" s="8">
        <v>30</v>
      </c>
      <c r="B42" s="21">
        <v>54</v>
      </c>
      <c r="C42" s="6">
        <v>49</v>
      </c>
      <c r="D42" s="5">
        <v>103</v>
      </c>
    </row>
    <row r="43" spans="1:4" ht="18" customHeight="1" x14ac:dyDescent="0.15">
      <c r="A43" s="8">
        <v>31</v>
      </c>
      <c r="B43" s="21">
        <v>58</v>
      </c>
      <c r="C43" s="6">
        <v>69</v>
      </c>
      <c r="D43" s="5">
        <v>127</v>
      </c>
    </row>
    <row r="44" spans="1:4" ht="18" customHeight="1" x14ac:dyDescent="0.15">
      <c r="A44" s="8">
        <v>32</v>
      </c>
      <c r="B44" s="21">
        <v>57</v>
      </c>
      <c r="C44" s="6">
        <v>46</v>
      </c>
      <c r="D44" s="5">
        <v>103</v>
      </c>
    </row>
    <row r="45" spans="1:4" ht="18" customHeight="1" x14ac:dyDescent="0.15">
      <c r="A45" s="8">
        <v>33</v>
      </c>
      <c r="B45" s="21">
        <v>71</v>
      </c>
      <c r="C45" s="6">
        <v>56</v>
      </c>
      <c r="D45" s="5">
        <v>127</v>
      </c>
    </row>
    <row r="46" spans="1:4" ht="18" customHeight="1" x14ac:dyDescent="0.15">
      <c r="A46" s="8">
        <v>34</v>
      </c>
      <c r="B46" s="21">
        <v>69</v>
      </c>
      <c r="C46" s="6">
        <v>64</v>
      </c>
      <c r="D46" s="5">
        <v>133</v>
      </c>
    </row>
    <row r="47" spans="1:4" ht="18" customHeight="1" x14ac:dyDescent="0.15">
      <c r="A47" s="8" t="s">
        <v>18</v>
      </c>
      <c r="B47" s="21">
        <v>309</v>
      </c>
      <c r="C47" s="6">
        <v>284</v>
      </c>
      <c r="D47" s="5">
        <v>593</v>
      </c>
    </row>
    <row r="48" spans="1:4" ht="18" customHeight="1" x14ac:dyDescent="0.15">
      <c r="A48" s="8">
        <v>35</v>
      </c>
      <c r="B48" s="21">
        <v>57</v>
      </c>
      <c r="C48" s="6">
        <v>49</v>
      </c>
      <c r="D48" s="5">
        <v>106</v>
      </c>
    </row>
    <row r="49" spans="1:4" ht="18" customHeight="1" x14ac:dyDescent="0.15">
      <c r="A49" s="8">
        <v>36</v>
      </c>
      <c r="B49" s="21">
        <v>59</v>
      </c>
      <c r="C49" s="6">
        <v>59</v>
      </c>
      <c r="D49" s="5">
        <v>118</v>
      </c>
    </row>
    <row r="50" spans="1:4" ht="18" customHeight="1" x14ac:dyDescent="0.15">
      <c r="A50" s="8">
        <v>37</v>
      </c>
      <c r="B50" s="21">
        <v>65</v>
      </c>
      <c r="C50" s="6">
        <v>62</v>
      </c>
      <c r="D50" s="5">
        <v>127</v>
      </c>
    </row>
    <row r="51" spans="1:4" ht="18" customHeight="1" x14ac:dyDescent="0.15">
      <c r="A51" s="8">
        <v>38</v>
      </c>
      <c r="B51" s="21">
        <v>76</v>
      </c>
      <c r="C51" s="6">
        <v>69</v>
      </c>
      <c r="D51" s="5">
        <v>145</v>
      </c>
    </row>
    <row r="52" spans="1:4" ht="18" customHeight="1" x14ac:dyDescent="0.15">
      <c r="A52" s="8">
        <v>39</v>
      </c>
      <c r="B52" s="21">
        <v>59</v>
      </c>
      <c r="C52" s="6">
        <v>51</v>
      </c>
      <c r="D52" s="5">
        <v>110</v>
      </c>
    </row>
    <row r="53" spans="1:4" ht="18" customHeight="1" x14ac:dyDescent="0.15">
      <c r="A53" s="8" t="s">
        <v>17</v>
      </c>
      <c r="B53" s="21">
        <v>316</v>
      </c>
      <c r="C53" s="6">
        <v>290</v>
      </c>
      <c r="D53" s="5">
        <v>606</v>
      </c>
    </row>
    <row r="54" spans="1:4" ht="18" customHeight="1" x14ac:dyDescent="0.15">
      <c r="A54" s="8">
        <v>40</v>
      </c>
      <c r="B54" s="21">
        <v>66</v>
      </c>
      <c r="C54" s="6">
        <v>56</v>
      </c>
      <c r="D54" s="5">
        <v>122</v>
      </c>
    </row>
    <row r="55" spans="1:4" ht="18" customHeight="1" x14ac:dyDescent="0.15">
      <c r="A55" s="8">
        <v>41</v>
      </c>
      <c r="B55" s="21">
        <v>65</v>
      </c>
      <c r="C55" s="6">
        <v>48</v>
      </c>
      <c r="D55" s="5">
        <v>113</v>
      </c>
    </row>
    <row r="56" spans="1:4" ht="18" customHeight="1" x14ac:dyDescent="0.15">
      <c r="A56" s="8">
        <v>42</v>
      </c>
      <c r="B56" s="21">
        <v>80</v>
      </c>
      <c r="C56" s="6">
        <v>68</v>
      </c>
      <c r="D56" s="5">
        <v>148</v>
      </c>
    </row>
    <row r="57" spans="1:4" ht="18" customHeight="1" x14ac:dyDescent="0.15">
      <c r="A57" s="8">
        <v>43</v>
      </c>
      <c r="B57" s="21">
        <v>68</v>
      </c>
      <c r="C57" s="6">
        <v>67</v>
      </c>
      <c r="D57" s="5">
        <v>135</v>
      </c>
    </row>
    <row r="58" spans="1:4" ht="18" customHeight="1" x14ac:dyDescent="0.15">
      <c r="A58" s="8">
        <v>44</v>
      </c>
      <c r="B58" s="21">
        <v>89</v>
      </c>
      <c r="C58" s="6">
        <v>72</v>
      </c>
      <c r="D58" s="5">
        <v>161</v>
      </c>
    </row>
    <row r="59" spans="1:4" ht="18" customHeight="1" x14ac:dyDescent="0.15">
      <c r="A59" s="8" t="s">
        <v>16</v>
      </c>
      <c r="B59" s="21">
        <v>368</v>
      </c>
      <c r="C59" s="6">
        <v>311</v>
      </c>
      <c r="D59" s="5">
        <v>679</v>
      </c>
    </row>
    <row r="60" spans="1:4" ht="18" customHeight="1" x14ac:dyDescent="0.15">
      <c r="A60" s="8">
        <v>45</v>
      </c>
      <c r="B60" s="21">
        <v>81</v>
      </c>
      <c r="C60" s="6">
        <v>70</v>
      </c>
      <c r="D60" s="5">
        <v>151</v>
      </c>
    </row>
    <row r="61" spans="1:4" ht="18" customHeight="1" x14ac:dyDescent="0.15">
      <c r="A61" s="8">
        <v>46</v>
      </c>
      <c r="B61" s="21">
        <v>75</v>
      </c>
      <c r="C61" s="6">
        <v>87</v>
      </c>
      <c r="D61" s="5">
        <v>162</v>
      </c>
    </row>
    <row r="62" spans="1:4" ht="18" customHeight="1" x14ac:dyDescent="0.15">
      <c r="A62" s="8">
        <v>47</v>
      </c>
      <c r="B62" s="21">
        <v>81</v>
      </c>
      <c r="C62" s="6">
        <v>84</v>
      </c>
      <c r="D62" s="5">
        <v>165</v>
      </c>
    </row>
    <row r="63" spans="1:4" ht="18" customHeight="1" x14ac:dyDescent="0.15">
      <c r="A63" s="8">
        <v>48</v>
      </c>
      <c r="B63" s="21">
        <v>97</v>
      </c>
      <c r="C63" s="6">
        <v>81</v>
      </c>
      <c r="D63" s="5">
        <v>178</v>
      </c>
    </row>
    <row r="64" spans="1:4" ht="18" customHeight="1" x14ac:dyDescent="0.15">
      <c r="A64" s="8">
        <v>49</v>
      </c>
      <c r="B64" s="21">
        <v>77</v>
      </c>
      <c r="C64" s="6">
        <v>100</v>
      </c>
      <c r="D64" s="5">
        <v>177</v>
      </c>
    </row>
    <row r="65" spans="1:4" ht="18" customHeight="1" x14ac:dyDescent="0.15">
      <c r="A65" s="8" t="s">
        <v>15</v>
      </c>
      <c r="B65" s="21">
        <v>411</v>
      </c>
      <c r="C65" s="6">
        <v>422</v>
      </c>
      <c r="D65" s="5">
        <v>833</v>
      </c>
    </row>
    <row r="66" spans="1:4" ht="18" customHeight="1" x14ac:dyDescent="0.15">
      <c r="A66" s="8">
        <v>50</v>
      </c>
      <c r="B66" s="21">
        <v>82</v>
      </c>
      <c r="C66" s="6">
        <v>88</v>
      </c>
      <c r="D66" s="5">
        <v>170</v>
      </c>
    </row>
    <row r="67" spans="1:4" ht="18" customHeight="1" x14ac:dyDescent="0.15">
      <c r="A67" s="8">
        <v>51</v>
      </c>
      <c r="B67" s="21">
        <v>89</v>
      </c>
      <c r="C67" s="6">
        <v>72</v>
      </c>
      <c r="D67" s="5">
        <v>161</v>
      </c>
    </row>
    <row r="68" spans="1:4" ht="18" customHeight="1" x14ac:dyDescent="0.15">
      <c r="A68" s="8">
        <v>52</v>
      </c>
      <c r="B68" s="21">
        <v>97</v>
      </c>
      <c r="C68" s="6">
        <v>99</v>
      </c>
      <c r="D68" s="5">
        <v>196</v>
      </c>
    </row>
    <row r="69" spans="1:4" ht="18" customHeight="1" x14ac:dyDescent="0.15">
      <c r="A69" s="8">
        <v>53</v>
      </c>
      <c r="B69" s="21">
        <v>103</v>
      </c>
      <c r="C69" s="6">
        <v>94</v>
      </c>
      <c r="D69" s="5">
        <v>197</v>
      </c>
    </row>
    <row r="70" spans="1:4" ht="18" customHeight="1" x14ac:dyDescent="0.15">
      <c r="A70" s="8">
        <v>54</v>
      </c>
      <c r="B70" s="21">
        <v>101</v>
      </c>
      <c r="C70" s="6">
        <v>89</v>
      </c>
      <c r="D70" s="5">
        <v>190</v>
      </c>
    </row>
    <row r="71" spans="1:4" ht="18" customHeight="1" x14ac:dyDescent="0.15">
      <c r="A71" s="8" t="s">
        <v>14</v>
      </c>
      <c r="B71" s="21">
        <v>472</v>
      </c>
      <c r="C71" s="6">
        <v>442</v>
      </c>
      <c r="D71" s="5">
        <v>914</v>
      </c>
    </row>
    <row r="72" spans="1:4" ht="18" customHeight="1" x14ac:dyDescent="0.15">
      <c r="A72" s="8">
        <v>55</v>
      </c>
      <c r="B72" s="21">
        <v>94</v>
      </c>
      <c r="C72" s="6">
        <v>85</v>
      </c>
      <c r="D72" s="5">
        <v>179</v>
      </c>
    </row>
    <row r="73" spans="1:4" ht="18" customHeight="1" x14ac:dyDescent="0.15">
      <c r="A73" s="8">
        <v>56</v>
      </c>
      <c r="B73" s="21">
        <v>74</v>
      </c>
      <c r="C73" s="6">
        <v>81</v>
      </c>
      <c r="D73" s="5">
        <v>155</v>
      </c>
    </row>
    <row r="74" spans="1:4" ht="18" customHeight="1" x14ac:dyDescent="0.15">
      <c r="A74" s="8">
        <v>57</v>
      </c>
      <c r="B74" s="21">
        <v>85</v>
      </c>
      <c r="C74" s="6">
        <v>75</v>
      </c>
      <c r="D74" s="5">
        <v>160</v>
      </c>
    </row>
    <row r="75" spans="1:4" ht="18" customHeight="1" x14ac:dyDescent="0.15">
      <c r="A75" s="8">
        <v>58</v>
      </c>
      <c r="B75" s="21">
        <v>92</v>
      </c>
      <c r="C75" s="6">
        <v>88</v>
      </c>
      <c r="D75" s="5">
        <v>180</v>
      </c>
    </row>
    <row r="76" spans="1:4" ht="18" customHeight="1" x14ac:dyDescent="0.15">
      <c r="A76" s="8">
        <v>59</v>
      </c>
      <c r="B76" s="21">
        <v>65</v>
      </c>
      <c r="C76" s="6">
        <v>62</v>
      </c>
      <c r="D76" s="5">
        <v>127</v>
      </c>
    </row>
    <row r="77" spans="1:4" ht="18" customHeight="1" x14ac:dyDescent="0.15">
      <c r="A77" s="8" t="s">
        <v>13</v>
      </c>
      <c r="B77" s="21">
        <v>410</v>
      </c>
      <c r="C77" s="6">
        <v>391</v>
      </c>
      <c r="D77" s="5">
        <v>801</v>
      </c>
    </row>
    <row r="78" spans="1:4" ht="18" customHeight="1" x14ac:dyDescent="0.15">
      <c r="A78" s="8">
        <v>60</v>
      </c>
      <c r="B78" s="21">
        <v>84</v>
      </c>
      <c r="C78" s="6">
        <v>71</v>
      </c>
      <c r="D78" s="5">
        <v>155</v>
      </c>
    </row>
    <row r="79" spans="1:4" ht="18" customHeight="1" x14ac:dyDescent="0.15">
      <c r="A79" s="8">
        <v>61</v>
      </c>
      <c r="B79" s="21">
        <v>81</v>
      </c>
      <c r="C79" s="6">
        <v>81</v>
      </c>
      <c r="D79" s="5">
        <v>162</v>
      </c>
    </row>
    <row r="80" spans="1:4" ht="18" customHeight="1" x14ac:dyDescent="0.15">
      <c r="A80" s="8">
        <v>62</v>
      </c>
      <c r="B80" s="21">
        <v>64</v>
      </c>
      <c r="C80" s="6">
        <v>83</v>
      </c>
      <c r="D80" s="5">
        <v>147</v>
      </c>
    </row>
    <row r="81" spans="1:4" ht="18" customHeight="1" x14ac:dyDescent="0.15">
      <c r="A81" s="8">
        <v>63</v>
      </c>
      <c r="B81" s="21">
        <v>68</v>
      </c>
      <c r="C81" s="6">
        <v>77</v>
      </c>
      <c r="D81" s="5">
        <v>145</v>
      </c>
    </row>
    <row r="82" spans="1:4" ht="18" customHeight="1" x14ac:dyDescent="0.15">
      <c r="A82" s="8">
        <v>64</v>
      </c>
      <c r="B82" s="21">
        <v>76</v>
      </c>
      <c r="C82" s="6">
        <v>61</v>
      </c>
      <c r="D82" s="5">
        <v>137</v>
      </c>
    </row>
    <row r="83" spans="1:4" ht="18" customHeight="1" x14ac:dyDescent="0.15">
      <c r="A83" s="8" t="s">
        <v>12</v>
      </c>
      <c r="B83" s="21">
        <v>373</v>
      </c>
      <c r="C83" s="6">
        <v>373</v>
      </c>
      <c r="D83" s="5">
        <v>746</v>
      </c>
    </row>
    <row r="84" spans="1:4" ht="18" customHeight="1" x14ac:dyDescent="0.15">
      <c r="A84" s="8" t="s">
        <v>11</v>
      </c>
      <c r="B84" s="21">
        <v>3531</v>
      </c>
      <c r="C84" s="6">
        <v>3234</v>
      </c>
      <c r="D84" s="5">
        <v>6765</v>
      </c>
    </row>
    <row r="85" spans="1:4" ht="18" customHeight="1" x14ac:dyDescent="0.15">
      <c r="A85" s="8">
        <v>65</v>
      </c>
      <c r="B85" s="21">
        <v>60</v>
      </c>
      <c r="C85" s="6">
        <v>71</v>
      </c>
      <c r="D85" s="5">
        <v>131</v>
      </c>
    </row>
    <row r="86" spans="1:4" ht="18" customHeight="1" x14ac:dyDescent="0.15">
      <c r="A86" s="8">
        <v>66</v>
      </c>
      <c r="B86" s="21">
        <v>76</v>
      </c>
      <c r="C86" s="6">
        <v>81</v>
      </c>
      <c r="D86" s="5">
        <v>157</v>
      </c>
    </row>
    <row r="87" spans="1:4" ht="18" customHeight="1" x14ac:dyDescent="0.15">
      <c r="A87" s="8">
        <v>67</v>
      </c>
      <c r="B87" s="21">
        <v>84</v>
      </c>
      <c r="C87" s="6">
        <v>80</v>
      </c>
      <c r="D87" s="5">
        <v>164</v>
      </c>
    </row>
    <row r="88" spans="1:4" ht="18" customHeight="1" x14ac:dyDescent="0.15">
      <c r="A88" s="8">
        <v>68</v>
      </c>
      <c r="B88" s="21">
        <v>59</v>
      </c>
      <c r="C88" s="6">
        <v>84</v>
      </c>
      <c r="D88" s="5">
        <v>143</v>
      </c>
    </row>
    <row r="89" spans="1:4" ht="18" customHeight="1" x14ac:dyDescent="0.15">
      <c r="A89" s="8">
        <v>69</v>
      </c>
      <c r="B89" s="21">
        <v>60</v>
      </c>
      <c r="C89" s="6">
        <v>77</v>
      </c>
      <c r="D89" s="5">
        <v>137</v>
      </c>
    </row>
    <row r="90" spans="1:4" ht="18" customHeight="1" x14ac:dyDescent="0.15">
      <c r="A90" s="8" t="s">
        <v>10</v>
      </c>
      <c r="B90" s="21">
        <v>339</v>
      </c>
      <c r="C90" s="6">
        <v>393</v>
      </c>
      <c r="D90" s="5">
        <v>732</v>
      </c>
    </row>
    <row r="91" spans="1:4" ht="18" customHeight="1" x14ac:dyDescent="0.15">
      <c r="A91" s="8">
        <v>70</v>
      </c>
      <c r="B91" s="21">
        <v>73</v>
      </c>
      <c r="C91" s="6">
        <v>89</v>
      </c>
      <c r="D91" s="5">
        <v>162</v>
      </c>
    </row>
    <row r="92" spans="1:4" ht="18" customHeight="1" x14ac:dyDescent="0.15">
      <c r="A92" s="8">
        <v>71</v>
      </c>
      <c r="B92" s="21">
        <v>69</v>
      </c>
      <c r="C92" s="6">
        <v>80</v>
      </c>
      <c r="D92" s="5">
        <v>149</v>
      </c>
    </row>
    <row r="93" spans="1:4" ht="18" customHeight="1" x14ac:dyDescent="0.15">
      <c r="A93" s="8">
        <v>72</v>
      </c>
      <c r="B93" s="21">
        <v>81</v>
      </c>
      <c r="C93" s="6">
        <v>95</v>
      </c>
      <c r="D93" s="5">
        <v>176</v>
      </c>
    </row>
    <row r="94" spans="1:4" ht="18" customHeight="1" x14ac:dyDescent="0.15">
      <c r="A94" s="8">
        <v>73</v>
      </c>
      <c r="B94" s="21">
        <v>90</v>
      </c>
      <c r="C94" s="6">
        <v>74</v>
      </c>
      <c r="D94" s="5">
        <v>164</v>
      </c>
    </row>
    <row r="95" spans="1:4" ht="18" customHeight="1" x14ac:dyDescent="0.15">
      <c r="A95" s="8">
        <v>74</v>
      </c>
      <c r="B95" s="21">
        <v>75</v>
      </c>
      <c r="C95" s="6">
        <v>106</v>
      </c>
      <c r="D95" s="5">
        <v>181</v>
      </c>
    </row>
    <row r="96" spans="1:4" ht="18" customHeight="1" x14ac:dyDescent="0.15">
      <c r="A96" s="8" t="s">
        <v>9</v>
      </c>
      <c r="B96" s="21">
        <v>388</v>
      </c>
      <c r="C96" s="6">
        <v>444</v>
      </c>
      <c r="D96" s="5">
        <v>832</v>
      </c>
    </row>
    <row r="97" spans="1:4" ht="18" customHeight="1" x14ac:dyDescent="0.15">
      <c r="A97" s="8">
        <v>75</v>
      </c>
      <c r="B97" s="21">
        <v>71</v>
      </c>
      <c r="C97" s="6">
        <v>96</v>
      </c>
      <c r="D97" s="5">
        <v>167</v>
      </c>
    </row>
    <row r="98" spans="1:4" ht="18" customHeight="1" x14ac:dyDescent="0.15">
      <c r="A98" s="8">
        <v>76</v>
      </c>
      <c r="B98" s="21">
        <v>92</v>
      </c>
      <c r="C98" s="6">
        <v>100</v>
      </c>
      <c r="D98" s="5">
        <v>192</v>
      </c>
    </row>
    <row r="99" spans="1:4" ht="18" customHeight="1" x14ac:dyDescent="0.15">
      <c r="A99" s="8">
        <v>77</v>
      </c>
      <c r="B99" s="21">
        <v>104</v>
      </c>
      <c r="C99" s="6">
        <v>115</v>
      </c>
      <c r="D99" s="5">
        <v>219</v>
      </c>
    </row>
    <row r="100" spans="1:4" ht="18" customHeight="1" x14ac:dyDescent="0.15">
      <c r="A100" s="8">
        <v>78</v>
      </c>
      <c r="B100" s="21">
        <v>109</v>
      </c>
      <c r="C100" s="6">
        <v>104</v>
      </c>
      <c r="D100" s="5">
        <v>213</v>
      </c>
    </row>
    <row r="101" spans="1:4" ht="18" customHeight="1" x14ac:dyDescent="0.15">
      <c r="A101" s="8">
        <v>79</v>
      </c>
      <c r="B101" s="21">
        <v>50</v>
      </c>
      <c r="C101" s="6">
        <v>66</v>
      </c>
      <c r="D101" s="5">
        <v>116</v>
      </c>
    </row>
    <row r="102" spans="1:4" ht="18" customHeight="1" x14ac:dyDescent="0.15">
      <c r="A102" s="8" t="s">
        <v>8</v>
      </c>
      <c r="B102" s="21">
        <v>426</v>
      </c>
      <c r="C102" s="6">
        <v>481</v>
      </c>
      <c r="D102" s="5">
        <v>907</v>
      </c>
    </row>
    <row r="103" spans="1:4" ht="18" customHeight="1" x14ac:dyDescent="0.15">
      <c r="A103" s="8">
        <v>80</v>
      </c>
      <c r="B103" s="21">
        <v>53</v>
      </c>
      <c r="C103" s="6">
        <v>71</v>
      </c>
      <c r="D103" s="5">
        <v>124</v>
      </c>
    </row>
    <row r="104" spans="1:4" ht="18" customHeight="1" x14ac:dyDescent="0.15">
      <c r="A104" s="8">
        <v>81</v>
      </c>
      <c r="B104" s="21">
        <v>61</v>
      </c>
      <c r="C104" s="6">
        <v>101</v>
      </c>
      <c r="D104" s="5">
        <v>162</v>
      </c>
    </row>
    <row r="105" spans="1:4" ht="18" customHeight="1" x14ac:dyDescent="0.15">
      <c r="A105" s="8">
        <v>82</v>
      </c>
      <c r="B105" s="21">
        <v>66</v>
      </c>
      <c r="C105" s="6">
        <v>88</v>
      </c>
      <c r="D105" s="5">
        <v>154</v>
      </c>
    </row>
    <row r="106" spans="1:4" ht="18" customHeight="1" x14ac:dyDescent="0.15">
      <c r="A106" s="8">
        <v>83</v>
      </c>
      <c r="B106" s="21">
        <v>44</v>
      </c>
      <c r="C106" s="6">
        <v>84</v>
      </c>
      <c r="D106" s="5">
        <v>128</v>
      </c>
    </row>
    <row r="107" spans="1:4" ht="18" customHeight="1" x14ac:dyDescent="0.15">
      <c r="A107" s="8">
        <v>84</v>
      </c>
      <c r="B107" s="21">
        <v>55</v>
      </c>
      <c r="C107" s="6">
        <v>88</v>
      </c>
      <c r="D107" s="5">
        <v>143</v>
      </c>
    </row>
    <row r="108" spans="1:4" ht="18" customHeight="1" x14ac:dyDescent="0.15">
      <c r="A108" s="8" t="s">
        <v>7</v>
      </c>
      <c r="B108" s="21">
        <v>279</v>
      </c>
      <c r="C108" s="6">
        <v>432</v>
      </c>
      <c r="D108" s="5">
        <v>711</v>
      </c>
    </row>
    <row r="109" spans="1:4" ht="18" customHeight="1" x14ac:dyDescent="0.15">
      <c r="A109" s="8">
        <v>85</v>
      </c>
      <c r="B109" s="21">
        <v>60</v>
      </c>
      <c r="C109" s="6">
        <v>68</v>
      </c>
      <c r="D109" s="5">
        <v>128</v>
      </c>
    </row>
    <row r="110" spans="1:4" ht="18" customHeight="1" x14ac:dyDescent="0.15">
      <c r="A110" s="8">
        <v>86</v>
      </c>
      <c r="B110" s="21">
        <v>34</v>
      </c>
      <c r="C110" s="6">
        <v>55</v>
      </c>
      <c r="D110" s="5">
        <v>89</v>
      </c>
    </row>
    <row r="111" spans="1:4" ht="18" customHeight="1" x14ac:dyDescent="0.15">
      <c r="A111" s="8">
        <v>87</v>
      </c>
      <c r="B111" s="21">
        <v>26</v>
      </c>
      <c r="C111" s="6">
        <v>34</v>
      </c>
      <c r="D111" s="5">
        <v>60</v>
      </c>
    </row>
    <row r="112" spans="1:4" ht="18" customHeight="1" x14ac:dyDescent="0.15">
      <c r="A112" s="8">
        <v>88</v>
      </c>
      <c r="B112" s="21">
        <v>21</v>
      </c>
      <c r="C112" s="6">
        <v>49</v>
      </c>
      <c r="D112" s="5">
        <v>70</v>
      </c>
    </row>
    <row r="113" spans="1:4" ht="18" customHeight="1" x14ac:dyDescent="0.15">
      <c r="A113" s="8">
        <v>89</v>
      </c>
      <c r="B113" s="21">
        <v>22</v>
      </c>
      <c r="C113" s="6">
        <v>63</v>
      </c>
      <c r="D113" s="5">
        <v>85</v>
      </c>
    </row>
    <row r="114" spans="1:4" ht="18" customHeight="1" x14ac:dyDescent="0.15">
      <c r="A114" s="8" t="s">
        <v>6</v>
      </c>
      <c r="B114" s="21">
        <v>163</v>
      </c>
      <c r="C114" s="6">
        <v>269</v>
      </c>
      <c r="D114" s="5">
        <v>432</v>
      </c>
    </row>
    <row r="115" spans="1:4" ht="18" customHeight="1" x14ac:dyDescent="0.15">
      <c r="A115" s="8">
        <v>90</v>
      </c>
      <c r="B115" s="21">
        <v>28</v>
      </c>
      <c r="C115" s="6">
        <v>46</v>
      </c>
      <c r="D115" s="5">
        <v>74</v>
      </c>
    </row>
    <row r="116" spans="1:4" ht="18" customHeight="1" x14ac:dyDescent="0.15">
      <c r="A116" s="8">
        <v>91</v>
      </c>
      <c r="B116" s="21">
        <v>15</v>
      </c>
      <c r="C116" s="6">
        <v>27</v>
      </c>
      <c r="D116" s="5">
        <v>42</v>
      </c>
    </row>
    <row r="117" spans="1:4" ht="18" customHeight="1" x14ac:dyDescent="0.15">
      <c r="A117" s="8">
        <v>92</v>
      </c>
      <c r="B117" s="21">
        <v>16</v>
      </c>
      <c r="C117" s="6">
        <v>41</v>
      </c>
      <c r="D117" s="5">
        <v>57</v>
      </c>
    </row>
    <row r="118" spans="1:4" ht="18" customHeight="1" x14ac:dyDescent="0.15">
      <c r="A118" s="8">
        <v>93</v>
      </c>
      <c r="B118" s="21">
        <v>8</v>
      </c>
      <c r="C118" s="6">
        <v>43</v>
      </c>
      <c r="D118" s="5">
        <v>51</v>
      </c>
    </row>
    <row r="119" spans="1:4" ht="18" customHeight="1" x14ac:dyDescent="0.15">
      <c r="A119" s="8">
        <v>94</v>
      </c>
      <c r="B119" s="21">
        <v>9</v>
      </c>
      <c r="C119" s="6">
        <v>40</v>
      </c>
      <c r="D119" s="5">
        <v>49</v>
      </c>
    </row>
    <row r="120" spans="1:4" ht="18" customHeight="1" x14ac:dyDescent="0.15">
      <c r="A120" s="8" t="s">
        <v>5</v>
      </c>
      <c r="B120" s="21">
        <v>76</v>
      </c>
      <c r="C120" s="6">
        <v>197</v>
      </c>
      <c r="D120" s="5">
        <v>273</v>
      </c>
    </row>
    <row r="121" spans="1:4" ht="18" customHeight="1" x14ac:dyDescent="0.15">
      <c r="A121" s="8">
        <v>95</v>
      </c>
      <c r="B121" s="21">
        <v>6</v>
      </c>
      <c r="C121" s="6">
        <v>14</v>
      </c>
      <c r="D121" s="5">
        <v>20</v>
      </c>
    </row>
    <row r="122" spans="1:4" ht="18" customHeight="1" x14ac:dyDescent="0.15">
      <c r="A122" s="8">
        <v>96</v>
      </c>
      <c r="B122" s="21">
        <v>3</v>
      </c>
      <c r="C122" s="6">
        <v>21</v>
      </c>
      <c r="D122" s="5">
        <v>24</v>
      </c>
    </row>
    <row r="123" spans="1:4" ht="18" customHeight="1" x14ac:dyDescent="0.15">
      <c r="A123" s="8">
        <v>97</v>
      </c>
      <c r="B123" s="21">
        <v>6</v>
      </c>
      <c r="C123" s="6">
        <v>7</v>
      </c>
      <c r="D123" s="5">
        <v>13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3</v>
      </c>
      <c r="C125" s="6">
        <v>8</v>
      </c>
      <c r="D125" s="5">
        <v>11</v>
      </c>
    </row>
    <row r="126" spans="1:4" ht="18" customHeight="1" x14ac:dyDescent="0.15">
      <c r="A126" s="8" t="s">
        <v>4</v>
      </c>
      <c r="B126" s="21">
        <v>18</v>
      </c>
      <c r="C126" s="6">
        <v>57</v>
      </c>
      <c r="D126" s="5">
        <v>75</v>
      </c>
    </row>
    <row r="127" spans="1:4" ht="18" customHeight="1" x14ac:dyDescent="0.15">
      <c r="A127" s="8">
        <v>100</v>
      </c>
      <c r="B127" s="21">
        <v>2</v>
      </c>
      <c r="C127" s="6">
        <v>4</v>
      </c>
      <c r="D127" s="5">
        <v>6</v>
      </c>
    </row>
    <row r="128" spans="1:4" ht="18" customHeight="1" x14ac:dyDescent="0.15">
      <c r="A128" s="9" t="s">
        <v>3</v>
      </c>
      <c r="B128" s="21">
        <v>0</v>
      </c>
      <c r="C128" s="6">
        <v>9</v>
      </c>
      <c r="D128" s="5">
        <v>9</v>
      </c>
    </row>
    <row r="129" spans="1:4" ht="18" customHeight="1" x14ac:dyDescent="0.15">
      <c r="A129" s="8" t="s">
        <v>2</v>
      </c>
      <c r="B129" s="21">
        <v>2</v>
      </c>
      <c r="C129" s="6">
        <v>13</v>
      </c>
      <c r="D129" s="5">
        <v>15</v>
      </c>
    </row>
    <row r="130" spans="1:4" ht="18" customHeight="1" x14ac:dyDescent="0.15">
      <c r="A130" s="8" t="s">
        <v>1</v>
      </c>
      <c r="B130" s="21">
        <v>1691</v>
      </c>
      <c r="C130" s="6">
        <v>2286</v>
      </c>
      <c r="D130" s="5">
        <v>3977</v>
      </c>
    </row>
    <row r="131" spans="1:4" ht="18" customHeight="1" x14ac:dyDescent="0.15">
      <c r="A131" s="4" t="s">
        <v>0</v>
      </c>
      <c r="B131" s="20">
        <v>5899</v>
      </c>
      <c r="C131" s="2">
        <v>6166</v>
      </c>
      <c r="D131" s="1">
        <v>1206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7756D4-4115-4421-ACFE-79D4218B33B9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</v>
      </c>
      <c r="C5" s="11">
        <v>9</v>
      </c>
      <c r="D5" s="10">
        <v>11</v>
      </c>
    </row>
    <row r="6" spans="1:4" ht="18" customHeight="1" x14ac:dyDescent="0.15">
      <c r="A6" s="8">
        <v>1</v>
      </c>
      <c r="B6" s="21">
        <v>5</v>
      </c>
      <c r="C6" s="6">
        <v>9</v>
      </c>
      <c r="D6" s="5">
        <v>14</v>
      </c>
    </row>
    <row r="7" spans="1:4" ht="18" customHeight="1" x14ac:dyDescent="0.15">
      <c r="A7" s="8">
        <v>2</v>
      </c>
      <c r="B7" s="21">
        <v>11</v>
      </c>
      <c r="C7" s="6">
        <v>9</v>
      </c>
      <c r="D7" s="5">
        <v>20</v>
      </c>
    </row>
    <row r="8" spans="1:4" ht="18" customHeight="1" x14ac:dyDescent="0.15">
      <c r="A8" s="8">
        <v>3</v>
      </c>
      <c r="B8" s="21">
        <v>11</v>
      </c>
      <c r="C8" s="6">
        <v>11</v>
      </c>
      <c r="D8" s="5">
        <v>22</v>
      </c>
    </row>
    <row r="9" spans="1:4" ht="18" customHeight="1" x14ac:dyDescent="0.15">
      <c r="A9" s="8">
        <v>4</v>
      </c>
      <c r="B9" s="21">
        <v>9</v>
      </c>
      <c r="C9" s="6">
        <v>10</v>
      </c>
      <c r="D9" s="5">
        <v>19</v>
      </c>
    </row>
    <row r="10" spans="1:4" ht="18" customHeight="1" x14ac:dyDescent="0.15">
      <c r="A10" s="8" t="s">
        <v>25</v>
      </c>
      <c r="B10" s="21">
        <v>38</v>
      </c>
      <c r="C10" s="6">
        <v>48</v>
      </c>
      <c r="D10" s="5">
        <v>86</v>
      </c>
    </row>
    <row r="11" spans="1:4" ht="18" customHeight="1" x14ac:dyDescent="0.15">
      <c r="A11" s="8">
        <v>5</v>
      </c>
      <c r="B11" s="21">
        <v>14</v>
      </c>
      <c r="C11" s="6">
        <v>9</v>
      </c>
      <c r="D11" s="5">
        <v>23</v>
      </c>
    </row>
    <row r="12" spans="1:4" ht="18" customHeight="1" x14ac:dyDescent="0.15">
      <c r="A12" s="8">
        <v>6</v>
      </c>
      <c r="B12" s="21">
        <v>5</v>
      </c>
      <c r="C12" s="6">
        <v>10</v>
      </c>
      <c r="D12" s="5">
        <v>15</v>
      </c>
    </row>
    <row r="13" spans="1:4" ht="18" customHeight="1" x14ac:dyDescent="0.15">
      <c r="A13" s="8">
        <v>7</v>
      </c>
      <c r="B13" s="21">
        <v>10</v>
      </c>
      <c r="C13" s="6">
        <v>11</v>
      </c>
      <c r="D13" s="5">
        <v>21</v>
      </c>
    </row>
    <row r="14" spans="1:4" ht="18" customHeight="1" x14ac:dyDescent="0.15">
      <c r="A14" s="8">
        <v>8</v>
      </c>
      <c r="B14" s="21">
        <v>8</v>
      </c>
      <c r="C14" s="6">
        <v>16</v>
      </c>
      <c r="D14" s="5">
        <v>24</v>
      </c>
    </row>
    <row r="15" spans="1:4" ht="18" customHeight="1" x14ac:dyDescent="0.15">
      <c r="A15" s="8">
        <v>9</v>
      </c>
      <c r="B15" s="21">
        <v>16</v>
      </c>
      <c r="C15" s="6">
        <v>6</v>
      </c>
      <c r="D15" s="5">
        <v>22</v>
      </c>
    </row>
    <row r="16" spans="1:4" ht="18" customHeight="1" x14ac:dyDescent="0.15">
      <c r="A16" s="8" t="s">
        <v>24</v>
      </c>
      <c r="B16" s="21">
        <v>53</v>
      </c>
      <c r="C16" s="6">
        <v>52</v>
      </c>
      <c r="D16" s="5">
        <v>105</v>
      </c>
    </row>
    <row r="17" spans="1:4" ht="18" customHeight="1" x14ac:dyDescent="0.15">
      <c r="A17" s="8">
        <v>10</v>
      </c>
      <c r="B17" s="21">
        <v>11</v>
      </c>
      <c r="C17" s="6">
        <v>15</v>
      </c>
      <c r="D17" s="5">
        <v>26</v>
      </c>
    </row>
    <row r="18" spans="1:4" ht="18" customHeight="1" x14ac:dyDescent="0.15">
      <c r="A18" s="8">
        <v>11</v>
      </c>
      <c r="B18" s="21">
        <v>8</v>
      </c>
      <c r="C18" s="6">
        <v>9</v>
      </c>
      <c r="D18" s="5">
        <v>17</v>
      </c>
    </row>
    <row r="19" spans="1:4" ht="18" customHeight="1" x14ac:dyDescent="0.15">
      <c r="A19" s="8">
        <v>12</v>
      </c>
      <c r="B19" s="21">
        <v>14</v>
      </c>
      <c r="C19" s="6">
        <v>14</v>
      </c>
      <c r="D19" s="5">
        <v>28</v>
      </c>
    </row>
    <row r="20" spans="1:4" ht="18" customHeight="1" x14ac:dyDescent="0.15">
      <c r="A20" s="8">
        <v>13</v>
      </c>
      <c r="B20" s="21">
        <v>13</v>
      </c>
      <c r="C20" s="6">
        <v>16</v>
      </c>
      <c r="D20" s="5">
        <v>29</v>
      </c>
    </row>
    <row r="21" spans="1:4" ht="18" customHeight="1" x14ac:dyDescent="0.15">
      <c r="A21" s="8">
        <v>14</v>
      </c>
      <c r="B21" s="21">
        <v>15</v>
      </c>
      <c r="C21" s="6">
        <v>9</v>
      </c>
      <c r="D21" s="5">
        <v>24</v>
      </c>
    </row>
    <row r="22" spans="1:4" ht="18" customHeight="1" x14ac:dyDescent="0.15">
      <c r="A22" s="8" t="s">
        <v>23</v>
      </c>
      <c r="B22" s="21">
        <v>61</v>
      </c>
      <c r="C22" s="6">
        <v>63</v>
      </c>
      <c r="D22" s="5">
        <v>124</v>
      </c>
    </row>
    <row r="23" spans="1:4" ht="18" customHeight="1" x14ac:dyDescent="0.15">
      <c r="A23" s="8" t="s">
        <v>22</v>
      </c>
      <c r="B23" s="21">
        <v>152</v>
      </c>
      <c r="C23" s="6">
        <v>163</v>
      </c>
      <c r="D23" s="5">
        <v>315</v>
      </c>
    </row>
    <row r="24" spans="1:4" ht="18" customHeight="1" x14ac:dyDescent="0.15">
      <c r="A24" s="8">
        <v>15</v>
      </c>
      <c r="B24" s="21">
        <v>15</v>
      </c>
      <c r="C24" s="6">
        <v>14</v>
      </c>
      <c r="D24" s="5">
        <v>29</v>
      </c>
    </row>
    <row r="25" spans="1:4" ht="18" customHeight="1" x14ac:dyDescent="0.15">
      <c r="A25" s="8">
        <v>16</v>
      </c>
      <c r="B25" s="21">
        <v>10</v>
      </c>
      <c r="C25" s="6">
        <v>9</v>
      </c>
      <c r="D25" s="5">
        <v>19</v>
      </c>
    </row>
    <row r="26" spans="1:4" ht="18" customHeight="1" x14ac:dyDescent="0.15">
      <c r="A26" s="8">
        <v>17</v>
      </c>
      <c r="B26" s="21">
        <v>12</v>
      </c>
      <c r="C26" s="6">
        <v>19</v>
      </c>
      <c r="D26" s="5">
        <v>31</v>
      </c>
    </row>
    <row r="27" spans="1:4" ht="18" customHeight="1" x14ac:dyDescent="0.15">
      <c r="A27" s="8">
        <v>18</v>
      </c>
      <c r="B27" s="21">
        <v>20</v>
      </c>
      <c r="C27" s="6">
        <v>14</v>
      </c>
      <c r="D27" s="5">
        <v>34</v>
      </c>
    </row>
    <row r="28" spans="1:4" ht="18" customHeight="1" x14ac:dyDescent="0.15">
      <c r="A28" s="8">
        <v>19</v>
      </c>
      <c r="B28" s="21">
        <v>32</v>
      </c>
      <c r="C28" s="6">
        <v>27</v>
      </c>
      <c r="D28" s="5">
        <v>59</v>
      </c>
    </row>
    <row r="29" spans="1:4" ht="18" customHeight="1" x14ac:dyDescent="0.15">
      <c r="A29" s="8" t="s">
        <v>21</v>
      </c>
      <c r="B29" s="21">
        <v>89</v>
      </c>
      <c r="C29" s="6">
        <v>83</v>
      </c>
      <c r="D29" s="5">
        <v>172</v>
      </c>
    </row>
    <row r="30" spans="1:4" ht="18" customHeight="1" x14ac:dyDescent="0.15">
      <c r="A30" s="8">
        <v>20</v>
      </c>
      <c r="B30" s="21">
        <v>12</v>
      </c>
      <c r="C30" s="6">
        <v>17</v>
      </c>
      <c r="D30" s="5">
        <v>29</v>
      </c>
    </row>
    <row r="31" spans="1:4" ht="18" customHeight="1" x14ac:dyDescent="0.15">
      <c r="A31" s="8">
        <v>21</v>
      </c>
      <c r="B31" s="21">
        <v>13</v>
      </c>
      <c r="C31" s="6">
        <v>15</v>
      </c>
      <c r="D31" s="5">
        <v>28</v>
      </c>
    </row>
    <row r="32" spans="1:4" ht="18" customHeight="1" x14ac:dyDescent="0.15">
      <c r="A32" s="8">
        <v>22</v>
      </c>
      <c r="B32" s="21">
        <v>10</v>
      </c>
      <c r="C32" s="6">
        <v>13</v>
      </c>
      <c r="D32" s="5">
        <v>23</v>
      </c>
    </row>
    <row r="33" spans="1:4" ht="18" customHeight="1" x14ac:dyDescent="0.15">
      <c r="A33" s="8">
        <v>23</v>
      </c>
      <c r="B33" s="21">
        <v>15</v>
      </c>
      <c r="C33" s="6">
        <v>10</v>
      </c>
      <c r="D33" s="5">
        <v>25</v>
      </c>
    </row>
    <row r="34" spans="1:4" ht="18" customHeight="1" x14ac:dyDescent="0.15">
      <c r="A34" s="8">
        <v>24</v>
      </c>
      <c r="B34" s="21">
        <v>14</v>
      </c>
      <c r="C34" s="6">
        <v>9</v>
      </c>
      <c r="D34" s="5">
        <v>23</v>
      </c>
    </row>
    <row r="35" spans="1:4" ht="18" customHeight="1" x14ac:dyDescent="0.15">
      <c r="A35" s="8" t="s">
        <v>20</v>
      </c>
      <c r="B35" s="21">
        <v>64</v>
      </c>
      <c r="C35" s="6">
        <v>64</v>
      </c>
      <c r="D35" s="5">
        <v>128</v>
      </c>
    </row>
    <row r="36" spans="1:4" ht="18" customHeight="1" x14ac:dyDescent="0.15">
      <c r="A36" s="8">
        <v>25</v>
      </c>
      <c r="B36" s="21">
        <v>11</v>
      </c>
      <c r="C36" s="6">
        <v>9</v>
      </c>
      <c r="D36" s="5">
        <v>20</v>
      </c>
    </row>
    <row r="37" spans="1:4" ht="18" customHeight="1" x14ac:dyDescent="0.15">
      <c r="A37" s="8">
        <v>26</v>
      </c>
      <c r="B37" s="21">
        <v>12</v>
      </c>
      <c r="C37" s="6">
        <v>11</v>
      </c>
      <c r="D37" s="5">
        <v>23</v>
      </c>
    </row>
    <row r="38" spans="1:4" ht="18" customHeight="1" x14ac:dyDescent="0.15">
      <c r="A38" s="8">
        <v>27</v>
      </c>
      <c r="B38" s="21">
        <v>19</v>
      </c>
      <c r="C38" s="6">
        <v>8</v>
      </c>
      <c r="D38" s="5">
        <v>27</v>
      </c>
    </row>
    <row r="39" spans="1:4" ht="18" customHeight="1" x14ac:dyDescent="0.15">
      <c r="A39" s="8">
        <v>28</v>
      </c>
      <c r="B39" s="21">
        <v>12</v>
      </c>
      <c r="C39" s="6">
        <v>5</v>
      </c>
      <c r="D39" s="5">
        <v>17</v>
      </c>
    </row>
    <row r="40" spans="1:4" ht="18" customHeight="1" x14ac:dyDescent="0.15">
      <c r="A40" s="8">
        <v>29</v>
      </c>
      <c r="B40" s="21">
        <v>8</v>
      </c>
      <c r="C40" s="6">
        <v>13</v>
      </c>
      <c r="D40" s="5">
        <v>21</v>
      </c>
    </row>
    <row r="41" spans="1:4" ht="18" customHeight="1" x14ac:dyDescent="0.15">
      <c r="A41" s="8" t="s">
        <v>19</v>
      </c>
      <c r="B41" s="21">
        <v>62</v>
      </c>
      <c r="C41" s="6">
        <v>46</v>
      </c>
      <c r="D41" s="5">
        <v>108</v>
      </c>
    </row>
    <row r="42" spans="1:4" ht="18" customHeight="1" x14ac:dyDescent="0.15">
      <c r="A42" s="8">
        <v>30</v>
      </c>
      <c r="B42" s="21">
        <v>8</v>
      </c>
      <c r="C42" s="6">
        <v>4</v>
      </c>
      <c r="D42" s="5">
        <v>12</v>
      </c>
    </row>
    <row r="43" spans="1:4" ht="18" customHeight="1" x14ac:dyDescent="0.15">
      <c r="A43" s="8">
        <v>31</v>
      </c>
      <c r="B43" s="21">
        <v>14</v>
      </c>
      <c r="C43" s="6">
        <v>12</v>
      </c>
      <c r="D43" s="5">
        <v>26</v>
      </c>
    </row>
    <row r="44" spans="1:4" ht="18" customHeight="1" x14ac:dyDescent="0.15">
      <c r="A44" s="8">
        <v>32</v>
      </c>
      <c r="B44" s="21">
        <v>14</v>
      </c>
      <c r="C44" s="6">
        <v>12</v>
      </c>
      <c r="D44" s="5">
        <v>26</v>
      </c>
    </row>
    <row r="45" spans="1:4" ht="18" customHeight="1" x14ac:dyDescent="0.15">
      <c r="A45" s="8">
        <v>33</v>
      </c>
      <c r="B45" s="21">
        <v>11</v>
      </c>
      <c r="C45" s="6">
        <v>9</v>
      </c>
      <c r="D45" s="5">
        <v>20</v>
      </c>
    </row>
    <row r="46" spans="1:4" ht="18" customHeight="1" x14ac:dyDescent="0.15">
      <c r="A46" s="8">
        <v>34</v>
      </c>
      <c r="B46" s="21">
        <v>14</v>
      </c>
      <c r="C46" s="6">
        <v>7</v>
      </c>
      <c r="D46" s="5">
        <v>21</v>
      </c>
    </row>
    <row r="47" spans="1:4" ht="18" customHeight="1" x14ac:dyDescent="0.15">
      <c r="A47" s="8" t="s">
        <v>18</v>
      </c>
      <c r="B47" s="21">
        <v>61</v>
      </c>
      <c r="C47" s="6">
        <v>44</v>
      </c>
      <c r="D47" s="5">
        <v>105</v>
      </c>
    </row>
    <row r="48" spans="1:4" ht="18" customHeight="1" x14ac:dyDescent="0.15">
      <c r="A48" s="8">
        <v>35</v>
      </c>
      <c r="B48" s="21">
        <v>11</v>
      </c>
      <c r="C48" s="6">
        <v>11</v>
      </c>
      <c r="D48" s="5">
        <v>22</v>
      </c>
    </row>
    <row r="49" spans="1:4" ht="18" customHeight="1" x14ac:dyDescent="0.15">
      <c r="A49" s="8">
        <v>36</v>
      </c>
      <c r="B49" s="21">
        <v>16</v>
      </c>
      <c r="C49" s="6">
        <v>15</v>
      </c>
      <c r="D49" s="5">
        <v>31</v>
      </c>
    </row>
    <row r="50" spans="1:4" ht="18" customHeight="1" x14ac:dyDescent="0.15">
      <c r="A50" s="8">
        <v>37</v>
      </c>
      <c r="B50" s="21">
        <v>10</v>
      </c>
      <c r="C50" s="6">
        <v>10</v>
      </c>
      <c r="D50" s="5">
        <v>20</v>
      </c>
    </row>
    <row r="51" spans="1:4" ht="18" customHeight="1" x14ac:dyDescent="0.15">
      <c r="A51" s="8">
        <v>38</v>
      </c>
      <c r="B51" s="21">
        <v>14</v>
      </c>
      <c r="C51" s="6">
        <v>8</v>
      </c>
      <c r="D51" s="5">
        <v>22</v>
      </c>
    </row>
    <row r="52" spans="1:4" ht="18" customHeight="1" x14ac:dyDescent="0.15">
      <c r="A52" s="8">
        <v>39</v>
      </c>
      <c r="B52" s="21">
        <v>16</v>
      </c>
      <c r="C52" s="6">
        <v>14</v>
      </c>
      <c r="D52" s="5">
        <v>30</v>
      </c>
    </row>
    <row r="53" spans="1:4" ht="18" customHeight="1" x14ac:dyDescent="0.15">
      <c r="A53" s="8" t="s">
        <v>17</v>
      </c>
      <c r="B53" s="21">
        <v>67</v>
      </c>
      <c r="C53" s="6">
        <v>58</v>
      </c>
      <c r="D53" s="5">
        <v>125</v>
      </c>
    </row>
    <row r="54" spans="1:4" ht="18" customHeight="1" x14ac:dyDescent="0.15">
      <c r="A54" s="8">
        <v>40</v>
      </c>
      <c r="B54" s="21">
        <v>19</v>
      </c>
      <c r="C54" s="6">
        <v>14</v>
      </c>
      <c r="D54" s="5">
        <v>33</v>
      </c>
    </row>
    <row r="55" spans="1:4" ht="18" customHeight="1" x14ac:dyDescent="0.15">
      <c r="A55" s="8">
        <v>41</v>
      </c>
      <c r="B55" s="21">
        <v>24</v>
      </c>
      <c r="C55" s="6">
        <v>16</v>
      </c>
      <c r="D55" s="5">
        <v>40</v>
      </c>
    </row>
    <row r="56" spans="1:4" ht="18" customHeight="1" x14ac:dyDescent="0.15">
      <c r="A56" s="8">
        <v>42</v>
      </c>
      <c r="B56" s="21">
        <v>15</v>
      </c>
      <c r="C56" s="6">
        <v>18</v>
      </c>
      <c r="D56" s="5">
        <v>33</v>
      </c>
    </row>
    <row r="57" spans="1:4" ht="18" customHeight="1" x14ac:dyDescent="0.15">
      <c r="A57" s="8">
        <v>43</v>
      </c>
      <c r="B57" s="21">
        <v>16</v>
      </c>
      <c r="C57" s="6">
        <v>19</v>
      </c>
      <c r="D57" s="5">
        <v>35</v>
      </c>
    </row>
    <row r="58" spans="1:4" ht="18" customHeight="1" x14ac:dyDescent="0.15">
      <c r="A58" s="8">
        <v>44</v>
      </c>
      <c r="B58" s="21">
        <v>22</v>
      </c>
      <c r="C58" s="6">
        <v>14</v>
      </c>
      <c r="D58" s="5">
        <v>36</v>
      </c>
    </row>
    <row r="59" spans="1:4" ht="18" customHeight="1" x14ac:dyDescent="0.15">
      <c r="A59" s="8" t="s">
        <v>16</v>
      </c>
      <c r="B59" s="21">
        <v>96</v>
      </c>
      <c r="C59" s="6">
        <v>81</v>
      </c>
      <c r="D59" s="5">
        <v>177</v>
      </c>
    </row>
    <row r="60" spans="1:4" ht="18" customHeight="1" x14ac:dyDescent="0.15">
      <c r="A60" s="8">
        <v>45</v>
      </c>
      <c r="B60" s="21">
        <v>21</v>
      </c>
      <c r="C60" s="6">
        <v>18</v>
      </c>
      <c r="D60" s="5">
        <v>39</v>
      </c>
    </row>
    <row r="61" spans="1:4" ht="18" customHeight="1" x14ac:dyDescent="0.15">
      <c r="A61" s="8">
        <v>46</v>
      </c>
      <c r="B61" s="21">
        <v>24</v>
      </c>
      <c r="C61" s="6">
        <v>14</v>
      </c>
      <c r="D61" s="5">
        <v>38</v>
      </c>
    </row>
    <row r="62" spans="1:4" ht="18" customHeight="1" x14ac:dyDescent="0.15">
      <c r="A62" s="8">
        <v>47</v>
      </c>
      <c r="B62" s="21">
        <v>19</v>
      </c>
      <c r="C62" s="6">
        <v>17</v>
      </c>
      <c r="D62" s="5">
        <v>36</v>
      </c>
    </row>
    <row r="63" spans="1:4" ht="18" customHeight="1" x14ac:dyDescent="0.15">
      <c r="A63" s="8">
        <v>48</v>
      </c>
      <c r="B63" s="21">
        <v>19</v>
      </c>
      <c r="C63" s="6">
        <v>19</v>
      </c>
      <c r="D63" s="5">
        <v>38</v>
      </c>
    </row>
    <row r="64" spans="1:4" ht="18" customHeight="1" x14ac:dyDescent="0.15">
      <c r="A64" s="8">
        <v>49</v>
      </c>
      <c r="B64" s="21">
        <v>18</v>
      </c>
      <c r="C64" s="6">
        <v>37</v>
      </c>
      <c r="D64" s="5">
        <v>55</v>
      </c>
    </row>
    <row r="65" spans="1:4" ht="18" customHeight="1" x14ac:dyDescent="0.15">
      <c r="A65" s="8" t="s">
        <v>15</v>
      </c>
      <c r="B65" s="21">
        <v>101</v>
      </c>
      <c r="C65" s="6">
        <v>105</v>
      </c>
      <c r="D65" s="5">
        <v>206</v>
      </c>
    </row>
    <row r="66" spans="1:4" ht="18" customHeight="1" x14ac:dyDescent="0.15">
      <c r="A66" s="8">
        <v>50</v>
      </c>
      <c r="B66" s="21">
        <v>21</v>
      </c>
      <c r="C66" s="6">
        <v>18</v>
      </c>
      <c r="D66" s="5">
        <v>39</v>
      </c>
    </row>
    <row r="67" spans="1:4" ht="18" customHeight="1" x14ac:dyDescent="0.15">
      <c r="A67" s="8">
        <v>51</v>
      </c>
      <c r="B67" s="21">
        <v>22</v>
      </c>
      <c r="C67" s="6">
        <v>24</v>
      </c>
      <c r="D67" s="5">
        <v>46</v>
      </c>
    </row>
    <row r="68" spans="1:4" ht="18" customHeight="1" x14ac:dyDescent="0.15">
      <c r="A68" s="8">
        <v>52</v>
      </c>
      <c r="B68" s="21">
        <v>26</v>
      </c>
      <c r="C68" s="6">
        <v>26</v>
      </c>
      <c r="D68" s="5">
        <v>52</v>
      </c>
    </row>
    <row r="69" spans="1:4" ht="18" customHeight="1" x14ac:dyDescent="0.15">
      <c r="A69" s="8">
        <v>53</v>
      </c>
      <c r="B69" s="21">
        <v>24</v>
      </c>
      <c r="C69" s="6">
        <v>20</v>
      </c>
      <c r="D69" s="5">
        <v>44</v>
      </c>
    </row>
    <row r="70" spans="1:4" ht="18" customHeight="1" x14ac:dyDescent="0.15">
      <c r="A70" s="8">
        <v>54</v>
      </c>
      <c r="B70" s="21">
        <v>24</v>
      </c>
      <c r="C70" s="6">
        <v>28</v>
      </c>
      <c r="D70" s="5">
        <v>52</v>
      </c>
    </row>
    <row r="71" spans="1:4" ht="18" customHeight="1" x14ac:dyDescent="0.15">
      <c r="A71" s="8" t="s">
        <v>14</v>
      </c>
      <c r="B71" s="21">
        <v>117</v>
      </c>
      <c r="C71" s="6">
        <v>116</v>
      </c>
      <c r="D71" s="5">
        <v>233</v>
      </c>
    </row>
    <row r="72" spans="1:4" ht="18" customHeight="1" x14ac:dyDescent="0.15">
      <c r="A72" s="8">
        <v>55</v>
      </c>
      <c r="B72" s="21">
        <v>25</v>
      </c>
      <c r="C72" s="6">
        <v>21</v>
      </c>
      <c r="D72" s="5">
        <v>46</v>
      </c>
    </row>
    <row r="73" spans="1:4" ht="18" customHeight="1" x14ac:dyDescent="0.15">
      <c r="A73" s="8">
        <v>56</v>
      </c>
      <c r="B73" s="21">
        <v>20</v>
      </c>
      <c r="C73" s="6">
        <v>15</v>
      </c>
      <c r="D73" s="5">
        <v>35</v>
      </c>
    </row>
    <row r="74" spans="1:4" ht="18" customHeight="1" x14ac:dyDescent="0.15">
      <c r="A74" s="8">
        <v>57</v>
      </c>
      <c r="B74" s="21">
        <v>22</v>
      </c>
      <c r="C74" s="6">
        <v>25</v>
      </c>
      <c r="D74" s="5">
        <v>47</v>
      </c>
    </row>
    <row r="75" spans="1:4" ht="18" customHeight="1" x14ac:dyDescent="0.15">
      <c r="A75" s="8">
        <v>58</v>
      </c>
      <c r="B75" s="21">
        <v>17</v>
      </c>
      <c r="C75" s="6">
        <v>19</v>
      </c>
      <c r="D75" s="5">
        <v>36</v>
      </c>
    </row>
    <row r="76" spans="1:4" ht="18" customHeight="1" x14ac:dyDescent="0.15">
      <c r="A76" s="8">
        <v>59</v>
      </c>
      <c r="B76" s="21">
        <v>11</v>
      </c>
      <c r="C76" s="6">
        <v>16</v>
      </c>
      <c r="D76" s="5">
        <v>27</v>
      </c>
    </row>
    <row r="77" spans="1:4" ht="18" customHeight="1" x14ac:dyDescent="0.15">
      <c r="A77" s="8" t="s">
        <v>13</v>
      </c>
      <c r="B77" s="21">
        <v>95</v>
      </c>
      <c r="C77" s="6">
        <v>96</v>
      </c>
      <c r="D77" s="5">
        <v>191</v>
      </c>
    </row>
    <row r="78" spans="1:4" ht="18" customHeight="1" x14ac:dyDescent="0.15">
      <c r="A78" s="8">
        <v>60</v>
      </c>
      <c r="B78" s="21">
        <v>27</v>
      </c>
      <c r="C78" s="6">
        <v>23</v>
      </c>
      <c r="D78" s="5">
        <v>50</v>
      </c>
    </row>
    <row r="79" spans="1:4" ht="18" customHeight="1" x14ac:dyDescent="0.15">
      <c r="A79" s="8">
        <v>61</v>
      </c>
      <c r="B79" s="21">
        <v>15</v>
      </c>
      <c r="C79" s="6">
        <v>27</v>
      </c>
      <c r="D79" s="5">
        <v>42</v>
      </c>
    </row>
    <row r="80" spans="1:4" ht="18" customHeight="1" x14ac:dyDescent="0.15">
      <c r="A80" s="8">
        <v>62</v>
      </c>
      <c r="B80" s="21">
        <v>22</v>
      </c>
      <c r="C80" s="6">
        <v>23</v>
      </c>
      <c r="D80" s="5">
        <v>45</v>
      </c>
    </row>
    <row r="81" spans="1:4" ht="18" customHeight="1" x14ac:dyDescent="0.15">
      <c r="A81" s="8">
        <v>63</v>
      </c>
      <c r="B81" s="21">
        <v>16</v>
      </c>
      <c r="C81" s="6">
        <v>17</v>
      </c>
      <c r="D81" s="5">
        <v>33</v>
      </c>
    </row>
    <row r="82" spans="1:4" ht="18" customHeight="1" x14ac:dyDescent="0.15">
      <c r="A82" s="8">
        <v>64</v>
      </c>
      <c r="B82" s="21">
        <v>22</v>
      </c>
      <c r="C82" s="6">
        <v>18</v>
      </c>
      <c r="D82" s="5">
        <v>40</v>
      </c>
    </row>
    <row r="83" spans="1:4" ht="18" customHeight="1" x14ac:dyDescent="0.15">
      <c r="A83" s="8" t="s">
        <v>12</v>
      </c>
      <c r="B83" s="21">
        <v>102</v>
      </c>
      <c r="C83" s="6">
        <v>108</v>
      </c>
      <c r="D83" s="5">
        <v>210</v>
      </c>
    </row>
    <row r="84" spans="1:4" ht="18" customHeight="1" x14ac:dyDescent="0.15">
      <c r="A84" s="8" t="s">
        <v>11</v>
      </c>
      <c r="B84" s="21">
        <v>854</v>
      </c>
      <c r="C84" s="6">
        <v>801</v>
      </c>
      <c r="D84" s="5">
        <v>1655</v>
      </c>
    </row>
    <row r="85" spans="1:4" ht="18" customHeight="1" x14ac:dyDescent="0.15">
      <c r="A85" s="8">
        <v>65</v>
      </c>
      <c r="B85" s="21">
        <v>19</v>
      </c>
      <c r="C85" s="6">
        <v>18</v>
      </c>
      <c r="D85" s="5">
        <v>37</v>
      </c>
    </row>
    <row r="86" spans="1:4" ht="18" customHeight="1" x14ac:dyDescent="0.15">
      <c r="A86" s="8">
        <v>66</v>
      </c>
      <c r="B86" s="21">
        <v>14</v>
      </c>
      <c r="C86" s="6">
        <v>22</v>
      </c>
      <c r="D86" s="5">
        <v>36</v>
      </c>
    </row>
    <row r="87" spans="1:4" ht="18" customHeight="1" x14ac:dyDescent="0.15">
      <c r="A87" s="8">
        <v>67</v>
      </c>
      <c r="B87" s="21">
        <v>14</v>
      </c>
      <c r="C87" s="6">
        <v>10</v>
      </c>
      <c r="D87" s="5">
        <v>24</v>
      </c>
    </row>
    <row r="88" spans="1:4" ht="18" customHeight="1" x14ac:dyDescent="0.15">
      <c r="A88" s="8">
        <v>68</v>
      </c>
      <c r="B88" s="21">
        <v>15</v>
      </c>
      <c r="C88" s="6">
        <v>19</v>
      </c>
      <c r="D88" s="5">
        <v>34</v>
      </c>
    </row>
    <row r="89" spans="1:4" ht="18" customHeight="1" x14ac:dyDescent="0.15">
      <c r="A89" s="8">
        <v>69</v>
      </c>
      <c r="B89" s="21">
        <v>15</v>
      </c>
      <c r="C89" s="6">
        <v>15</v>
      </c>
      <c r="D89" s="5">
        <v>30</v>
      </c>
    </row>
    <row r="90" spans="1:4" ht="18" customHeight="1" x14ac:dyDescent="0.15">
      <c r="A90" s="8" t="s">
        <v>10</v>
      </c>
      <c r="B90" s="21">
        <v>77</v>
      </c>
      <c r="C90" s="6">
        <v>84</v>
      </c>
      <c r="D90" s="5">
        <v>161</v>
      </c>
    </row>
    <row r="91" spans="1:4" ht="18" customHeight="1" x14ac:dyDescent="0.15">
      <c r="A91" s="8">
        <v>70</v>
      </c>
      <c r="B91" s="21">
        <v>11</v>
      </c>
      <c r="C91" s="6">
        <v>18</v>
      </c>
      <c r="D91" s="5">
        <v>29</v>
      </c>
    </row>
    <row r="92" spans="1:4" ht="18" customHeight="1" x14ac:dyDescent="0.15">
      <c r="A92" s="8">
        <v>71</v>
      </c>
      <c r="B92" s="21">
        <v>14</v>
      </c>
      <c r="C92" s="6">
        <v>20</v>
      </c>
      <c r="D92" s="5">
        <v>34</v>
      </c>
    </row>
    <row r="93" spans="1:4" ht="18" customHeight="1" x14ac:dyDescent="0.15">
      <c r="A93" s="8">
        <v>72</v>
      </c>
      <c r="B93" s="21">
        <v>21</v>
      </c>
      <c r="C93" s="6">
        <v>35</v>
      </c>
      <c r="D93" s="5">
        <v>56</v>
      </c>
    </row>
    <row r="94" spans="1:4" ht="18" customHeight="1" x14ac:dyDescent="0.15">
      <c r="A94" s="8">
        <v>73</v>
      </c>
      <c r="B94" s="21">
        <v>15</v>
      </c>
      <c r="C94" s="6">
        <v>22</v>
      </c>
      <c r="D94" s="5">
        <v>37</v>
      </c>
    </row>
    <row r="95" spans="1:4" ht="18" customHeight="1" x14ac:dyDescent="0.15">
      <c r="A95" s="8">
        <v>74</v>
      </c>
      <c r="B95" s="21">
        <v>14</v>
      </c>
      <c r="C95" s="6">
        <v>23</v>
      </c>
      <c r="D95" s="5">
        <v>37</v>
      </c>
    </row>
    <row r="96" spans="1:4" ht="18" customHeight="1" x14ac:dyDescent="0.15">
      <c r="A96" s="8" t="s">
        <v>9</v>
      </c>
      <c r="B96" s="21">
        <v>75</v>
      </c>
      <c r="C96" s="6">
        <v>118</v>
      </c>
      <c r="D96" s="5">
        <v>193</v>
      </c>
    </row>
    <row r="97" spans="1:4" ht="18" customHeight="1" x14ac:dyDescent="0.15">
      <c r="A97" s="8">
        <v>75</v>
      </c>
      <c r="B97" s="21">
        <v>15</v>
      </c>
      <c r="C97" s="6">
        <v>19</v>
      </c>
      <c r="D97" s="5">
        <v>34</v>
      </c>
    </row>
    <row r="98" spans="1:4" ht="18" customHeight="1" x14ac:dyDescent="0.15">
      <c r="A98" s="8">
        <v>76</v>
      </c>
      <c r="B98" s="21">
        <v>24</v>
      </c>
      <c r="C98" s="6">
        <v>30</v>
      </c>
      <c r="D98" s="5">
        <v>54</v>
      </c>
    </row>
    <row r="99" spans="1:4" ht="18" customHeight="1" x14ac:dyDescent="0.15">
      <c r="A99" s="8">
        <v>77</v>
      </c>
      <c r="B99" s="21">
        <v>19</v>
      </c>
      <c r="C99" s="6">
        <v>31</v>
      </c>
      <c r="D99" s="5">
        <v>50</v>
      </c>
    </row>
    <row r="100" spans="1:4" ht="18" customHeight="1" x14ac:dyDescent="0.15">
      <c r="A100" s="8">
        <v>78</v>
      </c>
      <c r="B100" s="21">
        <v>22</v>
      </c>
      <c r="C100" s="6">
        <v>31</v>
      </c>
      <c r="D100" s="5">
        <v>53</v>
      </c>
    </row>
    <row r="101" spans="1:4" ht="18" customHeight="1" x14ac:dyDescent="0.15">
      <c r="A101" s="8">
        <v>79</v>
      </c>
      <c r="B101" s="21">
        <v>16</v>
      </c>
      <c r="C101" s="6">
        <v>15</v>
      </c>
      <c r="D101" s="5">
        <v>31</v>
      </c>
    </row>
    <row r="102" spans="1:4" ht="18" customHeight="1" x14ac:dyDescent="0.15">
      <c r="A102" s="8" t="s">
        <v>8</v>
      </c>
      <c r="B102" s="21">
        <v>96</v>
      </c>
      <c r="C102" s="6">
        <v>126</v>
      </c>
      <c r="D102" s="5">
        <v>222</v>
      </c>
    </row>
    <row r="103" spans="1:4" ht="18" customHeight="1" x14ac:dyDescent="0.15">
      <c r="A103" s="8">
        <v>80</v>
      </c>
      <c r="B103" s="21">
        <v>12</v>
      </c>
      <c r="C103" s="6">
        <v>11</v>
      </c>
      <c r="D103" s="5">
        <v>23</v>
      </c>
    </row>
    <row r="104" spans="1:4" ht="18" customHeight="1" x14ac:dyDescent="0.15">
      <c r="A104" s="8">
        <v>81</v>
      </c>
      <c r="B104" s="21">
        <v>12</v>
      </c>
      <c r="C104" s="6">
        <v>14</v>
      </c>
      <c r="D104" s="5">
        <v>26</v>
      </c>
    </row>
    <row r="105" spans="1:4" ht="18" customHeight="1" x14ac:dyDescent="0.15">
      <c r="A105" s="8">
        <v>82</v>
      </c>
      <c r="B105" s="21">
        <v>16</v>
      </c>
      <c r="C105" s="6">
        <v>17</v>
      </c>
      <c r="D105" s="5">
        <v>33</v>
      </c>
    </row>
    <row r="106" spans="1:4" ht="18" customHeight="1" x14ac:dyDescent="0.15">
      <c r="A106" s="8">
        <v>83</v>
      </c>
      <c r="B106" s="21">
        <v>12</v>
      </c>
      <c r="C106" s="6">
        <v>14</v>
      </c>
      <c r="D106" s="5">
        <v>26</v>
      </c>
    </row>
    <row r="107" spans="1:4" ht="18" customHeight="1" x14ac:dyDescent="0.15">
      <c r="A107" s="8">
        <v>84</v>
      </c>
      <c r="B107" s="21">
        <v>10</v>
      </c>
      <c r="C107" s="6">
        <v>12</v>
      </c>
      <c r="D107" s="5">
        <v>22</v>
      </c>
    </row>
    <row r="108" spans="1:4" ht="18" customHeight="1" x14ac:dyDescent="0.15">
      <c r="A108" s="8" t="s">
        <v>7</v>
      </c>
      <c r="B108" s="21">
        <v>62</v>
      </c>
      <c r="C108" s="6">
        <v>68</v>
      </c>
      <c r="D108" s="5">
        <v>130</v>
      </c>
    </row>
    <row r="109" spans="1:4" ht="18" customHeight="1" x14ac:dyDescent="0.15">
      <c r="A109" s="8">
        <v>85</v>
      </c>
      <c r="B109" s="21">
        <v>9</v>
      </c>
      <c r="C109" s="6">
        <v>19</v>
      </c>
      <c r="D109" s="5">
        <v>28</v>
      </c>
    </row>
    <row r="110" spans="1:4" ht="18" customHeight="1" x14ac:dyDescent="0.15">
      <c r="A110" s="8">
        <v>86</v>
      </c>
      <c r="B110" s="21">
        <v>5</v>
      </c>
      <c r="C110" s="6">
        <v>9</v>
      </c>
      <c r="D110" s="5">
        <v>14</v>
      </c>
    </row>
    <row r="111" spans="1:4" ht="18" customHeight="1" x14ac:dyDescent="0.15">
      <c r="A111" s="8">
        <v>87</v>
      </c>
      <c r="B111" s="21">
        <v>2</v>
      </c>
      <c r="C111" s="6">
        <v>10</v>
      </c>
      <c r="D111" s="5">
        <v>12</v>
      </c>
    </row>
    <row r="112" spans="1:4" ht="18" customHeight="1" x14ac:dyDescent="0.15">
      <c r="A112" s="8">
        <v>88</v>
      </c>
      <c r="B112" s="21">
        <v>8</v>
      </c>
      <c r="C112" s="6">
        <v>8</v>
      </c>
      <c r="D112" s="5">
        <v>16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29</v>
      </c>
      <c r="C114" s="6">
        <v>60</v>
      </c>
      <c r="D114" s="5">
        <v>89</v>
      </c>
    </row>
    <row r="115" spans="1:4" ht="18" customHeight="1" x14ac:dyDescent="0.15">
      <c r="A115" s="8">
        <v>90</v>
      </c>
      <c r="B115" s="21">
        <v>5</v>
      </c>
      <c r="C115" s="6">
        <v>8</v>
      </c>
      <c r="D115" s="5">
        <v>13</v>
      </c>
    </row>
    <row r="116" spans="1:4" ht="18" customHeight="1" x14ac:dyDescent="0.15">
      <c r="A116" s="8">
        <v>91</v>
      </c>
      <c r="B116" s="21">
        <v>3</v>
      </c>
      <c r="C116" s="6">
        <v>8</v>
      </c>
      <c r="D116" s="5">
        <v>11</v>
      </c>
    </row>
    <row r="117" spans="1:4" ht="18" customHeight="1" x14ac:dyDescent="0.15">
      <c r="A117" s="8">
        <v>92</v>
      </c>
      <c r="B117" s="21">
        <v>5</v>
      </c>
      <c r="C117" s="6">
        <v>7</v>
      </c>
      <c r="D117" s="5">
        <v>12</v>
      </c>
    </row>
    <row r="118" spans="1:4" ht="18" customHeight="1" x14ac:dyDescent="0.15">
      <c r="A118" s="8">
        <v>93</v>
      </c>
      <c r="B118" s="21">
        <v>2</v>
      </c>
      <c r="C118" s="6">
        <v>11</v>
      </c>
      <c r="D118" s="5">
        <v>13</v>
      </c>
    </row>
    <row r="119" spans="1:4" ht="18" customHeight="1" x14ac:dyDescent="0.15">
      <c r="A119" s="8">
        <v>94</v>
      </c>
      <c r="B119" s="21">
        <v>1</v>
      </c>
      <c r="C119" s="6">
        <v>9</v>
      </c>
      <c r="D119" s="5">
        <v>10</v>
      </c>
    </row>
    <row r="120" spans="1:4" ht="18" customHeight="1" x14ac:dyDescent="0.15">
      <c r="A120" s="8" t="s">
        <v>5</v>
      </c>
      <c r="B120" s="21">
        <v>16</v>
      </c>
      <c r="C120" s="6">
        <v>43</v>
      </c>
      <c r="D120" s="5">
        <v>59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5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6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356</v>
      </c>
      <c r="C130" s="6">
        <v>520</v>
      </c>
      <c r="D130" s="5">
        <v>876</v>
      </c>
    </row>
    <row r="131" spans="1:4" ht="18" customHeight="1" x14ac:dyDescent="0.15">
      <c r="A131" s="4" t="s">
        <v>0</v>
      </c>
      <c r="B131" s="20">
        <v>1362</v>
      </c>
      <c r="C131" s="2">
        <v>1484</v>
      </c>
      <c r="D131" s="1">
        <v>28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EE30E8-D02B-483C-9AC9-A559B7C97A97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</v>
      </c>
      <c r="C5" s="11">
        <v>14</v>
      </c>
      <c r="D5" s="10">
        <v>21</v>
      </c>
    </row>
    <row r="6" spans="1:4" ht="18" customHeight="1" x14ac:dyDescent="0.15">
      <c r="A6" s="8">
        <v>1</v>
      </c>
      <c r="B6" s="21">
        <v>8</v>
      </c>
      <c r="C6" s="6">
        <v>10</v>
      </c>
      <c r="D6" s="5">
        <v>18</v>
      </c>
    </row>
    <row r="7" spans="1:4" ht="18" customHeight="1" x14ac:dyDescent="0.15">
      <c r="A7" s="8">
        <v>2</v>
      </c>
      <c r="B7" s="21">
        <v>16</v>
      </c>
      <c r="C7" s="6">
        <v>10</v>
      </c>
      <c r="D7" s="5">
        <v>26</v>
      </c>
    </row>
    <row r="8" spans="1:4" ht="18" customHeight="1" x14ac:dyDescent="0.15">
      <c r="A8" s="8">
        <v>3</v>
      </c>
      <c r="B8" s="21">
        <v>10</v>
      </c>
      <c r="C8" s="6">
        <v>10</v>
      </c>
      <c r="D8" s="5">
        <v>20</v>
      </c>
    </row>
    <row r="9" spans="1:4" ht="18" customHeight="1" x14ac:dyDescent="0.15">
      <c r="A9" s="8">
        <v>4</v>
      </c>
      <c r="B9" s="21">
        <v>11</v>
      </c>
      <c r="C9" s="6">
        <v>16</v>
      </c>
      <c r="D9" s="5">
        <v>27</v>
      </c>
    </row>
    <row r="10" spans="1:4" ht="18" customHeight="1" x14ac:dyDescent="0.15">
      <c r="A10" s="8" t="s">
        <v>25</v>
      </c>
      <c r="B10" s="21">
        <v>52</v>
      </c>
      <c r="C10" s="6">
        <v>60</v>
      </c>
      <c r="D10" s="5">
        <v>112</v>
      </c>
    </row>
    <row r="11" spans="1:4" ht="18" customHeight="1" x14ac:dyDescent="0.15">
      <c r="A11" s="8">
        <v>5</v>
      </c>
      <c r="B11" s="21">
        <v>8</v>
      </c>
      <c r="C11" s="6">
        <v>15</v>
      </c>
      <c r="D11" s="5">
        <v>23</v>
      </c>
    </row>
    <row r="12" spans="1:4" ht="18" customHeight="1" x14ac:dyDescent="0.15">
      <c r="A12" s="8">
        <v>6</v>
      </c>
      <c r="B12" s="21">
        <v>13</v>
      </c>
      <c r="C12" s="6">
        <v>14</v>
      </c>
      <c r="D12" s="5">
        <v>27</v>
      </c>
    </row>
    <row r="13" spans="1:4" ht="18" customHeight="1" x14ac:dyDescent="0.15">
      <c r="A13" s="8">
        <v>7</v>
      </c>
      <c r="B13" s="21">
        <v>14</v>
      </c>
      <c r="C13" s="6">
        <v>11</v>
      </c>
      <c r="D13" s="5">
        <v>25</v>
      </c>
    </row>
    <row r="14" spans="1:4" ht="18" customHeight="1" x14ac:dyDescent="0.15">
      <c r="A14" s="8">
        <v>8</v>
      </c>
      <c r="B14" s="21">
        <v>11</v>
      </c>
      <c r="C14" s="6">
        <v>21</v>
      </c>
      <c r="D14" s="5">
        <v>32</v>
      </c>
    </row>
    <row r="15" spans="1:4" ht="18" customHeight="1" x14ac:dyDescent="0.15">
      <c r="A15" s="8">
        <v>9</v>
      </c>
      <c r="B15" s="21">
        <v>19</v>
      </c>
      <c r="C15" s="6">
        <v>7</v>
      </c>
      <c r="D15" s="5">
        <v>26</v>
      </c>
    </row>
    <row r="16" spans="1:4" ht="18" customHeight="1" x14ac:dyDescent="0.15">
      <c r="A16" s="8" t="s">
        <v>24</v>
      </c>
      <c r="B16" s="21">
        <v>65</v>
      </c>
      <c r="C16" s="6">
        <v>68</v>
      </c>
      <c r="D16" s="5">
        <v>133</v>
      </c>
    </row>
    <row r="17" spans="1:4" ht="18" customHeight="1" x14ac:dyDescent="0.15">
      <c r="A17" s="8">
        <v>10</v>
      </c>
      <c r="B17" s="21">
        <v>8</v>
      </c>
      <c r="C17" s="6">
        <v>12</v>
      </c>
      <c r="D17" s="5">
        <v>20</v>
      </c>
    </row>
    <row r="18" spans="1:4" ht="18" customHeight="1" x14ac:dyDescent="0.15">
      <c r="A18" s="8">
        <v>11</v>
      </c>
      <c r="B18" s="21">
        <v>11</v>
      </c>
      <c r="C18" s="6">
        <v>11</v>
      </c>
      <c r="D18" s="5">
        <v>22</v>
      </c>
    </row>
    <row r="19" spans="1:4" ht="18" customHeight="1" x14ac:dyDescent="0.15">
      <c r="A19" s="8">
        <v>12</v>
      </c>
      <c r="B19" s="21">
        <v>19</v>
      </c>
      <c r="C19" s="6">
        <v>18</v>
      </c>
      <c r="D19" s="5">
        <v>37</v>
      </c>
    </row>
    <row r="20" spans="1:4" ht="18" customHeight="1" x14ac:dyDescent="0.15">
      <c r="A20" s="8">
        <v>13</v>
      </c>
      <c r="B20" s="21">
        <v>16</v>
      </c>
      <c r="C20" s="6">
        <v>15</v>
      </c>
      <c r="D20" s="5">
        <v>31</v>
      </c>
    </row>
    <row r="21" spans="1:4" ht="18" customHeight="1" x14ac:dyDescent="0.15">
      <c r="A21" s="8">
        <v>14</v>
      </c>
      <c r="B21" s="21">
        <v>17</v>
      </c>
      <c r="C21" s="6">
        <v>13</v>
      </c>
      <c r="D21" s="5">
        <v>30</v>
      </c>
    </row>
    <row r="22" spans="1:4" ht="18" customHeight="1" x14ac:dyDescent="0.15">
      <c r="A22" s="8" t="s">
        <v>23</v>
      </c>
      <c r="B22" s="21">
        <v>71</v>
      </c>
      <c r="C22" s="6">
        <v>69</v>
      </c>
      <c r="D22" s="5">
        <v>140</v>
      </c>
    </row>
    <row r="23" spans="1:4" ht="18" customHeight="1" x14ac:dyDescent="0.15">
      <c r="A23" s="8" t="s">
        <v>22</v>
      </c>
      <c r="B23" s="21">
        <v>188</v>
      </c>
      <c r="C23" s="6">
        <v>197</v>
      </c>
      <c r="D23" s="5">
        <v>385</v>
      </c>
    </row>
    <row r="24" spans="1:4" ht="18" customHeight="1" x14ac:dyDescent="0.15">
      <c r="A24" s="8">
        <v>15</v>
      </c>
      <c r="B24" s="21">
        <v>14</v>
      </c>
      <c r="C24" s="6">
        <v>16</v>
      </c>
      <c r="D24" s="5">
        <v>30</v>
      </c>
    </row>
    <row r="25" spans="1:4" ht="18" customHeight="1" x14ac:dyDescent="0.15">
      <c r="A25" s="8">
        <v>16</v>
      </c>
      <c r="B25" s="21">
        <v>15</v>
      </c>
      <c r="C25" s="6">
        <v>14</v>
      </c>
      <c r="D25" s="5">
        <v>29</v>
      </c>
    </row>
    <row r="26" spans="1:4" ht="18" customHeight="1" x14ac:dyDescent="0.15">
      <c r="A26" s="8">
        <v>17</v>
      </c>
      <c r="B26" s="21">
        <v>14</v>
      </c>
      <c r="C26" s="6">
        <v>12</v>
      </c>
      <c r="D26" s="5">
        <v>26</v>
      </c>
    </row>
    <row r="27" spans="1:4" ht="18" customHeight="1" x14ac:dyDescent="0.15">
      <c r="A27" s="8">
        <v>18</v>
      </c>
      <c r="B27" s="21">
        <v>14</v>
      </c>
      <c r="C27" s="6">
        <v>16</v>
      </c>
      <c r="D27" s="5">
        <v>30</v>
      </c>
    </row>
    <row r="28" spans="1:4" ht="18" customHeight="1" x14ac:dyDescent="0.15">
      <c r="A28" s="8">
        <v>19</v>
      </c>
      <c r="B28" s="21">
        <v>8</v>
      </c>
      <c r="C28" s="6">
        <v>18</v>
      </c>
      <c r="D28" s="5">
        <v>26</v>
      </c>
    </row>
    <row r="29" spans="1:4" ht="18" customHeight="1" x14ac:dyDescent="0.15">
      <c r="A29" s="8" t="s">
        <v>21</v>
      </c>
      <c r="B29" s="21">
        <v>65</v>
      </c>
      <c r="C29" s="6">
        <v>76</v>
      </c>
      <c r="D29" s="5">
        <v>141</v>
      </c>
    </row>
    <row r="30" spans="1:4" ht="18" customHeight="1" x14ac:dyDescent="0.15">
      <c r="A30" s="8">
        <v>20</v>
      </c>
      <c r="B30" s="21">
        <v>15</v>
      </c>
      <c r="C30" s="6">
        <v>11</v>
      </c>
      <c r="D30" s="5">
        <v>26</v>
      </c>
    </row>
    <row r="31" spans="1:4" ht="18" customHeight="1" x14ac:dyDescent="0.15">
      <c r="A31" s="8">
        <v>21</v>
      </c>
      <c r="B31" s="21">
        <v>15</v>
      </c>
      <c r="C31" s="6">
        <v>12</v>
      </c>
      <c r="D31" s="5">
        <v>27</v>
      </c>
    </row>
    <row r="32" spans="1:4" ht="18" customHeight="1" x14ac:dyDescent="0.15">
      <c r="A32" s="8">
        <v>22</v>
      </c>
      <c r="B32" s="21">
        <v>20</v>
      </c>
      <c r="C32" s="6">
        <v>23</v>
      </c>
      <c r="D32" s="5">
        <v>43</v>
      </c>
    </row>
    <row r="33" spans="1:4" ht="18" customHeight="1" x14ac:dyDescent="0.15">
      <c r="A33" s="8">
        <v>23</v>
      </c>
      <c r="B33" s="21">
        <v>15</v>
      </c>
      <c r="C33" s="6">
        <v>15</v>
      </c>
      <c r="D33" s="5">
        <v>30</v>
      </c>
    </row>
    <row r="34" spans="1:4" ht="18" customHeight="1" x14ac:dyDescent="0.15">
      <c r="A34" s="8">
        <v>24</v>
      </c>
      <c r="B34" s="21">
        <v>17</v>
      </c>
      <c r="C34" s="6">
        <v>7</v>
      </c>
      <c r="D34" s="5">
        <v>24</v>
      </c>
    </row>
    <row r="35" spans="1:4" ht="18" customHeight="1" x14ac:dyDescent="0.15">
      <c r="A35" s="8" t="s">
        <v>20</v>
      </c>
      <c r="B35" s="21">
        <v>82</v>
      </c>
      <c r="C35" s="6">
        <v>68</v>
      </c>
      <c r="D35" s="5">
        <v>150</v>
      </c>
    </row>
    <row r="36" spans="1:4" ht="18" customHeight="1" x14ac:dyDescent="0.15">
      <c r="A36" s="8">
        <v>25</v>
      </c>
      <c r="B36" s="21">
        <v>24</v>
      </c>
      <c r="C36" s="6">
        <v>14</v>
      </c>
      <c r="D36" s="5">
        <v>38</v>
      </c>
    </row>
    <row r="37" spans="1:4" ht="18" customHeight="1" x14ac:dyDescent="0.15">
      <c r="A37" s="8">
        <v>26</v>
      </c>
      <c r="B37" s="21">
        <v>12</v>
      </c>
      <c r="C37" s="6">
        <v>26</v>
      </c>
      <c r="D37" s="5">
        <v>38</v>
      </c>
    </row>
    <row r="38" spans="1:4" ht="18" customHeight="1" x14ac:dyDescent="0.15">
      <c r="A38" s="8">
        <v>27</v>
      </c>
      <c r="B38" s="21">
        <v>31</v>
      </c>
      <c r="C38" s="6">
        <v>23</v>
      </c>
      <c r="D38" s="5">
        <v>54</v>
      </c>
    </row>
    <row r="39" spans="1:4" ht="18" customHeight="1" x14ac:dyDescent="0.15">
      <c r="A39" s="8">
        <v>28</v>
      </c>
      <c r="B39" s="21">
        <v>20</v>
      </c>
      <c r="C39" s="6">
        <v>19</v>
      </c>
      <c r="D39" s="5">
        <v>39</v>
      </c>
    </row>
    <row r="40" spans="1:4" ht="18" customHeight="1" x14ac:dyDescent="0.15">
      <c r="A40" s="8">
        <v>29</v>
      </c>
      <c r="B40" s="21">
        <v>20</v>
      </c>
      <c r="C40" s="6">
        <v>18</v>
      </c>
      <c r="D40" s="5">
        <v>38</v>
      </c>
    </row>
    <row r="41" spans="1:4" ht="18" customHeight="1" x14ac:dyDescent="0.15">
      <c r="A41" s="8" t="s">
        <v>19</v>
      </c>
      <c r="B41" s="21">
        <v>107</v>
      </c>
      <c r="C41" s="6">
        <v>100</v>
      </c>
      <c r="D41" s="5">
        <v>207</v>
      </c>
    </row>
    <row r="42" spans="1:4" ht="18" customHeight="1" x14ac:dyDescent="0.15">
      <c r="A42" s="8">
        <v>30</v>
      </c>
      <c r="B42" s="21">
        <v>24</v>
      </c>
      <c r="C42" s="6">
        <v>25</v>
      </c>
      <c r="D42" s="5">
        <v>49</v>
      </c>
    </row>
    <row r="43" spans="1:4" ht="18" customHeight="1" x14ac:dyDescent="0.15">
      <c r="A43" s="8">
        <v>31</v>
      </c>
      <c r="B43" s="21">
        <v>22</v>
      </c>
      <c r="C43" s="6">
        <v>27</v>
      </c>
      <c r="D43" s="5">
        <v>49</v>
      </c>
    </row>
    <row r="44" spans="1:4" ht="18" customHeight="1" x14ac:dyDescent="0.15">
      <c r="A44" s="8">
        <v>32</v>
      </c>
      <c r="B44" s="21">
        <v>19</v>
      </c>
      <c r="C44" s="6">
        <v>21</v>
      </c>
      <c r="D44" s="5">
        <v>40</v>
      </c>
    </row>
    <row r="45" spans="1:4" ht="18" customHeight="1" x14ac:dyDescent="0.15">
      <c r="A45" s="8">
        <v>33</v>
      </c>
      <c r="B45" s="21">
        <v>13</v>
      </c>
      <c r="C45" s="6">
        <v>15</v>
      </c>
      <c r="D45" s="5">
        <v>28</v>
      </c>
    </row>
    <row r="46" spans="1:4" ht="18" customHeight="1" x14ac:dyDescent="0.15">
      <c r="A46" s="8">
        <v>34</v>
      </c>
      <c r="B46" s="21">
        <v>20</v>
      </c>
      <c r="C46" s="6">
        <v>9</v>
      </c>
      <c r="D46" s="5">
        <v>29</v>
      </c>
    </row>
    <row r="47" spans="1:4" ht="18" customHeight="1" x14ac:dyDescent="0.15">
      <c r="A47" s="8" t="s">
        <v>18</v>
      </c>
      <c r="B47" s="21">
        <v>98</v>
      </c>
      <c r="C47" s="6">
        <v>97</v>
      </c>
      <c r="D47" s="5">
        <v>195</v>
      </c>
    </row>
    <row r="48" spans="1:4" ht="18" customHeight="1" x14ac:dyDescent="0.15">
      <c r="A48" s="8">
        <v>35</v>
      </c>
      <c r="B48" s="21">
        <v>17</v>
      </c>
      <c r="C48" s="6">
        <v>22</v>
      </c>
      <c r="D48" s="5">
        <v>39</v>
      </c>
    </row>
    <row r="49" spans="1:4" ht="18" customHeight="1" x14ac:dyDescent="0.15">
      <c r="A49" s="8">
        <v>36</v>
      </c>
      <c r="B49" s="21">
        <v>16</v>
      </c>
      <c r="C49" s="6">
        <v>15</v>
      </c>
      <c r="D49" s="5">
        <v>31</v>
      </c>
    </row>
    <row r="50" spans="1:4" ht="18" customHeight="1" x14ac:dyDescent="0.15">
      <c r="A50" s="8">
        <v>37</v>
      </c>
      <c r="B50" s="21">
        <v>23</v>
      </c>
      <c r="C50" s="6">
        <v>16</v>
      </c>
      <c r="D50" s="5">
        <v>39</v>
      </c>
    </row>
    <row r="51" spans="1:4" ht="18" customHeight="1" x14ac:dyDescent="0.15">
      <c r="A51" s="8">
        <v>38</v>
      </c>
      <c r="B51" s="21">
        <v>24</v>
      </c>
      <c r="C51" s="6">
        <v>18</v>
      </c>
      <c r="D51" s="5">
        <v>42</v>
      </c>
    </row>
    <row r="52" spans="1:4" ht="18" customHeight="1" x14ac:dyDescent="0.15">
      <c r="A52" s="8">
        <v>39</v>
      </c>
      <c r="B52" s="21">
        <v>23</v>
      </c>
      <c r="C52" s="6">
        <v>22</v>
      </c>
      <c r="D52" s="5">
        <v>45</v>
      </c>
    </row>
    <row r="53" spans="1:4" ht="18" customHeight="1" x14ac:dyDescent="0.15">
      <c r="A53" s="8" t="s">
        <v>17</v>
      </c>
      <c r="B53" s="21">
        <v>103</v>
      </c>
      <c r="C53" s="6">
        <v>93</v>
      </c>
      <c r="D53" s="5">
        <v>196</v>
      </c>
    </row>
    <row r="54" spans="1:4" ht="18" customHeight="1" x14ac:dyDescent="0.15">
      <c r="A54" s="8">
        <v>40</v>
      </c>
      <c r="B54" s="21">
        <v>26</v>
      </c>
      <c r="C54" s="6">
        <v>14</v>
      </c>
      <c r="D54" s="5">
        <v>40</v>
      </c>
    </row>
    <row r="55" spans="1:4" ht="18" customHeight="1" x14ac:dyDescent="0.15">
      <c r="A55" s="8">
        <v>41</v>
      </c>
      <c r="B55" s="21">
        <v>18</v>
      </c>
      <c r="C55" s="6">
        <v>27</v>
      </c>
      <c r="D55" s="5">
        <v>45</v>
      </c>
    </row>
    <row r="56" spans="1:4" ht="18" customHeight="1" x14ac:dyDescent="0.15">
      <c r="A56" s="8">
        <v>42</v>
      </c>
      <c r="B56" s="21">
        <v>21</v>
      </c>
      <c r="C56" s="6">
        <v>23</v>
      </c>
      <c r="D56" s="5">
        <v>44</v>
      </c>
    </row>
    <row r="57" spans="1:4" ht="18" customHeight="1" x14ac:dyDescent="0.15">
      <c r="A57" s="8">
        <v>43</v>
      </c>
      <c r="B57" s="21">
        <v>13</v>
      </c>
      <c r="C57" s="6">
        <v>24</v>
      </c>
      <c r="D57" s="5">
        <v>37</v>
      </c>
    </row>
    <row r="58" spans="1:4" ht="18" customHeight="1" x14ac:dyDescent="0.15">
      <c r="A58" s="8">
        <v>44</v>
      </c>
      <c r="B58" s="21">
        <v>20</v>
      </c>
      <c r="C58" s="6">
        <v>13</v>
      </c>
      <c r="D58" s="5">
        <v>33</v>
      </c>
    </row>
    <row r="59" spans="1:4" ht="18" customHeight="1" x14ac:dyDescent="0.15">
      <c r="A59" s="8" t="s">
        <v>16</v>
      </c>
      <c r="B59" s="21">
        <v>98</v>
      </c>
      <c r="C59" s="6">
        <v>101</v>
      </c>
      <c r="D59" s="5">
        <v>199</v>
      </c>
    </row>
    <row r="60" spans="1:4" ht="18" customHeight="1" x14ac:dyDescent="0.15">
      <c r="A60" s="8">
        <v>45</v>
      </c>
      <c r="B60" s="21">
        <v>17</v>
      </c>
      <c r="C60" s="6">
        <v>24</v>
      </c>
      <c r="D60" s="5">
        <v>41</v>
      </c>
    </row>
    <row r="61" spans="1:4" ht="18" customHeight="1" x14ac:dyDescent="0.15">
      <c r="A61" s="8">
        <v>46</v>
      </c>
      <c r="B61" s="21">
        <v>24</v>
      </c>
      <c r="C61" s="6">
        <v>29</v>
      </c>
      <c r="D61" s="5">
        <v>53</v>
      </c>
    </row>
    <row r="62" spans="1:4" ht="18" customHeight="1" x14ac:dyDescent="0.15">
      <c r="A62" s="8">
        <v>47</v>
      </c>
      <c r="B62" s="21">
        <v>24</v>
      </c>
      <c r="C62" s="6">
        <v>30</v>
      </c>
      <c r="D62" s="5">
        <v>54</v>
      </c>
    </row>
    <row r="63" spans="1:4" ht="18" customHeight="1" x14ac:dyDescent="0.15">
      <c r="A63" s="8">
        <v>48</v>
      </c>
      <c r="B63" s="21">
        <v>30</v>
      </c>
      <c r="C63" s="6">
        <v>21</v>
      </c>
      <c r="D63" s="5">
        <v>51</v>
      </c>
    </row>
    <row r="64" spans="1:4" ht="18" customHeight="1" x14ac:dyDescent="0.15">
      <c r="A64" s="8">
        <v>49</v>
      </c>
      <c r="B64" s="21">
        <v>34</v>
      </c>
      <c r="C64" s="6">
        <v>21</v>
      </c>
      <c r="D64" s="5">
        <v>55</v>
      </c>
    </row>
    <row r="65" spans="1:4" ht="18" customHeight="1" x14ac:dyDescent="0.15">
      <c r="A65" s="8" t="s">
        <v>15</v>
      </c>
      <c r="B65" s="21">
        <v>129</v>
      </c>
      <c r="C65" s="6">
        <v>125</v>
      </c>
      <c r="D65" s="5">
        <v>254</v>
      </c>
    </row>
    <row r="66" spans="1:4" ht="18" customHeight="1" x14ac:dyDescent="0.15">
      <c r="A66" s="8">
        <v>50</v>
      </c>
      <c r="B66" s="21">
        <v>28</v>
      </c>
      <c r="C66" s="6">
        <v>23</v>
      </c>
      <c r="D66" s="5">
        <v>51</v>
      </c>
    </row>
    <row r="67" spans="1:4" ht="18" customHeight="1" x14ac:dyDescent="0.15">
      <c r="A67" s="8">
        <v>51</v>
      </c>
      <c r="B67" s="21">
        <v>35</v>
      </c>
      <c r="C67" s="6">
        <v>35</v>
      </c>
      <c r="D67" s="5">
        <v>70</v>
      </c>
    </row>
    <row r="68" spans="1:4" ht="18" customHeight="1" x14ac:dyDescent="0.15">
      <c r="A68" s="8">
        <v>52</v>
      </c>
      <c r="B68" s="21">
        <v>42</v>
      </c>
      <c r="C68" s="6">
        <v>25</v>
      </c>
      <c r="D68" s="5">
        <v>67</v>
      </c>
    </row>
    <row r="69" spans="1:4" ht="18" customHeight="1" x14ac:dyDescent="0.15">
      <c r="A69" s="8">
        <v>53</v>
      </c>
      <c r="B69" s="21">
        <v>29</v>
      </c>
      <c r="C69" s="6">
        <v>31</v>
      </c>
      <c r="D69" s="5">
        <v>60</v>
      </c>
    </row>
    <row r="70" spans="1:4" ht="18" customHeight="1" x14ac:dyDescent="0.15">
      <c r="A70" s="8">
        <v>54</v>
      </c>
      <c r="B70" s="21">
        <v>33</v>
      </c>
      <c r="C70" s="6">
        <v>22</v>
      </c>
      <c r="D70" s="5">
        <v>55</v>
      </c>
    </row>
    <row r="71" spans="1:4" ht="18" customHeight="1" x14ac:dyDescent="0.15">
      <c r="A71" s="8" t="s">
        <v>14</v>
      </c>
      <c r="B71" s="21">
        <v>167</v>
      </c>
      <c r="C71" s="6">
        <v>136</v>
      </c>
      <c r="D71" s="5">
        <v>303</v>
      </c>
    </row>
    <row r="72" spans="1:4" ht="18" customHeight="1" x14ac:dyDescent="0.15">
      <c r="A72" s="8">
        <v>55</v>
      </c>
      <c r="B72" s="21">
        <v>25</v>
      </c>
      <c r="C72" s="6">
        <v>21</v>
      </c>
      <c r="D72" s="5">
        <v>46</v>
      </c>
    </row>
    <row r="73" spans="1:4" ht="18" customHeight="1" x14ac:dyDescent="0.15">
      <c r="A73" s="8">
        <v>56</v>
      </c>
      <c r="B73" s="21">
        <v>29</v>
      </c>
      <c r="C73" s="6">
        <v>37</v>
      </c>
      <c r="D73" s="5">
        <v>66</v>
      </c>
    </row>
    <row r="74" spans="1:4" ht="18" customHeight="1" x14ac:dyDescent="0.15">
      <c r="A74" s="8">
        <v>57</v>
      </c>
      <c r="B74" s="21">
        <v>30</v>
      </c>
      <c r="C74" s="6">
        <v>29</v>
      </c>
      <c r="D74" s="5">
        <v>59</v>
      </c>
    </row>
    <row r="75" spans="1:4" ht="18" customHeight="1" x14ac:dyDescent="0.15">
      <c r="A75" s="8">
        <v>58</v>
      </c>
      <c r="B75" s="21">
        <v>33</v>
      </c>
      <c r="C75" s="6">
        <v>29</v>
      </c>
      <c r="D75" s="5">
        <v>62</v>
      </c>
    </row>
    <row r="76" spans="1:4" ht="18" customHeight="1" x14ac:dyDescent="0.15">
      <c r="A76" s="8">
        <v>59</v>
      </c>
      <c r="B76" s="21">
        <v>25</v>
      </c>
      <c r="C76" s="6">
        <v>17</v>
      </c>
      <c r="D76" s="5">
        <v>42</v>
      </c>
    </row>
    <row r="77" spans="1:4" ht="18" customHeight="1" x14ac:dyDescent="0.15">
      <c r="A77" s="8" t="s">
        <v>13</v>
      </c>
      <c r="B77" s="21">
        <v>142</v>
      </c>
      <c r="C77" s="6">
        <v>133</v>
      </c>
      <c r="D77" s="5">
        <v>275</v>
      </c>
    </row>
    <row r="78" spans="1:4" ht="18" customHeight="1" x14ac:dyDescent="0.15">
      <c r="A78" s="8">
        <v>60</v>
      </c>
      <c r="B78" s="21">
        <v>20</v>
      </c>
      <c r="C78" s="6">
        <v>27</v>
      </c>
      <c r="D78" s="5">
        <v>47</v>
      </c>
    </row>
    <row r="79" spans="1:4" ht="18" customHeight="1" x14ac:dyDescent="0.15">
      <c r="A79" s="8">
        <v>61</v>
      </c>
      <c r="B79" s="21">
        <v>35</v>
      </c>
      <c r="C79" s="6">
        <v>28</v>
      </c>
      <c r="D79" s="5">
        <v>63</v>
      </c>
    </row>
    <row r="80" spans="1:4" ht="18" customHeight="1" x14ac:dyDescent="0.15">
      <c r="A80" s="8">
        <v>62</v>
      </c>
      <c r="B80" s="21">
        <v>29</v>
      </c>
      <c r="C80" s="6">
        <v>31</v>
      </c>
      <c r="D80" s="5">
        <v>60</v>
      </c>
    </row>
    <row r="81" spans="1:4" ht="18" customHeight="1" x14ac:dyDescent="0.15">
      <c r="A81" s="8">
        <v>63</v>
      </c>
      <c r="B81" s="21">
        <v>26</v>
      </c>
      <c r="C81" s="6">
        <v>24</v>
      </c>
      <c r="D81" s="5">
        <v>50</v>
      </c>
    </row>
    <row r="82" spans="1:4" ht="18" customHeight="1" x14ac:dyDescent="0.15">
      <c r="A82" s="8">
        <v>64</v>
      </c>
      <c r="B82" s="21">
        <v>24</v>
      </c>
      <c r="C82" s="6">
        <v>23</v>
      </c>
      <c r="D82" s="5">
        <v>47</v>
      </c>
    </row>
    <row r="83" spans="1:4" ht="18" customHeight="1" x14ac:dyDescent="0.15">
      <c r="A83" s="8" t="s">
        <v>12</v>
      </c>
      <c r="B83" s="21">
        <v>134</v>
      </c>
      <c r="C83" s="6">
        <v>133</v>
      </c>
      <c r="D83" s="5">
        <v>267</v>
      </c>
    </row>
    <row r="84" spans="1:4" ht="18" customHeight="1" x14ac:dyDescent="0.15">
      <c r="A84" s="8" t="s">
        <v>11</v>
      </c>
      <c r="B84" s="21">
        <v>1125</v>
      </c>
      <c r="C84" s="6">
        <v>1062</v>
      </c>
      <c r="D84" s="5">
        <v>2187</v>
      </c>
    </row>
    <row r="85" spans="1:4" ht="18" customHeight="1" x14ac:dyDescent="0.15">
      <c r="A85" s="8">
        <v>65</v>
      </c>
      <c r="B85" s="21">
        <v>26</v>
      </c>
      <c r="C85" s="6">
        <v>20</v>
      </c>
      <c r="D85" s="5">
        <v>46</v>
      </c>
    </row>
    <row r="86" spans="1:4" ht="18" customHeight="1" x14ac:dyDescent="0.15">
      <c r="A86" s="8">
        <v>66</v>
      </c>
      <c r="B86" s="21">
        <v>25</v>
      </c>
      <c r="C86" s="6">
        <v>27</v>
      </c>
      <c r="D86" s="5">
        <v>52</v>
      </c>
    </row>
    <row r="87" spans="1:4" ht="18" customHeight="1" x14ac:dyDescent="0.15">
      <c r="A87" s="8">
        <v>67</v>
      </c>
      <c r="B87" s="21">
        <v>18</v>
      </c>
      <c r="C87" s="6">
        <v>28</v>
      </c>
      <c r="D87" s="5">
        <v>46</v>
      </c>
    </row>
    <row r="88" spans="1:4" ht="18" customHeight="1" x14ac:dyDescent="0.15">
      <c r="A88" s="8">
        <v>68</v>
      </c>
      <c r="B88" s="21">
        <v>17</v>
      </c>
      <c r="C88" s="6">
        <v>19</v>
      </c>
      <c r="D88" s="5">
        <v>36</v>
      </c>
    </row>
    <row r="89" spans="1:4" ht="18" customHeight="1" x14ac:dyDescent="0.15">
      <c r="A89" s="8">
        <v>69</v>
      </c>
      <c r="B89" s="21">
        <v>23</v>
      </c>
      <c r="C89" s="6">
        <v>26</v>
      </c>
      <c r="D89" s="5">
        <v>49</v>
      </c>
    </row>
    <row r="90" spans="1:4" ht="18" customHeight="1" x14ac:dyDescent="0.15">
      <c r="A90" s="8" t="s">
        <v>10</v>
      </c>
      <c r="B90" s="21">
        <v>109</v>
      </c>
      <c r="C90" s="6">
        <v>120</v>
      </c>
      <c r="D90" s="5">
        <v>229</v>
      </c>
    </row>
    <row r="91" spans="1:4" ht="18" customHeight="1" x14ac:dyDescent="0.15">
      <c r="A91" s="8">
        <v>70</v>
      </c>
      <c r="B91" s="21">
        <v>22</v>
      </c>
      <c r="C91" s="6">
        <v>17</v>
      </c>
      <c r="D91" s="5">
        <v>39</v>
      </c>
    </row>
    <row r="92" spans="1:4" ht="18" customHeight="1" x14ac:dyDescent="0.15">
      <c r="A92" s="8">
        <v>71</v>
      </c>
      <c r="B92" s="21">
        <v>26</v>
      </c>
      <c r="C92" s="6">
        <v>26</v>
      </c>
      <c r="D92" s="5">
        <v>52</v>
      </c>
    </row>
    <row r="93" spans="1:4" ht="18" customHeight="1" x14ac:dyDescent="0.15">
      <c r="A93" s="8">
        <v>72</v>
      </c>
      <c r="B93" s="21">
        <v>27</v>
      </c>
      <c r="C93" s="6">
        <v>28</v>
      </c>
      <c r="D93" s="5">
        <v>55</v>
      </c>
    </row>
    <row r="94" spans="1:4" ht="18" customHeight="1" x14ac:dyDescent="0.15">
      <c r="A94" s="8">
        <v>73</v>
      </c>
      <c r="B94" s="21">
        <v>33</v>
      </c>
      <c r="C94" s="6">
        <v>38</v>
      </c>
      <c r="D94" s="5">
        <v>71</v>
      </c>
    </row>
    <row r="95" spans="1:4" ht="18" customHeight="1" x14ac:dyDescent="0.15">
      <c r="A95" s="8">
        <v>74</v>
      </c>
      <c r="B95" s="21">
        <v>30</v>
      </c>
      <c r="C95" s="6">
        <v>34</v>
      </c>
      <c r="D95" s="5">
        <v>64</v>
      </c>
    </row>
    <row r="96" spans="1:4" ht="18" customHeight="1" x14ac:dyDescent="0.15">
      <c r="A96" s="8" t="s">
        <v>9</v>
      </c>
      <c r="B96" s="21">
        <v>138</v>
      </c>
      <c r="C96" s="6">
        <v>143</v>
      </c>
      <c r="D96" s="5">
        <v>281</v>
      </c>
    </row>
    <row r="97" spans="1:4" ht="18" customHeight="1" x14ac:dyDescent="0.15">
      <c r="A97" s="8">
        <v>75</v>
      </c>
      <c r="B97" s="21">
        <v>26</v>
      </c>
      <c r="C97" s="6">
        <v>32</v>
      </c>
      <c r="D97" s="5">
        <v>58</v>
      </c>
    </row>
    <row r="98" spans="1:4" ht="18" customHeight="1" x14ac:dyDescent="0.15">
      <c r="A98" s="8">
        <v>76</v>
      </c>
      <c r="B98" s="21">
        <v>37</v>
      </c>
      <c r="C98" s="6">
        <v>35</v>
      </c>
      <c r="D98" s="5">
        <v>72</v>
      </c>
    </row>
    <row r="99" spans="1:4" ht="18" customHeight="1" x14ac:dyDescent="0.15">
      <c r="A99" s="8">
        <v>77</v>
      </c>
      <c r="B99" s="21">
        <v>41</v>
      </c>
      <c r="C99" s="6">
        <v>49</v>
      </c>
      <c r="D99" s="5">
        <v>90</v>
      </c>
    </row>
    <row r="100" spans="1:4" ht="18" customHeight="1" x14ac:dyDescent="0.15">
      <c r="A100" s="8">
        <v>78</v>
      </c>
      <c r="B100" s="21">
        <v>24</v>
      </c>
      <c r="C100" s="6">
        <v>48</v>
      </c>
      <c r="D100" s="5">
        <v>72</v>
      </c>
    </row>
    <row r="101" spans="1:4" ht="18" customHeight="1" x14ac:dyDescent="0.15">
      <c r="A101" s="8">
        <v>79</v>
      </c>
      <c r="B101" s="21">
        <v>17</v>
      </c>
      <c r="C101" s="6">
        <v>21</v>
      </c>
      <c r="D101" s="5">
        <v>38</v>
      </c>
    </row>
    <row r="102" spans="1:4" ht="18" customHeight="1" x14ac:dyDescent="0.15">
      <c r="A102" s="8" t="s">
        <v>8</v>
      </c>
      <c r="B102" s="21">
        <v>145</v>
      </c>
      <c r="C102" s="6">
        <v>185</v>
      </c>
      <c r="D102" s="5">
        <v>330</v>
      </c>
    </row>
    <row r="103" spans="1:4" ht="18" customHeight="1" x14ac:dyDescent="0.15">
      <c r="A103" s="8">
        <v>80</v>
      </c>
      <c r="B103" s="21">
        <v>16</v>
      </c>
      <c r="C103" s="6">
        <v>27</v>
      </c>
      <c r="D103" s="5">
        <v>43</v>
      </c>
    </row>
    <row r="104" spans="1:4" ht="18" customHeight="1" x14ac:dyDescent="0.15">
      <c r="A104" s="8">
        <v>81</v>
      </c>
      <c r="B104" s="21">
        <v>10</v>
      </c>
      <c r="C104" s="6">
        <v>34</v>
      </c>
      <c r="D104" s="5">
        <v>44</v>
      </c>
    </row>
    <row r="105" spans="1:4" ht="18" customHeight="1" x14ac:dyDescent="0.15">
      <c r="A105" s="8">
        <v>82</v>
      </c>
      <c r="B105" s="21">
        <v>18</v>
      </c>
      <c r="C105" s="6">
        <v>25</v>
      </c>
      <c r="D105" s="5">
        <v>43</v>
      </c>
    </row>
    <row r="106" spans="1:4" ht="18" customHeight="1" x14ac:dyDescent="0.15">
      <c r="A106" s="8">
        <v>83</v>
      </c>
      <c r="B106" s="21">
        <v>22</v>
      </c>
      <c r="C106" s="6">
        <v>26</v>
      </c>
      <c r="D106" s="5">
        <v>48</v>
      </c>
    </row>
    <row r="107" spans="1:4" ht="18" customHeight="1" x14ac:dyDescent="0.15">
      <c r="A107" s="8">
        <v>84</v>
      </c>
      <c r="B107" s="21">
        <v>29</v>
      </c>
      <c r="C107" s="6">
        <v>29</v>
      </c>
      <c r="D107" s="5">
        <v>58</v>
      </c>
    </row>
    <row r="108" spans="1:4" ht="18" customHeight="1" x14ac:dyDescent="0.15">
      <c r="A108" s="8" t="s">
        <v>7</v>
      </c>
      <c r="B108" s="21">
        <v>95</v>
      </c>
      <c r="C108" s="6">
        <v>141</v>
      </c>
      <c r="D108" s="5">
        <v>236</v>
      </c>
    </row>
    <row r="109" spans="1:4" ht="18" customHeight="1" x14ac:dyDescent="0.15">
      <c r="A109" s="8">
        <v>85</v>
      </c>
      <c r="B109" s="21">
        <v>9</v>
      </c>
      <c r="C109" s="6">
        <v>16</v>
      </c>
      <c r="D109" s="5">
        <v>25</v>
      </c>
    </row>
    <row r="110" spans="1:4" ht="18" customHeight="1" x14ac:dyDescent="0.15">
      <c r="A110" s="8">
        <v>86</v>
      </c>
      <c r="B110" s="21">
        <v>7</v>
      </c>
      <c r="C110" s="6">
        <v>19</v>
      </c>
      <c r="D110" s="5">
        <v>26</v>
      </c>
    </row>
    <row r="111" spans="1:4" ht="18" customHeight="1" x14ac:dyDescent="0.15">
      <c r="A111" s="8">
        <v>87</v>
      </c>
      <c r="B111" s="21">
        <v>8</v>
      </c>
      <c r="C111" s="6">
        <v>15</v>
      </c>
      <c r="D111" s="5">
        <v>23</v>
      </c>
    </row>
    <row r="112" spans="1:4" ht="18" customHeight="1" x14ac:dyDescent="0.15">
      <c r="A112" s="8">
        <v>88</v>
      </c>
      <c r="B112" s="21">
        <v>13</v>
      </c>
      <c r="C112" s="6">
        <v>12</v>
      </c>
      <c r="D112" s="5">
        <v>25</v>
      </c>
    </row>
    <row r="113" spans="1:4" ht="18" customHeight="1" x14ac:dyDescent="0.15">
      <c r="A113" s="8">
        <v>89</v>
      </c>
      <c r="B113" s="21">
        <v>10</v>
      </c>
      <c r="C113" s="6">
        <v>14</v>
      </c>
      <c r="D113" s="5">
        <v>24</v>
      </c>
    </row>
    <row r="114" spans="1:4" ht="18" customHeight="1" x14ac:dyDescent="0.15">
      <c r="A114" s="8" t="s">
        <v>6</v>
      </c>
      <c r="B114" s="21">
        <v>47</v>
      </c>
      <c r="C114" s="6">
        <v>76</v>
      </c>
      <c r="D114" s="5">
        <v>123</v>
      </c>
    </row>
    <row r="115" spans="1:4" ht="18" customHeight="1" x14ac:dyDescent="0.15">
      <c r="A115" s="8">
        <v>90</v>
      </c>
      <c r="B115" s="21">
        <v>4</v>
      </c>
      <c r="C115" s="6">
        <v>5</v>
      </c>
      <c r="D115" s="5">
        <v>9</v>
      </c>
    </row>
    <row r="116" spans="1:4" ht="18" customHeight="1" x14ac:dyDescent="0.15">
      <c r="A116" s="8">
        <v>91</v>
      </c>
      <c r="B116" s="21">
        <v>6</v>
      </c>
      <c r="C116" s="6">
        <v>7</v>
      </c>
      <c r="D116" s="5">
        <v>13</v>
      </c>
    </row>
    <row r="117" spans="1:4" ht="18" customHeight="1" x14ac:dyDescent="0.15">
      <c r="A117" s="8">
        <v>92</v>
      </c>
      <c r="B117" s="21">
        <v>4</v>
      </c>
      <c r="C117" s="6">
        <v>10</v>
      </c>
      <c r="D117" s="5">
        <v>14</v>
      </c>
    </row>
    <row r="118" spans="1:4" ht="18" customHeight="1" x14ac:dyDescent="0.15">
      <c r="A118" s="8">
        <v>93</v>
      </c>
      <c r="B118" s="21">
        <v>2</v>
      </c>
      <c r="C118" s="6">
        <v>12</v>
      </c>
      <c r="D118" s="5">
        <v>14</v>
      </c>
    </row>
    <row r="119" spans="1:4" ht="18" customHeight="1" x14ac:dyDescent="0.15">
      <c r="A119" s="8">
        <v>94</v>
      </c>
      <c r="B119" s="21">
        <v>2</v>
      </c>
      <c r="C119" s="6">
        <v>8</v>
      </c>
      <c r="D119" s="5">
        <v>10</v>
      </c>
    </row>
    <row r="120" spans="1:4" ht="18" customHeight="1" x14ac:dyDescent="0.15">
      <c r="A120" s="8" t="s">
        <v>5</v>
      </c>
      <c r="B120" s="21">
        <v>18</v>
      </c>
      <c r="C120" s="6">
        <v>42</v>
      </c>
      <c r="D120" s="5">
        <v>60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6</v>
      </c>
      <c r="D123" s="5">
        <v>7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4</v>
      </c>
      <c r="C126" s="6">
        <v>16</v>
      </c>
      <c r="D126" s="5">
        <v>2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556</v>
      </c>
      <c r="C130" s="6">
        <v>726</v>
      </c>
      <c r="D130" s="5">
        <v>1282</v>
      </c>
    </row>
    <row r="131" spans="1:4" ht="18" customHeight="1" x14ac:dyDescent="0.15">
      <c r="A131" s="4" t="s">
        <v>0</v>
      </c>
      <c r="B131" s="20">
        <v>1869</v>
      </c>
      <c r="C131" s="2">
        <v>1985</v>
      </c>
      <c r="D131" s="1">
        <v>385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EC3369-D970-4762-B122-346EFE0FEEB7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5</v>
      </c>
      <c r="D5" s="10">
        <v>11</v>
      </c>
    </row>
    <row r="6" spans="1:4" ht="18" customHeight="1" x14ac:dyDescent="0.15">
      <c r="A6" s="8">
        <v>1</v>
      </c>
      <c r="B6" s="21">
        <v>4</v>
      </c>
      <c r="C6" s="6">
        <v>2</v>
      </c>
      <c r="D6" s="5">
        <v>6</v>
      </c>
    </row>
    <row r="7" spans="1:4" ht="18" customHeight="1" x14ac:dyDescent="0.15">
      <c r="A7" s="8">
        <v>2</v>
      </c>
      <c r="B7" s="21">
        <v>4</v>
      </c>
      <c r="C7" s="6">
        <v>5</v>
      </c>
      <c r="D7" s="5">
        <v>9</v>
      </c>
    </row>
    <row r="8" spans="1:4" ht="18" customHeight="1" x14ac:dyDescent="0.15">
      <c r="A8" s="8">
        <v>3</v>
      </c>
      <c r="B8" s="21">
        <v>4</v>
      </c>
      <c r="C8" s="6">
        <v>6</v>
      </c>
      <c r="D8" s="5">
        <v>10</v>
      </c>
    </row>
    <row r="9" spans="1:4" ht="18" customHeight="1" x14ac:dyDescent="0.15">
      <c r="A9" s="8">
        <v>4</v>
      </c>
      <c r="B9" s="21">
        <v>5</v>
      </c>
      <c r="C9" s="6">
        <v>7</v>
      </c>
      <c r="D9" s="5">
        <v>12</v>
      </c>
    </row>
    <row r="10" spans="1:4" ht="18" customHeight="1" x14ac:dyDescent="0.15">
      <c r="A10" s="8" t="s">
        <v>25</v>
      </c>
      <c r="B10" s="21">
        <v>23</v>
      </c>
      <c r="C10" s="6">
        <v>25</v>
      </c>
      <c r="D10" s="5">
        <v>48</v>
      </c>
    </row>
    <row r="11" spans="1:4" ht="18" customHeight="1" x14ac:dyDescent="0.15">
      <c r="A11" s="8">
        <v>5</v>
      </c>
      <c r="B11" s="21">
        <v>4</v>
      </c>
      <c r="C11" s="6">
        <v>5</v>
      </c>
      <c r="D11" s="5">
        <v>9</v>
      </c>
    </row>
    <row r="12" spans="1:4" ht="18" customHeight="1" x14ac:dyDescent="0.15">
      <c r="A12" s="8">
        <v>6</v>
      </c>
      <c r="B12" s="21">
        <v>6</v>
      </c>
      <c r="C12" s="6">
        <v>4</v>
      </c>
      <c r="D12" s="5">
        <v>10</v>
      </c>
    </row>
    <row r="13" spans="1:4" ht="18" customHeight="1" x14ac:dyDescent="0.15">
      <c r="A13" s="8">
        <v>7</v>
      </c>
      <c r="B13" s="21">
        <v>7</v>
      </c>
      <c r="C13" s="6">
        <v>8</v>
      </c>
      <c r="D13" s="5">
        <v>15</v>
      </c>
    </row>
    <row r="14" spans="1:4" ht="18" customHeight="1" x14ac:dyDescent="0.15">
      <c r="A14" s="8">
        <v>8</v>
      </c>
      <c r="B14" s="21">
        <v>8</v>
      </c>
      <c r="C14" s="6">
        <v>0</v>
      </c>
      <c r="D14" s="5">
        <v>8</v>
      </c>
    </row>
    <row r="15" spans="1:4" ht="18" customHeight="1" x14ac:dyDescent="0.15">
      <c r="A15" s="8">
        <v>9</v>
      </c>
      <c r="B15" s="21">
        <v>4</v>
      </c>
      <c r="C15" s="6">
        <v>9</v>
      </c>
      <c r="D15" s="5">
        <v>13</v>
      </c>
    </row>
    <row r="16" spans="1:4" ht="18" customHeight="1" x14ac:dyDescent="0.15">
      <c r="A16" s="8" t="s">
        <v>24</v>
      </c>
      <c r="B16" s="21">
        <v>29</v>
      </c>
      <c r="C16" s="6">
        <v>26</v>
      </c>
      <c r="D16" s="5">
        <v>55</v>
      </c>
    </row>
    <row r="17" spans="1:4" ht="18" customHeight="1" x14ac:dyDescent="0.15">
      <c r="A17" s="8">
        <v>10</v>
      </c>
      <c r="B17" s="21">
        <v>3</v>
      </c>
      <c r="C17" s="6">
        <v>4</v>
      </c>
      <c r="D17" s="5">
        <v>7</v>
      </c>
    </row>
    <row r="18" spans="1:4" ht="18" customHeight="1" x14ac:dyDescent="0.15">
      <c r="A18" s="8">
        <v>11</v>
      </c>
      <c r="B18" s="21">
        <v>10</v>
      </c>
      <c r="C18" s="6">
        <v>4</v>
      </c>
      <c r="D18" s="5">
        <v>14</v>
      </c>
    </row>
    <row r="19" spans="1:4" ht="18" customHeight="1" x14ac:dyDescent="0.15">
      <c r="A19" s="8">
        <v>12</v>
      </c>
      <c r="B19" s="21">
        <v>8</v>
      </c>
      <c r="C19" s="6">
        <v>9</v>
      </c>
      <c r="D19" s="5">
        <v>17</v>
      </c>
    </row>
    <row r="20" spans="1:4" ht="18" customHeight="1" x14ac:dyDescent="0.15">
      <c r="A20" s="8">
        <v>13</v>
      </c>
      <c r="B20" s="21">
        <v>7</v>
      </c>
      <c r="C20" s="6">
        <v>7</v>
      </c>
      <c r="D20" s="5">
        <v>14</v>
      </c>
    </row>
    <row r="21" spans="1:4" ht="18" customHeight="1" x14ac:dyDescent="0.15">
      <c r="A21" s="8">
        <v>14</v>
      </c>
      <c r="B21" s="21">
        <v>6</v>
      </c>
      <c r="C21" s="6">
        <v>5</v>
      </c>
      <c r="D21" s="5">
        <v>11</v>
      </c>
    </row>
    <row r="22" spans="1:4" ht="18" customHeight="1" x14ac:dyDescent="0.15">
      <c r="A22" s="8" t="s">
        <v>23</v>
      </c>
      <c r="B22" s="21">
        <v>34</v>
      </c>
      <c r="C22" s="6">
        <v>29</v>
      </c>
      <c r="D22" s="5">
        <v>63</v>
      </c>
    </row>
    <row r="23" spans="1:4" ht="18" customHeight="1" x14ac:dyDescent="0.15">
      <c r="A23" s="8" t="s">
        <v>22</v>
      </c>
      <c r="B23" s="21">
        <v>86</v>
      </c>
      <c r="C23" s="6">
        <v>80</v>
      </c>
      <c r="D23" s="5">
        <v>166</v>
      </c>
    </row>
    <row r="24" spans="1:4" ht="18" customHeight="1" x14ac:dyDescent="0.15">
      <c r="A24" s="8">
        <v>15</v>
      </c>
      <c r="B24" s="21">
        <v>8</v>
      </c>
      <c r="C24" s="6">
        <v>6</v>
      </c>
      <c r="D24" s="5">
        <v>14</v>
      </c>
    </row>
    <row r="25" spans="1:4" ht="18" customHeight="1" x14ac:dyDescent="0.15">
      <c r="A25" s="8">
        <v>16</v>
      </c>
      <c r="B25" s="21">
        <v>6</v>
      </c>
      <c r="C25" s="6">
        <v>12</v>
      </c>
      <c r="D25" s="5">
        <v>18</v>
      </c>
    </row>
    <row r="26" spans="1:4" ht="18" customHeight="1" x14ac:dyDescent="0.15">
      <c r="A26" s="8">
        <v>17</v>
      </c>
      <c r="B26" s="21">
        <v>8</v>
      </c>
      <c r="C26" s="6">
        <v>5</v>
      </c>
      <c r="D26" s="5">
        <v>13</v>
      </c>
    </row>
    <row r="27" spans="1:4" ht="18" customHeight="1" x14ac:dyDescent="0.15">
      <c r="A27" s="8">
        <v>18</v>
      </c>
      <c r="B27" s="21">
        <v>7</v>
      </c>
      <c r="C27" s="6">
        <v>8</v>
      </c>
      <c r="D27" s="5">
        <v>15</v>
      </c>
    </row>
    <row r="28" spans="1:4" ht="18" customHeight="1" x14ac:dyDescent="0.15">
      <c r="A28" s="8">
        <v>19</v>
      </c>
      <c r="B28" s="21">
        <v>5</v>
      </c>
      <c r="C28" s="6">
        <v>6</v>
      </c>
      <c r="D28" s="5">
        <v>11</v>
      </c>
    </row>
    <row r="29" spans="1:4" ht="18" customHeight="1" x14ac:dyDescent="0.15">
      <c r="A29" s="8" t="s">
        <v>21</v>
      </c>
      <c r="B29" s="21">
        <v>34</v>
      </c>
      <c r="C29" s="6">
        <v>37</v>
      </c>
      <c r="D29" s="5">
        <v>71</v>
      </c>
    </row>
    <row r="30" spans="1:4" ht="18" customHeight="1" x14ac:dyDescent="0.15">
      <c r="A30" s="8">
        <v>20</v>
      </c>
      <c r="B30" s="21">
        <v>9</v>
      </c>
      <c r="C30" s="6">
        <v>4</v>
      </c>
      <c r="D30" s="5">
        <v>13</v>
      </c>
    </row>
    <row r="31" spans="1:4" ht="18" customHeight="1" x14ac:dyDescent="0.15">
      <c r="A31" s="8">
        <v>21</v>
      </c>
      <c r="B31" s="21">
        <v>11</v>
      </c>
      <c r="C31" s="6">
        <v>7</v>
      </c>
      <c r="D31" s="5">
        <v>18</v>
      </c>
    </row>
    <row r="32" spans="1:4" ht="18" customHeight="1" x14ac:dyDescent="0.15">
      <c r="A32" s="8">
        <v>22</v>
      </c>
      <c r="B32" s="21">
        <v>7</v>
      </c>
      <c r="C32" s="6">
        <v>8</v>
      </c>
      <c r="D32" s="5">
        <v>15</v>
      </c>
    </row>
    <row r="33" spans="1:4" ht="18" customHeight="1" x14ac:dyDescent="0.15">
      <c r="A33" s="8">
        <v>23</v>
      </c>
      <c r="B33" s="21">
        <v>11</v>
      </c>
      <c r="C33" s="6">
        <v>5</v>
      </c>
      <c r="D33" s="5">
        <v>16</v>
      </c>
    </row>
    <row r="34" spans="1:4" ht="18" customHeight="1" x14ac:dyDescent="0.15">
      <c r="A34" s="8">
        <v>24</v>
      </c>
      <c r="B34" s="21">
        <v>6</v>
      </c>
      <c r="C34" s="6">
        <v>6</v>
      </c>
      <c r="D34" s="5">
        <v>12</v>
      </c>
    </row>
    <row r="35" spans="1:4" ht="18" customHeight="1" x14ac:dyDescent="0.15">
      <c r="A35" s="8" t="s">
        <v>20</v>
      </c>
      <c r="B35" s="21">
        <v>44</v>
      </c>
      <c r="C35" s="6">
        <v>30</v>
      </c>
      <c r="D35" s="5">
        <v>74</v>
      </c>
    </row>
    <row r="36" spans="1:4" ht="18" customHeight="1" x14ac:dyDescent="0.15">
      <c r="A36" s="8">
        <v>25</v>
      </c>
      <c r="B36" s="21">
        <v>3</v>
      </c>
      <c r="C36" s="6">
        <v>4</v>
      </c>
      <c r="D36" s="5">
        <v>7</v>
      </c>
    </row>
    <row r="37" spans="1:4" ht="18" customHeight="1" x14ac:dyDescent="0.15">
      <c r="A37" s="8">
        <v>26</v>
      </c>
      <c r="B37" s="21">
        <v>14</v>
      </c>
      <c r="C37" s="6">
        <v>6</v>
      </c>
      <c r="D37" s="5">
        <v>20</v>
      </c>
    </row>
    <row r="38" spans="1:4" ht="18" customHeight="1" x14ac:dyDescent="0.15">
      <c r="A38" s="8">
        <v>27</v>
      </c>
      <c r="B38" s="21">
        <v>11</v>
      </c>
      <c r="C38" s="6">
        <v>7</v>
      </c>
      <c r="D38" s="5">
        <v>18</v>
      </c>
    </row>
    <row r="39" spans="1:4" ht="18" customHeight="1" x14ac:dyDescent="0.15">
      <c r="A39" s="8">
        <v>28</v>
      </c>
      <c r="B39" s="21">
        <v>5</v>
      </c>
      <c r="C39" s="6">
        <v>8</v>
      </c>
      <c r="D39" s="5">
        <v>13</v>
      </c>
    </row>
    <row r="40" spans="1:4" ht="18" customHeight="1" x14ac:dyDescent="0.15">
      <c r="A40" s="8">
        <v>29</v>
      </c>
      <c r="B40" s="21">
        <v>11</v>
      </c>
      <c r="C40" s="6">
        <v>5</v>
      </c>
      <c r="D40" s="5">
        <v>16</v>
      </c>
    </row>
    <row r="41" spans="1:4" ht="18" customHeight="1" x14ac:dyDescent="0.15">
      <c r="A41" s="8" t="s">
        <v>19</v>
      </c>
      <c r="B41" s="21">
        <v>44</v>
      </c>
      <c r="C41" s="6">
        <v>30</v>
      </c>
      <c r="D41" s="5">
        <v>74</v>
      </c>
    </row>
    <row r="42" spans="1:4" ht="18" customHeight="1" x14ac:dyDescent="0.15">
      <c r="A42" s="8">
        <v>30</v>
      </c>
      <c r="B42" s="21">
        <v>7</v>
      </c>
      <c r="C42" s="6">
        <v>6</v>
      </c>
      <c r="D42" s="5">
        <v>13</v>
      </c>
    </row>
    <row r="43" spans="1:4" ht="18" customHeight="1" x14ac:dyDescent="0.15">
      <c r="A43" s="8">
        <v>31</v>
      </c>
      <c r="B43" s="21">
        <v>11</v>
      </c>
      <c r="C43" s="6">
        <v>6</v>
      </c>
      <c r="D43" s="5">
        <v>17</v>
      </c>
    </row>
    <row r="44" spans="1:4" ht="18" customHeight="1" x14ac:dyDescent="0.15">
      <c r="A44" s="8">
        <v>32</v>
      </c>
      <c r="B44" s="21">
        <v>7</v>
      </c>
      <c r="C44" s="6">
        <v>8</v>
      </c>
      <c r="D44" s="5">
        <v>15</v>
      </c>
    </row>
    <row r="45" spans="1:4" ht="18" customHeight="1" x14ac:dyDescent="0.15">
      <c r="A45" s="8">
        <v>33</v>
      </c>
      <c r="B45" s="21">
        <v>9</v>
      </c>
      <c r="C45" s="6">
        <v>7</v>
      </c>
      <c r="D45" s="5">
        <v>16</v>
      </c>
    </row>
    <row r="46" spans="1:4" ht="18" customHeight="1" x14ac:dyDescent="0.15">
      <c r="A46" s="8">
        <v>34</v>
      </c>
      <c r="B46" s="21">
        <v>7</v>
      </c>
      <c r="C46" s="6">
        <v>1</v>
      </c>
      <c r="D46" s="5">
        <v>8</v>
      </c>
    </row>
    <row r="47" spans="1:4" ht="18" customHeight="1" x14ac:dyDescent="0.15">
      <c r="A47" s="8" t="s">
        <v>18</v>
      </c>
      <c r="B47" s="21">
        <v>41</v>
      </c>
      <c r="C47" s="6">
        <v>28</v>
      </c>
      <c r="D47" s="5">
        <v>69</v>
      </c>
    </row>
    <row r="48" spans="1:4" ht="18" customHeight="1" x14ac:dyDescent="0.15">
      <c r="A48" s="8">
        <v>35</v>
      </c>
      <c r="B48" s="21">
        <v>15</v>
      </c>
      <c r="C48" s="6">
        <v>4</v>
      </c>
      <c r="D48" s="5">
        <v>19</v>
      </c>
    </row>
    <row r="49" spans="1:4" ht="18" customHeight="1" x14ac:dyDescent="0.15">
      <c r="A49" s="8">
        <v>36</v>
      </c>
      <c r="B49" s="21">
        <v>7</v>
      </c>
      <c r="C49" s="6">
        <v>6</v>
      </c>
      <c r="D49" s="5">
        <v>13</v>
      </c>
    </row>
    <row r="50" spans="1:4" ht="18" customHeight="1" x14ac:dyDescent="0.15">
      <c r="A50" s="8">
        <v>37</v>
      </c>
      <c r="B50" s="21">
        <v>11</v>
      </c>
      <c r="C50" s="6">
        <v>4</v>
      </c>
      <c r="D50" s="5">
        <v>15</v>
      </c>
    </row>
    <row r="51" spans="1:4" ht="18" customHeight="1" x14ac:dyDescent="0.15">
      <c r="A51" s="8">
        <v>38</v>
      </c>
      <c r="B51" s="21">
        <v>8</v>
      </c>
      <c r="C51" s="6">
        <v>9</v>
      </c>
      <c r="D51" s="5">
        <v>17</v>
      </c>
    </row>
    <row r="52" spans="1:4" ht="18" customHeight="1" x14ac:dyDescent="0.15">
      <c r="A52" s="8">
        <v>39</v>
      </c>
      <c r="B52" s="21">
        <v>8</v>
      </c>
      <c r="C52" s="6">
        <v>7</v>
      </c>
      <c r="D52" s="5">
        <v>15</v>
      </c>
    </row>
    <row r="53" spans="1:4" ht="18" customHeight="1" x14ac:dyDescent="0.15">
      <c r="A53" s="8" t="s">
        <v>17</v>
      </c>
      <c r="B53" s="21">
        <v>49</v>
      </c>
      <c r="C53" s="6">
        <v>30</v>
      </c>
      <c r="D53" s="5">
        <v>79</v>
      </c>
    </row>
    <row r="54" spans="1:4" ht="18" customHeight="1" x14ac:dyDescent="0.15">
      <c r="A54" s="8">
        <v>40</v>
      </c>
      <c r="B54" s="21">
        <v>9</v>
      </c>
      <c r="C54" s="6">
        <v>3</v>
      </c>
      <c r="D54" s="5">
        <v>12</v>
      </c>
    </row>
    <row r="55" spans="1:4" ht="18" customHeight="1" x14ac:dyDescent="0.15">
      <c r="A55" s="8">
        <v>41</v>
      </c>
      <c r="B55" s="21">
        <v>11</v>
      </c>
      <c r="C55" s="6">
        <v>8</v>
      </c>
      <c r="D55" s="5">
        <v>19</v>
      </c>
    </row>
    <row r="56" spans="1:4" ht="18" customHeight="1" x14ac:dyDescent="0.15">
      <c r="A56" s="8">
        <v>42</v>
      </c>
      <c r="B56" s="21">
        <v>12</v>
      </c>
      <c r="C56" s="6">
        <v>6</v>
      </c>
      <c r="D56" s="5">
        <v>18</v>
      </c>
    </row>
    <row r="57" spans="1:4" ht="18" customHeight="1" x14ac:dyDescent="0.15">
      <c r="A57" s="8">
        <v>43</v>
      </c>
      <c r="B57" s="21">
        <v>11</v>
      </c>
      <c r="C57" s="6">
        <v>4</v>
      </c>
      <c r="D57" s="5">
        <v>15</v>
      </c>
    </row>
    <row r="58" spans="1:4" ht="18" customHeight="1" x14ac:dyDescent="0.15">
      <c r="A58" s="8">
        <v>44</v>
      </c>
      <c r="B58" s="21">
        <v>11</v>
      </c>
      <c r="C58" s="6">
        <v>13</v>
      </c>
      <c r="D58" s="5">
        <v>24</v>
      </c>
    </row>
    <row r="59" spans="1:4" ht="18" customHeight="1" x14ac:dyDescent="0.15">
      <c r="A59" s="8" t="s">
        <v>16</v>
      </c>
      <c r="B59" s="21">
        <v>54</v>
      </c>
      <c r="C59" s="6">
        <v>34</v>
      </c>
      <c r="D59" s="5">
        <v>88</v>
      </c>
    </row>
    <row r="60" spans="1:4" ht="18" customHeight="1" x14ac:dyDescent="0.15">
      <c r="A60" s="8">
        <v>45</v>
      </c>
      <c r="B60" s="21">
        <v>9</v>
      </c>
      <c r="C60" s="6">
        <v>10</v>
      </c>
      <c r="D60" s="5">
        <v>19</v>
      </c>
    </row>
    <row r="61" spans="1:4" ht="18" customHeight="1" x14ac:dyDescent="0.15">
      <c r="A61" s="8">
        <v>46</v>
      </c>
      <c r="B61" s="21">
        <v>6</v>
      </c>
      <c r="C61" s="6">
        <v>7</v>
      </c>
      <c r="D61" s="5">
        <v>13</v>
      </c>
    </row>
    <row r="62" spans="1:4" ht="18" customHeight="1" x14ac:dyDescent="0.15">
      <c r="A62" s="8">
        <v>47</v>
      </c>
      <c r="B62" s="21">
        <v>8</v>
      </c>
      <c r="C62" s="6">
        <v>9</v>
      </c>
      <c r="D62" s="5">
        <v>17</v>
      </c>
    </row>
    <row r="63" spans="1:4" ht="18" customHeight="1" x14ac:dyDescent="0.15">
      <c r="A63" s="8">
        <v>48</v>
      </c>
      <c r="B63" s="21">
        <v>17</v>
      </c>
      <c r="C63" s="6">
        <v>6</v>
      </c>
      <c r="D63" s="5">
        <v>23</v>
      </c>
    </row>
    <row r="64" spans="1:4" ht="18" customHeight="1" x14ac:dyDescent="0.15">
      <c r="A64" s="8">
        <v>49</v>
      </c>
      <c r="B64" s="21">
        <v>10</v>
      </c>
      <c r="C64" s="6">
        <v>18</v>
      </c>
      <c r="D64" s="5">
        <v>28</v>
      </c>
    </row>
    <row r="65" spans="1:4" ht="18" customHeight="1" x14ac:dyDescent="0.15">
      <c r="A65" s="8" t="s">
        <v>15</v>
      </c>
      <c r="B65" s="21">
        <v>50</v>
      </c>
      <c r="C65" s="6">
        <v>50</v>
      </c>
      <c r="D65" s="5">
        <v>100</v>
      </c>
    </row>
    <row r="66" spans="1:4" ht="18" customHeight="1" x14ac:dyDescent="0.15">
      <c r="A66" s="8">
        <v>50</v>
      </c>
      <c r="B66" s="21">
        <v>14</v>
      </c>
      <c r="C66" s="6">
        <v>10</v>
      </c>
      <c r="D66" s="5">
        <v>24</v>
      </c>
    </row>
    <row r="67" spans="1:4" ht="18" customHeight="1" x14ac:dyDescent="0.15">
      <c r="A67" s="8">
        <v>51</v>
      </c>
      <c r="B67" s="21">
        <v>5</v>
      </c>
      <c r="C67" s="6">
        <v>13</v>
      </c>
      <c r="D67" s="5">
        <v>18</v>
      </c>
    </row>
    <row r="68" spans="1:4" ht="18" customHeight="1" x14ac:dyDescent="0.15">
      <c r="A68" s="8">
        <v>52</v>
      </c>
      <c r="B68" s="21">
        <v>16</v>
      </c>
      <c r="C68" s="6">
        <v>10</v>
      </c>
      <c r="D68" s="5">
        <v>26</v>
      </c>
    </row>
    <row r="69" spans="1:4" ht="18" customHeight="1" x14ac:dyDescent="0.15">
      <c r="A69" s="8">
        <v>53</v>
      </c>
      <c r="B69" s="21">
        <v>10</v>
      </c>
      <c r="C69" s="6">
        <v>14</v>
      </c>
      <c r="D69" s="5">
        <v>24</v>
      </c>
    </row>
    <row r="70" spans="1:4" ht="18" customHeight="1" x14ac:dyDescent="0.15">
      <c r="A70" s="8">
        <v>54</v>
      </c>
      <c r="B70" s="21">
        <v>13</v>
      </c>
      <c r="C70" s="6">
        <v>16</v>
      </c>
      <c r="D70" s="5">
        <v>29</v>
      </c>
    </row>
    <row r="71" spans="1:4" ht="18" customHeight="1" x14ac:dyDescent="0.15">
      <c r="A71" s="8" t="s">
        <v>14</v>
      </c>
      <c r="B71" s="21">
        <v>58</v>
      </c>
      <c r="C71" s="6">
        <v>63</v>
      </c>
      <c r="D71" s="5">
        <v>121</v>
      </c>
    </row>
    <row r="72" spans="1:4" ht="18" customHeight="1" x14ac:dyDescent="0.15">
      <c r="A72" s="8">
        <v>55</v>
      </c>
      <c r="B72" s="21">
        <v>12</v>
      </c>
      <c r="C72" s="6">
        <v>8</v>
      </c>
      <c r="D72" s="5">
        <v>20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10</v>
      </c>
      <c r="C74" s="6">
        <v>8</v>
      </c>
      <c r="D74" s="5">
        <v>18</v>
      </c>
    </row>
    <row r="75" spans="1:4" ht="18" customHeight="1" x14ac:dyDescent="0.15">
      <c r="A75" s="8">
        <v>58</v>
      </c>
      <c r="B75" s="21">
        <v>14</v>
      </c>
      <c r="C75" s="6">
        <v>16</v>
      </c>
      <c r="D75" s="5">
        <v>30</v>
      </c>
    </row>
    <row r="76" spans="1:4" ht="18" customHeight="1" x14ac:dyDescent="0.15">
      <c r="A76" s="8">
        <v>59</v>
      </c>
      <c r="B76" s="21">
        <v>9</v>
      </c>
      <c r="C76" s="6">
        <v>4</v>
      </c>
      <c r="D76" s="5">
        <v>13</v>
      </c>
    </row>
    <row r="77" spans="1:4" ht="18" customHeight="1" x14ac:dyDescent="0.15">
      <c r="A77" s="8" t="s">
        <v>13</v>
      </c>
      <c r="B77" s="21">
        <v>54</v>
      </c>
      <c r="C77" s="6">
        <v>44</v>
      </c>
      <c r="D77" s="5">
        <v>98</v>
      </c>
    </row>
    <row r="78" spans="1:4" ht="18" customHeight="1" x14ac:dyDescent="0.15">
      <c r="A78" s="8">
        <v>60</v>
      </c>
      <c r="B78" s="21">
        <v>8</v>
      </c>
      <c r="C78" s="6">
        <v>7</v>
      </c>
      <c r="D78" s="5">
        <v>15</v>
      </c>
    </row>
    <row r="79" spans="1:4" ht="18" customHeight="1" x14ac:dyDescent="0.15">
      <c r="A79" s="8">
        <v>61</v>
      </c>
      <c r="B79" s="21">
        <v>11</v>
      </c>
      <c r="C79" s="6">
        <v>14</v>
      </c>
      <c r="D79" s="5">
        <v>25</v>
      </c>
    </row>
    <row r="80" spans="1:4" ht="18" customHeight="1" x14ac:dyDescent="0.15">
      <c r="A80" s="8">
        <v>62</v>
      </c>
      <c r="B80" s="21">
        <v>17</v>
      </c>
      <c r="C80" s="6">
        <v>11</v>
      </c>
      <c r="D80" s="5">
        <v>28</v>
      </c>
    </row>
    <row r="81" spans="1:4" ht="18" customHeight="1" x14ac:dyDescent="0.15">
      <c r="A81" s="8">
        <v>63</v>
      </c>
      <c r="B81" s="21">
        <v>6</v>
      </c>
      <c r="C81" s="6">
        <v>11</v>
      </c>
      <c r="D81" s="5">
        <v>17</v>
      </c>
    </row>
    <row r="82" spans="1:4" ht="18" customHeight="1" x14ac:dyDescent="0.15">
      <c r="A82" s="8">
        <v>64</v>
      </c>
      <c r="B82" s="21">
        <v>8</v>
      </c>
      <c r="C82" s="6">
        <v>5</v>
      </c>
      <c r="D82" s="5">
        <v>13</v>
      </c>
    </row>
    <row r="83" spans="1:4" ht="18" customHeight="1" x14ac:dyDescent="0.15">
      <c r="A83" s="8" t="s">
        <v>12</v>
      </c>
      <c r="B83" s="21">
        <v>50</v>
      </c>
      <c r="C83" s="6">
        <v>48</v>
      </c>
      <c r="D83" s="5">
        <v>98</v>
      </c>
    </row>
    <row r="84" spans="1:4" ht="18" customHeight="1" x14ac:dyDescent="0.15">
      <c r="A84" s="8" t="s">
        <v>11</v>
      </c>
      <c r="B84" s="21">
        <v>478</v>
      </c>
      <c r="C84" s="6">
        <v>394</v>
      </c>
      <c r="D84" s="5">
        <v>872</v>
      </c>
    </row>
    <row r="85" spans="1:4" ht="18" customHeight="1" x14ac:dyDescent="0.15">
      <c r="A85" s="8">
        <v>65</v>
      </c>
      <c r="B85" s="21">
        <v>11</v>
      </c>
      <c r="C85" s="6">
        <v>12</v>
      </c>
      <c r="D85" s="5">
        <v>23</v>
      </c>
    </row>
    <row r="86" spans="1:4" ht="18" customHeight="1" x14ac:dyDescent="0.15">
      <c r="A86" s="8">
        <v>66</v>
      </c>
      <c r="B86" s="21">
        <v>13</v>
      </c>
      <c r="C86" s="6">
        <v>11</v>
      </c>
      <c r="D86" s="5">
        <v>24</v>
      </c>
    </row>
    <row r="87" spans="1:4" ht="18" customHeight="1" x14ac:dyDescent="0.15">
      <c r="A87" s="8">
        <v>67</v>
      </c>
      <c r="B87" s="21">
        <v>11</v>
      </c>
      <c r="C87" s="6">
        <v>10</v>
      </c>
      <c r="D87" s="5">
        <v>21</v>
      </c>
    </row>
    <row r="88" spans="1:4" ht="18" customHeight="1" x14ac:dyDescent="0.15">
      <c r="A88" s="8">
        <v>68</v>
      </c>
      <c r="B88" s="21">
        <v>8</v>
      </c>
      <c r="C88" s="6">
        <v>14</v>
      </c>
      <c r="D88" s="5">
        <v>22</v>
      </c>
    </row>
    <row r="89" spans="1:4" ht="18" customHeight="1" x14ac:dyDescent="0.15">
      <c r="A89" s="8">
        <v>69</v>
      </c>
      <c r="B89" s="21">
        <v>10</v>
      </c>
      <c r="C89" s="6">
        <v>10</v>
      </c>
      <c r="D89" s="5">
        <v>20</v>
      </c>
    </row>
    <row r="90" spans="1:4" ht="18" customHeight="1" x14ac:dyDescent="0.15">
      <c r="A90" s="8" t="s">
        <v>10</v>
      </c>
      <c r="B90" s="21">
        <v>53</v>
      </c>
      <c r="C90" s="6">
        <v>57</v>
      </c>
      <c r="D90" s="5">
        <v>110</v>
      </c>
    </row>
    <row r="91" spans="1:4" ht="18" customHeight="1" x14ac:dyDescent="0.15">
      <c r="A91" s="8">
        <v>70</v>
      </c>
      <c r="B91" s="21">
        <v>11</v>
      </c>
      <c r="C91" s="6">
        <v>12</v>
      </c>
      <c r="D91" s="5">
        <v>23</v>
      </c>
    </row>
    <row r="92" spans="1:4" ht="18" customHeight="1" x14ac:dyDescent="0.15">
      <c r="A92" s="8">
        <v>71</v>
      </c>
      <c r="B92" s="21">
        <v>5</v>
      </c>
      <c r="C92" s="6">
        <v>6</v>
      </c>
      <c r="D92" s="5">
        <v>11</v>
      </c>
    </row>
    <row r="93" spans="1:4" ht="18" customHeight="1" x14ac:dyDescent="0.15">
      <c r="A93" s="8">
        <v>72</v>
      </c>
      <c r="B93" s="21">
        <v>10</v>
      </c>
      <c r="C93" s="6">
        <v>10</v>
      </c>
      <c r="D93" s="5">
        <v>20</v>
      </c>
    </row>
    <row r="94" spans="1:4" ht="18" customHeight="1" x14ac:dyDescent="0.15">
      <c r="A94" s="8">
        <v>73</v>
      </c>
      <c r="B94" s="21">
        <v>15</v>
      </c>
      <c r="C94" s="6">
        <v>14</v>
      </c>
      <c r="D94" s="5">
        <v>29</v>
      </c>
    </row>
    <row r="95" spans="1:4" ht="18" customHeight="1" x14ac:dyDescent="0.15">
      <c r="A95" s="8">
        <v>74</v>
      </c>
      <c r="B95" s="21">
        <v>7</v>
      </c>
      <c r="C95" s="6">
        <v>12</v>
      </c>
      <c r="D95" s="5">
        <v>19</v>
      </c>
    </row>
    <row r="96" spans="1:4" ht="18" customHeight="1" x14ac:dyDescent="0.15">
      <c r="A96" s="8" t="s">
        <v>9</v>
      </c>
      <c r="B96" s="21">
        <v>48</v>
      </c>
      <c r="C96" s="6">
        <v>54</v>
      </c>
      <c r="D96" s="5">
        <v>102</v>
      </c>
    </row>
    <row r="97" spans="1:4" ht="18" customHeight="1" x14ac:dyDescent="0.15">
      <c r="A97" s="8">
        <v>75</v>
      </c>
      <c r="B97" s="21">
        <v>5</v>
      </c>
      <c r="C97" s="6">
        <v>13</v>
      </c>
      <c r="D97" s="5">
        <v>18</v>
      </c>
    </row>
    <row r="98" spans="1:4" ht="18" customHeight="1" x14ac:dyDescent="0.15">
      <c r="A98" s="8">
        <v>76</v>
      </c>
      <c r="B98" s="21">
        <v>18</v>
      </c>
      <c r="C98" s="6">
        <v>12</v>
      </c>
      <c r="D98" s="5">
        <v>30</v>
      </c>
    </row>
    <row r="99" spans="1:4" ht="18" customHeight="1" x14ac:dyDescent="0.15">
      <c r="A99" s="8">
        <v>77</v>
      </c>
      <c r="B99" s="21">
        <v>14</v>
      </c>
      <c r="C99" s="6">
        <v>18</v>
      </c>
      <c r="D99" s="5">
        <v>32</v>
      </c>
    </row>
    <row r="100" spans="1:4" ht="18" customHeight="1" x14ac:dyDescent="0.15">
      <c r="A100" s="8">
        <v>78</v>
      </c>
      <c r="B100" s="21">
        <v>15</v>
      </c>
      <c r="C100" s="6">
        <v>12</v>
      </c>
      <c r="D100" s="5">
        <v>27</v>
      </c>
    </row>
    <row r="101" spans="1:4" ht="18" customHeight="1" x14ac:dyDescent="0.15">
      <c r="A101" s="8">
        <v>79</v>
      </c>
      <c r="B101" s="21">
        <v>7</v>
      </c>
      <c r="C101" s="6">
        <v>15</v>
      </c>
      <c r="D101" s="5">
        <v>22</v>
      </c>
    </row>
    <row r="102" spans="1:4" ht="18" customHeight="1" x14ac:dyDescent="0.15">
      <c r="A102" s="8" t="s">
        <v>8</v>
      </c>
      <c r="B102" s="21">
        <v>59</v>
      </c>
      <c r="C102" s="6">
        <v>70</v>
      </c>
      <c r="D102" s="5">
        <v>129</v>
      </c>
    </row>
    <row r="103" spans="1:4" ht="18" customHeight="1" x14ac:dyDescent="0.15">
      <c r="A103" s="8">
        <v>80</v>
      </c>
      <c r="B103" s="21">
        <v>8</v>
      </c>
      <c r="C103" s="6">
        <v>9</v>
      </c>
      <c r="D103" s="5">
        <v>17</v>
      </c>
    </row>
    <row r="104" spans="1:4" ht="18" customHeight="1" x14ac:dyDescent="0.15">
      <c r="A104" s="8">
        <v>81</v>
      </c>
      <c r="B104" s="21">
        <v>9</v>
      </c>
      <c r="C104" s="6">
        <v>8</v>
      </c>
      <c r="D104" s="5">
        <v>17</v>
      </c>
    </row>
    <row r="105" spans="1:4" ht="18" customHeight="1" x14ac:dyDescent="0.15">
      <c r="A105" s="8">
        <v>82</v>
      </c>
      <c r="B105" s="21">
        <v>5</v>
      </c>
      <c r="C105" s="6">
        <v>8</v>
      </c>
      <c r="D105" s="5">
        <v>13</v>
      </c>
    </row>
    <row r="106" spans="1:4" ht="18" customHeight="1" x14ac:dyDescent="0.15">
      <c r="A106" s="8">
        <v>83</v>
      </c>
      <c r="B106" s="21">
        <v>10</v>
      </c>
      <c r="C106" s="6">
        <v>9</v>
      </c>
      <c r="D106" s="5">
        <v>19</v>
      </c>
    </row>
    <row r="107" spans="1:4" ht="18" customHeight="1" x14ac:dyDescent="0.15">
      <c r="A107" s="8">
        <v>84</v>
      </c>
      <c r="B107" s="21">
        <v>6</v>
      </c>
      <c r="C107" s="6">
        <v>12</v>
      </c>
      <c r="D107" s="5">
        <v>18</v>
      </c>
    </row>
    <row r="108" spans="1:4" ht="18" customHeight="1" x14ac:dyDescent="0.15">
      <c r="A108" s="8" t="s">
        <v>7</v>
      </c>
      <c r="B108" s="21">
        <v>38</v>
      </c>
      <c r="C108" s="6">
        <v>46</v>
      </c>
      <c r="D108" s="5">
        <v>84</v>
      </c>
    </row>
    <row r="109" spans="1:4" ht="18" customHeight="1" x14ac:dyDescent="0.15">
      <c r="A109" s="8">
        <v>85</v>
      </c>
      <c r="B109" s="21">
        <v>4</v>
      </c>
      <c r="C109" s="6">
        <v>13</v>
      </c>
      <c r="D109" s="5">
        <v>17</v>
      </c>
    </row>
    <row r="110" spans="1:4" ht="18" customHeight="1" x14ac:dyDescent="0.15">
      <c r="A110" s="8">
        <v>86</v>
      </c>
      <c r="B110" s="21">
        <v>3</v>
      </c>
      <c r="C110" s="6">
        <v>12</v>
      </c>
      <c r="D110" s="5">
        <v>15</v>
      </c>
    </row>
    <row r="111" spans="1:4" ht="18" customHeight="1" x14ac:dyDescent="0.15">
      <c r="A111" s="8">
        <v>87</v>
      </c>
      <c r="B111" s="21">
        <v>3</v>
      </c>
      <c r="C111" s="6">
        <v>5</v>
      </c>
      <c r="D111" s="5">
        <v>8</v>
      </c>
    </row>
    <row r="112" spans="1:4" ht="18" customHeight="1" x14ac:dyDescent="0.15">
      <c r="A112" s="8">
        <v>88</v>
      </c>
      <c r="B112" s="21">
        <v>5</v>
      </c>
      <c r="C112" s="6">
        <v>12</v>
      </c>
      <c r="D112" s="5">
        <v>17</v>
      </c>
    </row>
    <row r="113" spans="1:4" ht="18" customHeight="1" x14ac:dyDescent="0.15">
      <c r="A113" s="8">
        <v>89</v>
      </c>
      <c r="B113" s="21">
        <v>5</v>
      </c>
      <c r="C113" s="6">
        <v>12</v>
      </c>
      <c r="D113" s="5">
        <v>17</v>
      </c>
    </row>
    <row r="114" spans="1:4" ht="18" customHeight="1" x14ac:dyDescent="0.15">
      <c r="A114" s="8" t="s">
        <v>6</v>
      </c>
      <c r="B114" s="21">
        <v>20</v>
      </c>
      <c r="C114" s="6">
        <v>54</v>
      </c>
      <c r="D114" s="5">
        <v>74</v>
      </c>
    </row>
    <row r="115" spans="1:4" ht="18" customHeight="1" x14ac:dyDescent="0.15">
      <c r="A115" s="8">
        <v>90</v>
      </c>
      <c r="B115" s="21">
        <v>1</v>
      </c>
      <c r="C115" s="6">
        <v>9</v>
      </c>
      <c r="D115" s="5">
        <v>10</v>
      </c>
    </row>
    <row r="116" spans="1:4" ht="18" customHeight="1" x14ac:dyDescent="0.15">
      <c r="A116" s="8">
        <v>91</v>
      </c>
      <c r="B116" s="21">
        <v>1</v>
      </c>
      <c r="C116" s="6">
        <v>4</v>
      </c>
      <c r="D116" s="5">
        <v>5</v>
      </c>
    </row>
    <row r="117" spans="1:4" ht="18" customHeight="1" x14ac:dyDescent="0.15">
      <c r="A117" s="8">
        <v>92</v>
      </c>
      <c r="B117" s="21">
        <v>1</v>
      </c>
      <c r="C117" s="6">
        <v>4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4</v>
      </c>
      <c r="C120" s="6">
        <v>25</v>
      </c>
      <c r="D120" s="5">
        <v>29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24</v>
      </c>
      <c r="C130" s="6">
        <v>313</v>
      </c>
      <c r="D130" s="5">
        <v>537</v>
      </c>
    </row>
    <row r="131" spans="1:4" ht="18" customHeight="1" x14ac:dyDescent="0.15">
      <c r="A131" s="4" t="s">
        <v>0</v>
      </c>
      <c r="B131" s="20">
        <v>788</v>
      </c>
      <c r="C131" s="2">
        <v>787</v>
      </c>
      <c r="D131" s="1">
        <v>157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BEE7ED-F767-4A10-A63E-1087B2CB6CC3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</v>
      </c>
      <c r="C5" s="11">
        <v>0</v>
      </c>
      <c r="D5" s="10">
        <v>2</v>
      </c>
    </row>
    <row r="6" spans="1:4" ht="18" customHeight="1" x14ac:dyDescent="0.15">
      <c r="A6" s="8">
        <v>1</v>
      </c>
      <c r="B6" s="21">
        <v>3</v>
      </c>
      <c r="C6" s="6">
        <v>4</v>
      </c>
      <c r="D6" s="5">
        <v>7</v>
      </c>
    </row>
    <row r="7" spans="1:4" ht="18" customHeight="1" x14ac:dyDescent="0.15">
      <c r="A7" s="8">
        <v>2</v>
      </c>
      <c r="B7" s="21">
        <v>3</v>
      </c>
      <c r="C7" s="6">
        <v>3</v>
      </c>
      <c r="D7" s="5">
        <v>6</v>
      </c>
    </row>
    <row r="8" spans="1:4" ht="18" customHeight="1" x14ac:dyDescent="0.15">
      <c r="A8" s="8">
        <v>3</v>
      </c>
      <c r="B8" s="21">
        <v>3</v>
      </c>
      <c r="C8" s="6">
        <v>1</v>
      </c>
      <c r="D8" s="5">
        <v>4</v>
      </c>
    </row>
    <row r="9" spans="1:4" ht="18" customHeight="1" x14ac:dyDescent="0.15">
      <c r="A9" s="8">
        <v>4</v>
      </c>
      <c r="B9" s="21">
        <v>1</v>
      </c>
      <c r="C9" s="6">
        <v>4</v>
      </c>
      <c r="D9" s="5">
        <v>5</v>
      </c>
    </row>
    <row r="10" spans="1:4" ht="18" customHeight="1" x14ac:dyDescent="0.15">
      <c r="A10" s="8" t="s">
        <v>25</v>
      </c>
      <c r="B10" s="21">
        <v>12</v>
      </c>
      <c r="C10" s="6">
        <v>12</v>
      </c>
      <c r="D10" s="5">
        <v>24</v>
      </c>
    </row>
    <row r="11" spans="1:4" ht="18" customHeight="1" x14ac:dyDescent="0.15">
      <c r="A11" s="8">
        <v>5</v>
      </c>
      <c r="B11" s="21">
        <v>4</v>
      </c>
      <c r="C11" s="6">
        <v>3</v>
      </c>
      <c r="D11" s="5">
        <v>7</v>
      </c>
    </row>
    <row r="12" spans="1:4" ht="18" customHeight="1" x14ac:dyDescent="0.15">
      <c r="A12" s="8">
        <v>6</v>
      </c>
      <c r="B12" s="21">
        <v>2</v>
      </c>
      <c r="C12" s="6">
        <v>6</v>
      </c>
      <c r="D12" s="5">
        <v>8</v>
      </c>
    </row>
    <row r="13" spans="1:4" ht="18" customHeight="1" x14ac:dyDescent="0.15">
      <c r="A13" s="8">
        <v>7</v>
      </c>
      <c r="B13" s="21">
        <v>2</v>
      </c>
      <c r="C13" s="6">
        <v>6</v>
      </c>
      <c r="D13" s="5">
        <v>8</v>
      </c>
    </row>
    <row r="14" spans="1:4" ht="18" customHeight="1" x14ac:dyDescent="0.15">
      <c r="A14" s="8">
        <v>8</v>
      </c>
      <c r="B14" s="21">
        <v>8</v>
      </c>
      <c r="C14" s="6">
        <v>4</v>
      </c>
      <c r="D14" s="5">
        <v>12</v>
      </c>
    </row>
    <row r="15" spans="1:4" ht="18" customHeight="1" x14ac:dyDescent="0.15">
      <c r="A15" s="8">
        <v>9</v>
      </c>
      <c r="B15" s="21">
        <v>4</v>
      </c>
      <c r="C15" s="6">
        <v>5</v>
      </c>
      <c r="D15" s="5">
        <v>9</v>
      </c>
    </row>
    <row r="16" spans="1:4" ht="18" customHeight="1" x14ac:dyDescent="0.15">
      <c r="A16" s="8" t="s">
        <v>24</v>
      </c>
      <c r="B16" s="21">
        <v>20</v>
      </c>
      <c r="C16" s="6">
        <v>24</v>
      </c>
      <c r="D16" s="5">
        <v>44</v>
      </c>
    </row>
    <row r="17" spans="1:4" ht="18" customHeight="1" x14ac:dyDescent="0.15">
      <c r="A17" s="8">
        <v>10</v>
      </c>
      <c r="B17" s="21">
        <v>4</v>
      </c>
      <c r="C17" s="6">
        <v>6</v>
      </c>
      <c r="D17" s="5">
        <v>10</v>
      </c>
    </row>
    <row r="18" spans="1:4" ht="18" customHeight="1" x14ac:dyDescent="0.15">
      <c r="A18" s="8">
        <v>11</v>
      </c>
      <c r="B18" s="21">
        <v>2</v>
      </c>
      <c r="C18" s="6">
        <v>2</v>
      </c>
      <c r="D18" s="5">
        <v>4</v>
      </c>
    </row>
    <row r="19" spans="1:4" ht="18" customHeight="1" x14ac:dyDescent="0.15">
      <c r="A19" s="8">
        <v>12</v>
      </c>
      <c r="B19" s="21">
        <v>5</v>
      </c>
      <c r="C19" s="6">
        <v>3</v>
      </c>
      <c r="D19" s="5">
        <v>8</v>
      </c>
    </row>
    <row r="20" spans="1:4" ht="18" customHeight="1" x14ac:dyDescent="0.15">
      <c r="A20" s="8">
        <v>13</v>
      </c>
      <c r="B20" s="21">
        <v>2</v>
      </c>
      <c r="C20" s="6">
        <v>5</v>
      </c>
      <c r="D20" s="5">
        <v>7</v>
      </c>
    </row>
    <row r="21" spans="1:4" ht="18" customHeight="1" x14ac:dyDescent="0.15">
      <c r="A21" s="8">
        <v>14</v>
      </c>
      <c r="B21" s="21">
        <v>3</v>
      </c>
      <c r="C21" s="6">
        <v>3</v>
      </c>
      <c r="D21" s="5">
        <v>6</v>
      </c>
    </row>
    <row r="22" spans="1:4" ht="18" customHeight="1" x14ac:dyDescent="0.15">
      <c r="A22" s="8" t="s">
        <v>23</v>
      </c>
      <c r="B22" s="21">
        <v>16</v>
      </c>
      <c r="C22" s="6">
        <v>19</v>
      </c>
      <c r="D22" s="5">
        <v>35</v>
      </c>
    </row>
    <row r="23" spans="1:4" ht="18" customHeight="1" x14ac:dyDescent="0.15">
      <c r="A23" s="8" t="s">
        <v>22</v>
      </c>
      <c r="B23" s="21">
        <v>48</v>
      </c>
      <c r="C23" s="6">
        <v>55</v>
      </c>
      <c r="D23" s="5">
        <v>103</v>
      </c>
    </row>
    <row r="24" spans="1:4" ht="18" customHeight="1" x14ac:dyDescent="0.15">
      <c r="A24" s="8">
        <v>15</v>
      </c>
      <c r="B24" s="21">
        <v>3</v>
      </c>
      <c r="C24" s="6">
        <v>3</v>
      </c>
      <c r="D24" s="5">
        <v>6</v>
      </c>
    </row>
    <row r="25" spans="1:4" ht="18" customHeight="1" x14ac:dyDescent="0.15">
      <c r="A25" s="8">
        <v>16</v>
      </c>
      <c r="B25" s="21">
        <v>2</v>
      </c>
      <c r="C25" s="6">
        <v>3</v>
      </c>
      <c r="D25" s="5">
        <v>5</v>
      </c>
    </row>
    <row r="26" spans="1:4" ht="18" customHeight="1" x14ac:dyDescent="0.15">
      <c r="A26" s="8">
        <v>17</v>
      </c>
      <c r="B26" s="21">
        <v>4</v>
      </c>
      <c r="C26" s="6">
        <v>3</v>
      </c>
      <c r="D26" s="5">
        <v>7</v>
      </c>
    </row>
    <row r="27" spans="1:4" ht="18" customHeight="1" x14ac:dyDescent="0.15">
      <c r="A27" s="8">
        <v>18</v>
      </c>
      <c r="B27" s="21">
        <v>1</v>
      </c>
      <c r="C27" s="6">
        <v>6</v>
      </c>
      <c r="D27" s="5">
        <v>7</v>
      </c>
    </row>
    <row r="28" spans="1:4" ht="18" customHeight="1" x14ac:dyDescent="0.15">
      <c r="A28" s="8">
        <v>19</v>
      </c>
      <c r="B28" s="21">
        <v>11</v>
      </c>
      <c r="C28" s="6">
        <v>15</v>
      </c>
      <c r="D28" s="5">
        <v>26</v>
      </c>
    </row>
    <row r="29" spans="1:4" ht="18" customHeight="1" x14ac:dyDescent="0.15">
      <c r="A29" s="8" t="s">
        <v>21</v>
      </c>
      <c r="B29" s="21">
        <v>21</v>
      </c>
      <c r="C29" s="6">
        <v>30</v>
      </c>
      <c r="D29" s="5">
        <v>51</v>
      </c>
    </row>
    <row r="30" spans="1:4" ht="18" customHeight="1" x14ac:dyDescent="0.15">
      <c r="A30" s="8">
        <v>20</v>
      </c>
      <c r="B30" s="21">
        <v>16</v>
      </c>
      <c r="C30" s="6">
        <v>25</v>
      </c>
      <c r="D30" s="5">
        <v>41</v>
      </c>
    </row>
    <row r="31" spans="1:4" ht="18" customHeight="1" x14ac:dyDescent="0.15">
      <c r="A31" s="8">
        <v>21</v>
      </c>
      <c r="B31" s="21">
        <v>21</v>
      </c>
      <c r="C31" s="6">
        <v>23</v>
      </c>
      <c r="D31" s="5">
        <v>44</v>
      </c>
    </row>
    <row r="32" spans="1:4" ht="18" customHeight="1" x14ac:dyDescent="0.15">
      <c r="A32" s="8">
        <v>22</v>
      </c>
      <c r="B32" s="21">
        <v>29</v>
      </c>
      <c r="C32" s="6">
        <v>16</v>
      </c>
      <c r="D32" s="5">
        <v>45</v>
      </c>
    </row>
    <row r="33" spans="1:4" ht="18" customHeight="1" x14ac:dyDescent="0.15">
      <c r="A33" s="8">
        <v>23</v>
      </c>
      <c r="B33" s="21">
        <v>27</v>
      </c>
      <c r="C33" s="6">
        <v>29</v>
      </c>
      <c r="D33" s="5">
        <v>56</v>
      </c>
    </row>
    <row r="34" spans="1:4" ht="18" customHeight="1" x14ac:dyDescent="0.15">
      <c r="A34" s="8">
        <v>24</v>
      </c>
      <c r="B34" s="21">
        <v>35</v>
      </c>
      <c r="C34" s="6">
        <v>32</v>
      </c>
      <c r="D34" s="5">
        <v>67</v>
      </c>
    </row>
    <row r="35" spans="1:4" ht="18" customHeight="1" x14ac:dyDescent="0.15">
      <c r="A35" s="8" t="s">
        <v>20</v>
      </c>
      <c r="B35" s="21">
        <v>128</v>
      </c>
      <c r="C35" s="6">
        <v>125</v>
      </c>
      <c r="D35" s="5">
        <v>253</v>
      </c>
    </row>
    <row r="36" spans="1:4" ht="18" customHeight="1" x14ac:dyDescent="0.15">
      <c r="A36" s="8">
        <v>25</v>
      </c>
      <c r="B36" s="21">
        <v>27</v>
      </c>
      <c r="C36" s="6">
        <v>25</v>
      </c>
      <c r="D36" s="5">
        <v>52</v>
      </c>
    </row>
    <row r="37" spans="1:4" ht="18" customHeight="1" x14ac:dyDescent="0.15">
      <c r="A37" s="8">
        <v>26</v>
      </c>
      <c r="B37" s="21">
        <v>18</v>
      </c>
      <c r="C37" s="6">
        <v>16</v>
      </c>
      <c r="D37" s="5">
        <v>34</v>
      </c>
    </row>
    <row r="38" spans="1:4" ht="18" customHeight="1" x14ac:dyDescent="0.15">
      <c r="A38" s="8">
        <v>27</v>
      </c>
      <c r="B38" s="21">
        <v>11</v>
      </c>
      <c r="C38" s="6">
        <v>20</v>
      </c>
      <c r="D38" s="5">
        <v>31</v>
      </c>
    </row>
    <row r="39" spans="1:4" ht="18" customHeight="1" x14ac:dyDescent="0.15">
      <c r="A39" s="8">
        <v>28</v>
      </c>
      <c r="B39" s="21">
        <v>13</v>
      </c>
      <c r="C39" s="6">
        <v>13</v>
      </c>
      <c r="D39" s="5">
        <v>26</v>
      </c>
    </row>
    <row r="40" spans="1:4" ht="18" customHeight="1" x14ac:dyDescent="0.15">
      <c r="A40" s="8">
        <v>29</v>
      </c>
      <c r="B40" s="21">
        <v>13</v>
      </c>
      <c r="C40" s="6">
        <v>11</v>
      </c>
      <c r="D40" s="5">
        <v>24</v>
      </c>
    </row>
    <row r="41" spans="1:4" ht="18" customHeight="1" x14ac:dyDescent="0.15">
      <c r="A41" s="8" t="s">
        <v>19</v>
      </c>
      <c r="B41" s="21">
        <v>82</v>
      </c>
      <c r="C41" s="6">
        <v>85</v>
      </c>
      <c r="D41" s="5">
        <v>167</v>
      </c>
    </row>
    <row r="42" spans="1:4" ht="18" customHeight="1" x14ac:dyDescent="0.15">
      <c r="A42" s="8">
        <v>30</v>
      </c>
      <c r="B42" s="21">
        <v>15</v>
      </c>
      <c r="C42" s="6">
        <v>6</v>
      </c>
      <c r="D42" s="5">
        <v>21</v>
      </c>
    </row>
    <row r="43" spans="1:4" ht="18" customHeight="1" x14ac:dyDescent="0.15">
      <c r="A43" s="8">
        <v>31</v>
      </c>
      <c r="B43" s="21">
        <v>5</v>
      </c>
      <c r="C43" s="6">
        <v>6</v>
      </c>
      <c r="D43" s="5">
        <v>11</v>
      </c>
    </row>
    <row r="44" spans="1:4" ht="18" customHeight="1" x14ac:dyDescent="0.15">
      <c r="A44" s="8">
        <v>32</v>
      </c>
      <c r="B44" s="21">
        <v>9</v>
      </c>
      <c r="C44" s="6">
        <v>12</v>
      </c>
      <c r="D44" s="5">
        <v>21</v>
      </c>
    </row>
    <row r="45" spans="1:4" ht="18" customHeight="1" x14ac:dyDescent="0.15">
      <c r="A45" s="8">
        <v>33</v>
      </c>
      <c r="B45" s="21">
        <v>5</v>
      </c>
      <c r="C45" s="6">
        <v>8</v>
      </c>
      <c r="D45" s="5">
        <v>13</v>
      </c>
    </row>
    <row r="46" spans="1:4" ht="18" customHeight="1" x14ac:dyDescent="0.15">
      <c r="A46" s="8">
        <v>34</v>
      </c>
      <c r="B46" s="21">
        <v>6</v>
      </c>
      <c r="C46" s="6">
        <v>9</v>
      </c>
      <c r="D46" s="5">
        <v>15</v>
      </c>
    </row>
    <row r="47" spans="1:4" ht="18" customHeight="1" x14ac:dyDescent="0.15">
      <c r="A47" s="8" t="s">
        <v>18</v>
      </c>
      <c r="B47" s="21">
        <v>40</v>
      </c>
      <c r="C47" s="6">
        <v>41</v>
      </c>
      <c r="D47" s="5">
        <v>81</v>
      </c>
    </row>
    <row r="48" spans="1:4" ht="18" customHeight="1" x14ac:dyDescent="0.15">
      <c r="A48" s="8">
        <v>35</v>
      </c>
      <c r="B48" s="21">
        <v>8</v>
      </c>
      <c r="C48" s="6">
        <v>7</v>
      </c>
      <c r="D48" s="5">
        <v>15</v>
      </c>
    </row>
    <row r="49" spans="1:4" ht="18" customHeight="1" x14ac:dyDescent="0.15">
      <c r="A49" s="8">
        <v>36</v>
      </c>
      <c r="B49" s="21">
        <v>15</v>
      </c>
      <c r="C49" s="6">
        <v>5</v>
      </c>
      <c r="D49" s="5">
        <v>20</v>
      </c>
    </row>
    <row r="50" spans="1:4" ht="18" customHeight="1" x14ac:dyDescent="0.15">
      <c r="A50" s="8">
        <v>37</v>
      </c>
      <c r="B50" s="21">
        <v>7</v>
      </c>
      <c r="C50" s="6">
        <v>6</v>
      </c>
      <c r="D50" s="5">
        <v>13</v>
      </c>
    </row>
    <row r="51" spans="1:4" ht="18" customHeight="1" x14ac:dyDescent="0.15">
      <c r="A51" s="8">
        <v>38</v>
      </c>
      <c r="B51" s="21">
        <v>9</v>
      </c>
      <c r="C51" s="6">
        <v>4</v>
      </c>
      <c r="D51" s="5">
        <v>13</v>
      </c>
    </row>
    <row r="52" spans="1:4" ht="18" customHeight="1" x14ac:dyDescent="0.15">
      <c r="A52" s="8">
        <v>39</v>
      </c>
      <c r="B52" s="21">
        <v>9</v>
      </c>
      <c r="C52" s="6">
        <v>7</v>
      </c>
      <c r="D52" s="5">
        <v>16</v>
      </c>
    </row>
    <row r="53" spans="1:4" ht="18" customHeight="1" x14ac:dyDescent="0.15">
      <c r="A53" s="8" t="s">
        <v>17</v>
      </c>
      <c r="B53" s="21">
        <v>48</v>
      </c>
      <c r="C53" s="6">
        <v>29</v>
      </c>
      <c r="D53" s="5">
        <v>77</v>
      </c>
    </row>
    <row r="54" spans="1:4" ht="18" customHeight="1" x14ac:dyDescent="0.15">
      <c r="A54" s="8">
        <v>40</v>
      </c>
      <c r="B54" s="21">
        <v>7</v>
      </c>
      <c r="C54" s="6">
        <v>6</v>
      </c>
      <c r="D54" s="5">
        <v>13</v>
      </c>
    </row>
    <row r="55" spans="1:4" ht="18" customHeight="1" x14ac:dyDescent="0.15">
      <c r="A55" s="8">
        <v>41</v>
      </c>
      <c r="B55" s="21">
        <v>8</v>
      </c>
      <c r="C55" s="6">
        <v>5</v>
      </c>
      <c r="D55" s="5">
        <v>13</v>
      </c>
    </row>
    <row r="56" spans="1:4" ht="18" customHeight="1" x14ac:dyDescent="0.15">
      <c r="A56" s="8">
        <v>42</v>
      </c>
      <c r="B56" s="21">
        <v>12</v>
      </c>
      <c r="C56" s="6">
        <v>2</v>
      </c>
      <c r="D56" s="5">
        <v>14</v>
      </c>
    </row>
    <row r="57" spans="1:4" ht="18" customHeight="1" x14ac:dyDescent="0.15">
      <c r="A57" s="8">
        <v>43</v>
      </c>
      <c r="B57" s="21">
        <v>7</v>
      </c>
      <c r="C57" s="6">
        <v>6</v>
      </c>
      <c r="D57" s="5">
        <v>13</v>
      </c>
    </row>
    <row r="58" spans="1:4" ht="18" customHeight="1" x14ac:dyDescent="0.15">
      <c r="A58" s="8">
        <v>44</v>
      </c>
      <c r="B58" s="21">
        <v>14</v>
      </c>
      <c r="C58" s="6">
        <v>3</v>
      </c>
      <c r="D58" s="5">
        <v>17</v>
      </c>
    </row>
    <row r="59" spans="1:4" ht="18" customHeight="1" x14ac:dyDescent="0.15">
      <c r="A59" s="8" t="s">
        <v>16</v>
      </c>
      <c r="B59" s="21">
        <v>48</v>
      </c>
      <c r="C59" s="6">
        <v>22</v>
      </c>
      <c r="D59" s="5">
        <v>70</v>
      </c>
    </row>
    <row r="60" spans="1:4" ht="18" customHeight="1" x14ac:dyDescent="0.15">
      <c r="A60" s="8">
        <v>45</v>
      </c>
      <c r="B60" s="21">
        <v>11</v>
      </c>
      <c r="C60" s="6">
        <v>7</v>
      </c>
      <c r="D60" s="5">
        <v>18</v>
      </c>
    </row>
    <row r="61" spans="1:4" ht="18" customHeight="1" x14ac:dyDescent="0.15">
      <c r="A61" s="8">
        <v>46</v>
      </c>
      <c r="B61" s="21">
        <v>7</v>
      </c>
      <c r="C61" s="6">
        <v>6</v>
      </c>
      <c r="D61" s="5">
        <v>13</v>
      </c>
    </row>
    <row r="62" spans="1:4" ht="18" customHeight="1" x14ac:dyDescent="0.15">
      <c r="A62" s="8">
        <v>47</v>
      </c>
      <c r="B62" s="21">
        <v>9</v>
      </c>
      <c r="C62" s="6">
        <v>8</v>
      </c>
      <c r="D62" s="5">
        <v>17</v>
      </c>
    </row>
    <row r="63" spans="1:4" ht="18" customHeight="1" x14ac:dyDescent="0.15">
      <c r="A63" s="8">
        <v>48</v>
      </c>
      <c r="B63" s="21">
        <v>12</v>
      </c>
      <c r="C63" s="6">
        <v>10</v>
      </c>
      <c r="D63" s="5">
        <v>22</v>
      </c>
    </row>
    <row r="64" spans="1:4" ht="18" customHeight="1" x14ac:dyDescent="0.15">
      <c r="A64" s="8">
        <v>49</v>
      </c>
      <c r="B64" s="21">
        <v>13</v>
      </c>
      <c r="C64" s="6">
        <v>16</v>
      </c>
      <c r="D64" s="5">
        <v>29</v>
      </c>
    </row>
    <row r="65" spans="1:4" ht="18" customHeight="1" x14ac:dyDescent="0.15">
      <c r="A65" s="8" t="s">
        <v>15</v>
      </c>
      <c r="B65" s="21">
        <v>52</v>
      </c>
      <c r="C65" s="6">
        <v>47</v>
      </c>
      <c r="D65" s="5">
        <v>99</v>
      </c>
    </row>
    <row r="66" spans="1:4" ht="18" customHeight="1" x14ac:dyDescent="0.15">
      <c r="A66" s="8">
        <v>50</v>
      </c>
      <c r="B66" s="21">
        <v>13</v>
      </c>
      <c r="C66" s="6">
        <v>9</v>
      </c>
      <c r="D66" s="5">
        <v>22</v>
      </c>
    </row>
    <row r="67" spans="1:4" ht="18" customHeight="1" x14ac:dyDescent="0.15">
      <c r="A67" s="8">
        <v>51</v>
      </c>
      <c r="B67" s="21">
        <v>18</v>
      </c>
      <c r="C67" s="6">
        <v>9</v>
      </c>
      <c r="D67" s="5">
        <v>27</v>
      </c>
    </row>
    <row r="68" spans="1:4" ht="18" customHeight="1" x14ac:dyDescent="0.15">
      <c r="A68" s="8">
        <v>52</v>
      </c>
      <c r="B68" s="21">
        <v>18</v>
      </c>
      <c r="C68" s="6">
        <v>12</v>
      </c>
      <c r="D68" s="5">
        <v>30</v>
      </c>
    </row>
    <row r="69" spans="1:4" ht="18" customHeight="1" x14ac:dyDescent="0.15">
      <c r="A69" s="8">
        <v>53</v>
      </c>
      <c r="B69" s="21">
        <v>5</v>
      </c>
      <c r="C69" s="6">
        <v>8</v>
      </c>
      <c r="D69" s="5">
        <v>13</v>
      </c>
    </row>
    <row r="70" spans="1:4" ht="18" customHeight="1" x14ac:dyDescent="0.15">
      <c r="A70" s="8">
        <v>54</v>
      </c>
      <c r="B70" s="21">
        <v>11</v>
      </c>
      <c r="C70" s="6">
        <v>7</v>
      </c>
      <c r="D70" s="5">
        <v>18</v>
      </c>
    </row>
    <row r="71" spans="1:4" ht="18" customHeight="1" x14ac:dyDescent="0.15">
      <c r="A71" s="8" t="s">
        <v>14</v>
      </c>
      <c r="B71" s="21">
        <v>65</v>
      </c>
      <c r="C71" s="6">
        <v>45</v>
      </c>
      <c r="D71" s="5">
        <v>110</v>
      </c>
    </row>
    <row r="72" spans="1:4" ht="18" customHeight="1" x14ac:dyDescent="0.15">
      <c r="A72" s="8">
        <v>55</v>
      </c>
      <c r="B72" s="21">
        <v>9</v>
      </c>
      <c r="C72" s="6">
        <v>11</v>
      </c>
      <c r="D72" s="5">
        <v>20</v>
      </c>
    </row>
    <row r="73" spans="1:4" ht="18" customHeight="1" x14ac:dyDescent="0.15">
      <c r="A73" s="8">
        <v>56</v>
      </c>
      <c r="B73" s="21">
        <v>14</v>
      </c>
      <c r="C73" s="6">
        <v>10</v>
      </c>
      <c r="D73" s="5">
        <v>24</v>
      </c>
    </row>
    <row r="74" spans="1:4" ht="18" customHeight="1" x14ac:dyDescent="0.15">
      <c r="A74" s="8">
        <v>57</v>
      </c>
      <c r="B74" s="21">
        <v>10</v>
      </c>
      <c r="C74" s="6">
        <v>10</v>
      </c>
      <c r="D74" s="5">
        <v>20</v>
      </c>
    </row>
    <row r="75" spans="1:4" ht="18" customHeight="1" x14ac:dyDescent="0.15">
      <c r="A75" s="8">
        <v>58</v>
      </c>
      <c r="B75" s="21">
        <v>11</v>
      </c>
      <c r="C75" s="6">
        <v>9</v>
      </c>
      <c r="D75" s="5">
        <v>20</v>
      </c>
    </row>
    <row r="76" spans="1:4" ht="18" customHeight="1" x14ac:dyDescent="0.15">
      <c r="A76" s="8">
        <v>59</v>
      </c>
      <c r="B76" s="21">
        <v>12</v>
      </c>
      <c r="C76" s="6">
        <v>6</v>
      </c>
      <c r="D76" s="5">
        <v>18</v>
      </c>
    </row>
    <row r="77" spans="1:4" ht="18" customHeight="1" x14ac:dyDescent="0.15">
      <c r="A77" s="8" t="s">
        <v>13</v>
      </c>
      <c r="B77" s="21">
        <v>56</v>
      </c>
      <c r="C77" s="6">
        <v>46</v>
      </c>
      <c r="D77" s="5">
        <v>102</v>
      </c>
    </row>
    <row r="78" spans="1:4" ht="18" customHeight="1" x14ac:dyDescent="0.15">
      <c r="A78" s="8">
        <v>60</v>
      </c>
      <c r="B78" s="21">
        <v>15</v>
      </c>
      <c r="C78" s="6">
        <v>8</v>
      </c>
      <c r="D78" s="5">
        <v>23</v>
      </c>
    </row>
    <row r="79" spans="1:4" ht="18" customHeight="1" x14ac:dyDescent="0.15">
      <c r="A79" s="8">
        <v>61</v>
      </c>
      <c r="B79" s="21">
        <v>10</v>
      </c>
      <c r="C79" s="6">
        <v>10</v>
      </c>
      <c r="D79" s="5">
        <v>20</v>
      </c>
    </row>
    <row r="80" spans="1:4" ht="18" customHeight="1" x14ac:dyDescent="0.15">
      <c r="A80" s="8">
        <v>62</v>
      </c>
      <c r="B80" s="21">
        <v>5</v>
      </c>
      <c r="C80" s="6">
        <v>11</v>
      </c>
      <c r="D80" s="5">
        <v>16</v>
      </c>
    </row>
    <row r="81" spans="1:4" ht="18" customHeight="1" x14ac:dyDescent="0.15">
      <c r="A81" s="8">
        <v>63</v>
      </c>
      <c r="B81" s="21">
        <v>6</v>
      </c>
      <c r="C81" s="6">
        <v>12</v>
      </c>
      <c r="D81" s="5">
        <v>18</v>
      </c>
    </row>
    <row r="82" spans="1:4" ht="18" customHeight="1" x14ac:dyDescent="0.15">
      <c r="A82" s="8">
        <v>64</v>
      </c>
      <c r="B82" s="21">
        <v>15</v>
      </c>
      <c r="C82" s="6">
        <v>11</v>
      </c>
      <c r="D82" s="5">
        <v>26</v>
      </c>
    </row>
    <row r="83" spans="1:4" ht="18" customHeight="1" x14ac:dyDescent="0.15">
      <c r="A83" s="8" t="s">
        <v>12</v>
      </c>
      <c r="B83" s="21">
        <v>51</v>
      </c>
      <c r="C83" s="6">
        <v>52</v>
      </c>
      <c r="D83" s="5">
        <v>103</v>
      </c>
    </row>
    <row r="84" spans="1:4" ht="18" customHeight="1" x14ac:dyDescent="0.15">
      <c r="A84" s="8" t="s">
        <v>11</v>
      </c>
      <c r="B84" s="21">
        <v>591</v>
      </c>
      <c r="C84" s="6">
        <v>522</v>
      </c>
      <c r="D84" s="5">
        <v>1113</v>
      </c>
    </row>
    <row r="85" spans="1:4" ht="18" customHeight="1" x14ac:dyDescent="0.15">
      <c r="A85" s="8">
        <v>65</v>
      </c>
      <c r="B85" s="21">
        <v>9</v>
      </c>
      <c r="C85" s="6">
        <v>8</v>
      </c>
      <c r="D85" s="5">
        <v>17</v>
      </c>
    </row>
    <row r="86" spans="1:4" ht="18" customHeight="1" x14ac:dyDescent="0.15">
      <c r="A86" s="8">
        <v>66</v>
      </c>
      <c r="B86" s="21">
        <v>4</v>
      </c>
      <c r="C86" s="6">
        <v>7</v>
      </c>
      <c r="D86" s="5">
        <v>11</v>
      </c>
    </row>
    <row r="87" spans="1:4" ht="18" customHeight="1" x14ac:dyDescent="0.15">
      <c r="A87" s="8">
        <v>67</v>
      </c>
      <c r="B87" s="21">
        <v>9</v>
      </c>
      <c r="C87" s="6">
        <v>3</v>
      </c>
      <c r="D87" s="5">
        <v>12</v>
      </c>
    </row>
    <row r="88" spans="1:4" ht="18" customHeight="1" x14ac:dyDescent="0.15">
      <c r="A88" s="8">
        <v>68</v>
      </c>
      <c r="B88" s="21">
        <v>8</v>
      </c>
      <c r="C88" s="6">
        <v>11</v>
      </c>
      <c r="D88" s="5">
        <v>19</v>
      </c>
    </row>
    <row r="89" spans="1:4" ht="18" customHeight="1" x14ac:dyDescent="0.15">
      <c r="A89" s="8">
        <v>69</v>
      </c>
      <c r="B89" s="21">
        <v>10</v>
      </c>
      <c r="C89" s="6">
        <v>7</v>
      </c>
      <c r="D89" s="5">
        <v>17</v>
      </c>
    </row>
    <row r="90" spans="1:4" ht="18" customHeight="1" x14ac:dyDescent="0.15">
      <c r="A90" s="8" t="s">
        <v>10</v>
      </c>
      <c r="B90" s="21">
        <v>40</v>
      </c>
      <c r="C90" s="6">
        <v>36</v>
      </c>
      <c r="D90" s="5">
        <v>76</v>
      </c>
    </row>
    <row r="91" spans="1:4" ht="18" customHeight="1" x14ac:dyDescent="0.15">
      <c r="A91" s="8">
        <v>70</v>
      </c>
      <c r="B91" s="21">
        <v>10</v>
      </c>
      <c r="C91" s="6">
        <v>6</v>
      </c>
      <c r="D91" s="5">
        <v>16</v>
      </c>
    </row>
    <row r="92" spans="1:4" ht="18" customHeight="1" x14ac:dyDescent="0.15">
      <c r="A92" s="8">
        <v>71</v>
      </c>
      <c r="B92" s="21">
        <v>8</v>
      </c>
      <c r="C92" s="6">
        <v>13</v>
      </c>
      <c r="D92" s="5">
        <v>21</v>
      </c>
    </row>
    <row r="93" spans="1:4" ht="18" customHeight="1" x14ac:dyDescent="0.15">
      <c r="A93" s="8">
        <v>72</v>
      </c>
      <c r="B93" s="21">
        <v>7</v>
      </c>
      <c r="C93" s="6">
        <v>10</v>
      </c>
      <c r="D93" s="5">
        <v>17</v>
      </c>
    </row>
    <row r="94" spans="1:4" ht="18" customHeight="1" x14ac:dyDescent="0.15">
      <c r="A94" s="8">
        <v>73</v>
      </c>
      <c r="B94" s="21">
        <v>7</v>
      </c>
      <c r="C94" s="6">
        <v>8</v>
      </c>
      <c r="D94" s="5">
        <v>15</v>
      </c>
    </row>
    <row r="95" spans="1:4" ht="18" customHeight="1" x14ac:dyDescent="0.15">
      <c r="A95" s="8">
        <v>74</v>
      </c>
      <c r="B95" s="21">
        <v>10</v>
      </c>
      <c r="C95" s="6">
        <v>8</v>
      </c>
      <c r="D95" s="5">
        <v>18</v>
      </c>
    </row>
    <row r="96" spans="1:4" ht="18" customHeight="1" x14ac:dyDescent="0.15">
      <c r="A96" s="8" t="s">
        <v>9</v>
      </c>
      <c r="B96" s="21">
        <v>42</v>
      </c>
      <c r="C96" s="6">
        <v>45</v>
      </c>
      <c r="D96" s="5">
        <v>87</v>
      </c>
    </row>
    <row r="97" spans="1:4" ht="18" customHeight="1" x14ac:dyDescent="0.15">
      <c r="A97" s="8">
        <v>75</v>
      </c>
      <c r="B97" s="21">
        <v>13</v>
      </c>
      <c r="C97" s="6">
        <v>22</v>
      </c>
      <c r="D97" s="5">
        <v>35</v>
      </c>
    </row>
    <row r="98" spans="1:4" ht="18" customHeight="1" x14ac:dyDescent="0.15">
      <c r="A98" s="8">
        <v>76</v>
      </c>
      <c r="B98" s="21">
        <v>12</v>
      </c>
      <c r="C98" s="6">
        <v>17</v>
      </c>
      <c r="D98" s="5">
        <v>29</v>
      </c>
    </row>
    <row r="99" spans="1:4" ht="18" customHeight="1" x14ac:dyDescent="0.15">
      <c r="A99" s="8">
        <v>77</v>
      </c>
      <c r="B99" s="21">
        <v>16</v>
      </c>
      <c r="C99" s="6">
        <v>18</v>
      </c>
      <c r="D99" s="5">
        <v>34</v>
      </c>
    </row>
    <row r="100" spans="1:4" ht="18" customHeight="1" x14ac:dyDescent="0.15">
      <c r="A100" s="8">
        <v>78</v>
      </c>
      <c r="B100" s="21">
        <v>14</v>
      </c>
      <c r="C100" s="6">
        <v>11</v>
      </c>
      <c r="D100" s="5">
        <v>25</v>
      </c>
    </row>
    <row r="101" spans="1:4" ht="18" customHeight="1" x14ac:dyDescent="0.15">
      <c r="A101" s="8">
        <v>79</v>
      </c>
      <c r="B101" s="21">
        <v>4</v>
      </c>
      <c r="C101" s="6">
        <v>11</v>
      </c>
      <c r="D101" s="5">
        <v>15</v>
      </c>
    </row>
    <row r="102" spans="1:4" ht="18" customHeight="1" x14ac:dyDescent="0.15">
      <c r="A102" s="8" t="s">
        <v>8</v>
      </c>
      <c r="B102" s="21">
        <v>59</v>
      </c>
      <c r="C102" s="6">
        <v>79</v>
      </c>
      <c r="D102" s="5">
        <v>138</v>
      </c>
    </row>
    <row r="103" spans="1:4" ht="18" customHeight="1" x14ac:dyDescent="0.15">
      <c r="A103" s="8">
        <v>80</v>
      </c>
      <c r="B103" s="21">
        <v>4</v>
      </c>
      <c r="C103" s="6">
        <v>5</v>
      </c>
      <c r="D103" s="5">
        <v>9</v>
      </c>
    </row>
    <row r="104" spans="1:4" ht="18" customHeight="1" x14ac:dyDescent="0.15">
      <c r="A104" s="8">
        <v>81</v>
      </c>
      <c r="B104" s="21">
        <v>7</v>
      </c>
      <c r="C104" s="6">
        <v>13</v>
      </c>
      <c r="D104" s="5">
        <v>20</v>
      </c>
    </row>
    <row r="105" spans="1:4" ht="18" customHeight="1" x14ac:dyDescent="0.15">
      <c r="A105" s="8">
        <v>82</v>
      </c>
      <c r="B105" s="21">
        <v>10</v>
      </c>
      <c r="C105" s="6">
        <v>4</v>
      </c>
      <c r="D105" s="5">
        <v>14</v>
      </c>
    </row>
    <row r="106" spans="1:4" ht="18" customHeight="1" x14ac:dyDescent="0.15">
      <c r="A106" s="8">
        <v>83</v>
      </c>
      <c r="B106" s="21">
        <v>5</v>
      </c>
      <c r="C106" s="6">
        <v>6</v>
      </c>
      <c r="D106" s="5">
        <v>11</v>
      </c>
    </row>
    <row r="107" spans="1:4" ht="18" customHeight="1" x14ac:dyDescent="0.15">
      <c r="A107" s="8">
        <v>84</v>
      </c>
      <c r="B107" s="21">
        <v>4</v>
      </c>
      <c r="C107" s="6">
        <v>6</v>
      </c>
      <c r="D107" s="5">
        <v>10</v>
      </c>
    </row>
    <row r="108" spans="1:4" ht="18" customHeight="1" x14ac:dyDescent="0.15">
      <c r="A108" s="8" t="s">
        <v>7</v>
      </c>
      <c r="B108" s="21">
        <v>30</v>
      </c>
      <c r="C108" s="6">
        <v>34</v>
      </c>
      <c r="D108" s="5">
        <v>64</v>
      </c>
    </row>
    <row r="109" spans="1:4" ht="18" customHeight="1" x14ac:dyDescent="0.15">
      <c r="A109" s="8">
        <v>85</v>
      </c>
      <c r="B109" s="21">
        <v>5</v>
      </c>
      <c r="C109" s="6">
        <v>9</v>
      </c>
      <c r="D109" s="5">
        <v>14</v>
      </c>
    </row>
    <row r="110" spans="1:4" ht="18" customHeight="1" x14ac:dyDescent="0.15">
      <c r="A110" s="8">
        <v>86</v>
      </c>
      <c r="B110" s="21">
        <v>2</v>
      </c>
      <c r="C110" s="6">
        <v>6</v>
      </c>
      <c r="D110" s="5">
        <v>8</v>
      </c>
    </row>
    <row r="111" spans="1:4" ht="18" customHeight="1" x14ac:dyDescent="0.15">
      <c r="A111" s="8">
        <v>87</v>
      </c>
      <c r="B111" s="21">
        <v>4</v>
      </c>
      <c r="C111" s="6">
        <v>5</v>
      </c>
      <c r="D111" s="5">
        <v>9</v>
      </c>
    </row>
    <row r="112" spans="1:4" ht="18" customHeight="1" x14ac:dyDescent="0.15">
      <c r="A112" s="8">
        <v>88</v>
      </c>
      <c r="B112" s="21">
        <v>2</v>
      </c>
      <c r="C112" s="6">
        <v>4</v>
      </c>
      <c r="D112" s="5">
        <v>6</v>
      </c>
    </row>
    <row r="113" spans="1:4" ht="18" customHeight="1" x14ac:dyDescent="0.15">
      <c r="A113" s="8">
        <v>89</v>
      </c>
      <c r="B113" s="21">
        <v>1</v>
      </c>
      <c r="C113" s="6">
        <v>7</v>
      </c>
      <c r="D113" s="5">
        <v>8</v>
      </c>
    </row>
    <row r="114" spans="1:4" ht="18" customHeight="1" x14ac:dyDescent="0.15">
      <c r="A114" s="8" t="s">
        <v>6</v>
      </c>
      <c r="B114" s="21">
        <v>14</v>
      </c>
      <c r="C114" s="6">
        <v>31</v>
      </c>
      <c r="D114" s="5">
        <v>45</v>
      </c>
    </row>
    <row r="115" spans="1:4" ht="18" customHeight="1" x14ac:dyDescent="0.15">
      <c r="A115" s="8">
        <v>90</v>
      </c>
      <c r="B115" s="21">
        <v>3</v>
      </c>
      <c r="C115" s="6">
        <v>5</v>
      </c>
      <c r="D115" s="5">
        <v>8</v>
      </c>
    </row>
    <row r="116" spans="1:4" ht="18" customHeight="1" x14ac:dyDescent="0.15">
      <c r="A116" s="8">
        <v>91</v>
      </c>
      <c r="B116" s="21">
        <v>3</v>
      </c>
      <c r="C116" s="6">
        <v>1</v>
      </c>
      <c r="D116" s="5">
        <v>4</v>
      </c>
    </row>
    <row r="117" spans="1:4" ht="18" customHeight="1" x14ac:dyDescent="0.15">
      <c r="A117" s="8">
        <v>92</v>
      </c>
      <c r="B117" s="21">
        <v>0</v>
      </c>
      <c r="C117" s="6">
        <v>5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6</v>
      </c>
      <c r="D119" s="5">
        <v>6</v>
      </c>
    </row>
    <row r="120" spans="1:4" ht="18" customHeight="1" x14ac:dyDescent="0.15">
      <c r="A120" s="8" t="s">
        <v>5</v>
      </c>
      <c r="B120" s="21">
        <v>6</v>
      </c>
      <c r="C120" s="6">
        <v>20</v>
      </c>
      <c r="D120" s="5">
        <v>26</v>
      </c>
    </row>
    <row r="121" spans="1:4" ht="18" customHeight="1" x14ac:dyDescent="0.15">
      <c r="A121" s="8">
        <v>95</v>
      </c>
      <c r="B121" s="21">
        <v>2</v>
      </c>
      <c r="C121" s="6">
        <v>1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7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95</v>
      </c>
      <c r="C130" s="6">
        <v>252</v>
      </c>
      <c r="D130" s="5">
        <v>447</v>
      </c>
    </row>
    <row r="131" spans="1:4" ht="18" customHeight="1" x14ac:dyDescent="0.15">
      <c r="A131" s="4" t="s">
        <v>0</v>
      </c>
      <c r="B131" s="20">
        <v>834</v>
      </c>
      <c r="C131" s="2">
        <v>829</v>
      </c>
      <c r="D131" s="1">
        <v>16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E1E808-2105-40E8-BC17-F78B5814EB22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0</v>
      </c>
      <c r="C5" s="11">
        <v>6</v>
      </c>
      <c r="D5" s="10">
        <v>16</v>
      </c>
    </row>
    <row r="6" spans="1:4" ht="18" customHeight="1" x14ac:dyDescent="0.15">
      <c r="A6" s="8">
        <v>1</v>
      </c>
      <c r="B6" s="21">
        <v>11</v>
      </c>
      <c r="C6" s="6">
        <v>5</v>
      </c>
      <c r="D6" s="5">
        <v>16</v>
      </c>
    </row>
    <row r="7" spans="1:4" ht="18" customHeight="1" x14ac:dyDescent="0.15">
      <c r="A7" s="8">
        <v>2</v>
      </c>
      <c r="B7" s="21">
        <v>5</v>
      </c>
      <c r="C7" s="6">
        <v>8</v>
      </c>
      <c r="D7" s="5">
        <v>13</v>
      </c>
    </row>
    <row r="8" spans="1:4" ht="18" customHeight="1" x14ac:dyDescent="0.15">
      <c r="A8" s="8">
        <v>3</v>
      </c>
      <c r="B8" s="21">
        <v>13</v>
      </c>
      <c r="C8" s="6">
        <v>7</v>
      </c>
      <c r="D8" s="5">
        <v>20</v>
      </c>
    </row>
    <row r="9" spans="1:4" ht="18" customHeight="1" x14ac:dyDescent="0.15">
      <c r="A9" s="8">
        <v>4</v>
      </c>
      <c r="B9" s="21">
        <v>11</v>
      </c>
      <c r="C9" s="6">
        <v>7</v>
      </c>
      <c r="D9" s="5">
        <v>18</v>
      </c>
    </row>
    <row r="10" spans="1:4" ht="18" customHeight="1" x14ac:dyDescent="0.15">
      <c r="A10" s="8" t="s">
        <v>25</v>
      </c>
      <c r="B10" s="21">
        <v>50</v>
      </c>
      <c r="C10" s="6">
        <v>33</v>
      </c>
      <c r="D10" s="5">
        <v>83</v>
      </c>
    </row>
    <row r="11" spans="1:4" ht="18" customHeight="1" x14ac:dyDescent="0.15">
      <c r="A11" s="8">
        <v>5</v>
      </c>
      <c r="B11" s="21">
        <v>7</v>
      </c>
      <c r="C11" s="6">
        <v>10</v>
      </c>
      <c r="D11" s="5">
        <v>17</v>
      </c>
    </row>
    <row r="12" spans="1:4" ht="18" customHeight="1" x14ac:dyDescent="0.15">
      <c r="A12" s="8">
        <v>6</v>
      </c>
      <c r="B12" s="21">
        <v>7</v>
      </c>
      <c r="C12" s="6">
        <v>13</v>
      </c>
      <c r="D12" s="5">
        <v>20</v>
      </c>
    </row>
    <row r="13" spans="1:4" ht="18" customHeight="1" x14ac:dyDescent="0.15">
      <c r="A13" s="8">
        <v>7</v>
      </c>
      <c r="B13" s="21">
        <v>16</v>
      </c>
      <c r="C13" s="6">
        <v>12</v>
      </c>
      <c r="D13" s="5">
        <v>28</v>
      </c>
    </row>
    <row r="14" spans="1:4" ht="18" customHeight="1" x14ac:dyDescent="0.15">
      <c r="A14" s="8">
        <v>8</v>
      </c>
      <c r="B14" s="21">
        <v>9</v>
      </c>
      <c r="C14" s="6">
        <v>16</v>
      </c>
      <c r="D14" s="5">
        <v>25</v>
      </c>
    </row>
    <row r="15" spans="1:4" ht="18" customHeight="1" x14ac:dyDescent="0.15">
      <c r="A15" s="8">
        <v>9</v>
      </c>
      <c r="B15" s="21">
        <v>15</v>
      </c>
      <c r="C15" s="6">
        <v>7</v>
      </c>
      <c r="D15" s="5">
        <v>22</v>
      </c>
    </row>
    <row r="16" spans="1:4" ht="18" customHeight="1" x14ac:dyDescent="0.15">
      <c r="A16" s="8" t="s">
        <v>24</v>
      </c>
      <c r="B16" s="21">
        <v>54</v>
      </c>
      <c r="C16" s="6">
        <v>58</v>
      </c>
      <c r="D16" s="5">
        <v>112</v>
      </c>
    </row>
    <row r="17" spans="1:4" ht="18" customHeight="1" x14ac:dyDescent="0.15">
      <c r="A17" s="8">
        <v>10</v>
      </c>
      <c r="B17" s="21">
        <v>14</v>
      </c>
      <c r="C17" s="6">
        <v>20</v>
      </c>
      <c r="D17" s="5">
        <v>34</v>
      </c>
    </row>
    <row r="18" spans="1:4" ht="18" customHeight="1" x14ac:dyDescent="0.15">
      <c r="A18" s="8">
        <v>11</v>
      </c>
      <c r="B18" s="21">
        <v>7</v>
      </c>
      <c r="C18" s="6">
        <v>17</v>
      </c>
      <c r="D18" s="5">
        <v>24</v>
      </c>
    </row>
    <row r="19" spans="1:4" ht="18" customHeight="1" x14ac:dyDescent="0.15">
      <c r="A19" s="8">
        <v>12</v>
      </c>
      <c r="B19" s="21">
        <v>15</v>
      </c>
      <c r="C19" s="6">
        <v>9</v>
      </c>
      <c r="D19" s="5">
        <v>24</v>
      </c>
    </row>
    <row r="20" spans="1:4" ht="18" customHeight="1" x14ac:dyDescent="0.15">
      <c r="A20" s="8">
        <v>13</v>
      </c>
      <c r="B20" s="21">
        <v>18</v>
      </c>
      <c r="C20" s="6">
        <v>9</v>
      </c>
      <c r="D20" s="5">
        <v>27</v>
      </c>
    </row>
    <row r="21" spans="1:4" ht="18" customHeight="1" x14ac:dyDescent="0.15">
      <c r="A21" s="8">
        <v>14</v>
      </c>
      <c r="B21" s="21">
        <v>10</v>
      </c>
      <c r="C21" s="6">
        <v>12</v>
      </c>
      <c r="D21" s="5">
        <v>22</v>
      </c>
    </row>
    <row r="22" spans="1:4" ht="18" customHeight="1" x14ac:dyDescent="0.15">
      <c r="A22" s="8" t="s">
        <v>23</v>
      </c>
      <c r="B22" s="21">
        <v>64</v>
      </c>
      <c r="C22" s="6">
        <v>67</v>
      </c>
      <c r="D22" s="5">
        <v>131</v>
      </c>
    </row>
    <row r="23" spans="1:4" ht="18" customHeight="1" x14ac:dyDescent="0.15">
      <c r="A23" s="8" t="s">
        <v>22</v>
      </c>
      <c r="B23" s="21">
        <v>168</v>
      </c>
      <c r="C23" s="6">
        <v>158</v>
      </c>
      <c r="D23" s="5">
        <v>326</v>
      </c>
    </row>
    <row r="24" spans="1:4" ht="18" customHeight="1" x14ac:dyDescent="0.15">
      <c r="A24" s="8">
        <v>15</v>
      </c>
      <c r="B24" s="21">
        <v>10</v>
      </c>
      <c r="C24" s="6">
        <v>13</v>
      </c>
      <c r="D24" s="5">
        <v>23</v>
      </c>
    </row>
    <row r="25" spans="1:4" ht="18" customHeight="1" x14ac:dyDescent="0.15">
      <c r="A25" s="8">
        <v>16</v>
      </c>
      <c r="B25" s="21">
        <v>15</v>
      </c>
      <c r="C25" s="6">
        <v>9</v>
      </c>
      <c r="D25" s="5">
        <v>24</v>
      </c>
    </row>
    <row r="26" spans="1:4" ht="18" customHeight="1" x14ac:dyDescent="0.15">
      <c r="A26" s="8">
        <v>17</v>
      </c>
      <c r="B26" s="21">
        <v>20</v>
      </c>
      <c r="C26" s="6">
        <v>18</v>
      </c>
      <c r="D26" s="5">
        <v>38</v>
      </c>
    </row>
    <row r="27" spans="1:4" ht="18" customHeight="1" x14ac:dyDescent="0.15">
      <c r="A27" s="8">
        <v>18</v>
      </c>
      <c r="B27" s="21">
        <v>13</v>
      </c>
      <c r="C27" s="6">
        <v>14</v>
      </c>
      <c r="D27" s="5">
        <v>27</v>
      </c>
    </row>
    <row r="28" spans="1:4" ht="18" customHeight="1" x14ac:dyDescent="0.15">
      <c r="A28" s="8">
        <v>19</v>
      </c>
      <c r="B28" s="21">
        <v>18</v>
      </c>
      <c r="C28" s="6">
        <v>10</v>
      </c>
      <c r="D28" s="5">
        <v>28</v>
      </c>
    </row>
    <row r="29" spans="1:4" ht="18" customHeight="1" x14ac:dyDescent="0.15">
      <c r="A29" s="8" t="s">
        <v>21</v>
      </c>
      <c r="B29" s="21">
        <v>76</v>
      </c>
      <c r="C29" s="6">
        <v>64</v>
      </c>
      <c r="D29" s="5">
        <v>140</v>
      </c>
    </row>
    <row r="30" spans="1:4" ht="18" customHeight="1" x14ac:dyDescent="0.15">
      <c r="A30" s="8">
        <v>20</v>
      </c>
      <c r="B30" s="21">
        <v>17</v>
      </c>
      <c r="C30" s="6">
        <v>18</v>
      </c>
      <c r="D30" s="5">
        <v>35</v>
      </c>
    </row>
    <row r="31" spans="1:4" ht="18" customHeight="1" x14ac:dyDescent="0.15">
      <c r="A31" s="8">
        <v>21</v>
      </c>
      <c r="B31" s="21">
        <v>12</v>
      </c>
      <c r="C31" s="6">
        <v>16</v>
      </c>
      <c r="D31" s="5">
        <v>28</v>
      </c>
    </row>
    <row r="32" spans="1:4" ht="18" customHeight="1" x14ac:dyDescent="0.15">
      <c r="A32" s="8">
        <v>22</v>
      </c>
      <c r="B32" s="21">
        <v>13</v>
      </c>
      <c r="C32" s="6">
        <v>13</v>
      </c>
      <c r="D32" s="5">
        <v>26</v>
      </c>
    </row>
    <row r="33" spans="1:4" ht="18" customHeight="1" x14ac:dyDescent="0.15">
      <c r="A33" s="8">
        <v>23</v>
      </c>
      <c r="B33" s="21">
        <v>15</v>
      </c>
      <c r="C33" s="6">
        <v>19</v>
      </c>
      <c r="D33" s="5">
        <v>34</v>
      </c>
    </row>
    <row r="34" spans="1:4" ht="18" customHeight="1" x14ac:dyDescent="0.15">
      <c r="A34" s="8">
        <v>24</v>
      </c>
      <c r="B34" s="21">
        <v>24</v>
      </c>
      <c r="C34" s="6">
        <v>13</v>
      </c>
      <c r="D34" s="5">
        <v>37</v>
      </c>
    </row>
    <row r="35" spans="1:4" ht="18" customHeight="1" x14ac:dyDescent="0.15">
      <c r="A35" s="8" t="s">
        <v>20</v>
      </c>
      <c r="B35" s="21">
        <v>81</v>
      </c>
      <c r="C35" s="6">
        <v>79</v>
      </c>
      <c r="D35" s="5">
        <v>160</v>
      </c>
    </row>
    <row r="36" spans="1:4" ht="18" customHeight="1" x14ac:dyDescent="0.15">
      <c r="A36" s="8">
        <v>25</v>
      </c>
      <c r="B36" s="21">
        <v>18</v>
      </c>
      <c r="C36" s="6">
        <v>19</v>
      </c>
      <c r="D36" s="5">
        <v>37</v>
      </c>
    </row>
    <row r="37" spans="1:4" ht="18" customHeight="1" x14ac:dyDescent="0.15">
      <c r="A37" s="8">
        <v>26</v>
      </c>
      <c r="B37" s="21">
        <v>18</v>
      </c>
      <c r="C37" s="6">
        <v>22</v>
      </c>
      <c r="D37" s="5">
        <v>40</v>
      </c>
    </row>
    <row r="38" spans="1:4" ht="18" customHeight="1" x14ac:dyDescent="0.15">
      <c r="A38" s="8">
        <v>27</v>
      </c>
      <c r="B38" s="21">
        <v>15</v>
      </c>
      <c r="C38" s="6">
        <v>10</v>
      </c>
      <c r="D38" s="5">
        <v>25</v>
      </c>
    </row>
    <row r="39" spans="1:4" ht="18" customHeight="1" x14ac:dyDescent="0.15">
      <c r="A39" s="8">
        <v>28</v>
      </c>
      <c r="B39" s="21">
        <v>23</v>
      </c>
      <c r="C39" s="6">
        <v>14</v>
      </c>
      <c r="D39" s="5">
        <v>37</v>
      </c>
    </row>
    <row r="40" spans="1:4" ht="18" customHeight="1" x14ac:dyDescent="0.15">
      <c r="A40" s="8">
        <v>29</v>
      </c>
      <c r="B40" s="21">
        <v>16</v>
      </c>
      <c r="C40" s="6">
        <v>13</v>
      </c>
      <c r="D40" s="5">
        <v>29</v>
      </c>
    </row>
    <row r="41" spans="1:4" ht="18" customHeight="1" x14ac:dyDescent="0.15">
      <c r="A41" s="8" t="s">
        <v>19</v>
      </c>
      <c r="B41" s="21">
        <v>90</v>
      </c>
      <c r="C41" s="6">
        <v>78</v>
      </c>
      <c r="D41" s="5">
        <v>168</v>
      </c>
    </row>
    <row r="42" spans="1:4" ht="18" customHeight="1" x14ac:dyDescent="0.15">
      <c r="A42" s="8">
        <v>30</v>
      </c>
      <c r="B42" s="21">
        <v>15</v>
      </c>
      <c r="C42" s="6">
        <v>6</v>
      </c>
      <c r="D42" s="5">
        <v>21</v>
      </c>
    </row>
    <row r="43" spans="1:4" ht="18" customHeight="1" x14ac:dyDescent="0.15">
      <c r="A43" s="8">
        <v>31</v>
      </c>
      <c r="B43" s="21">
        <v>16</v>
      </c>
      <c r="C43" s="6">
        <v>16</v>
      </c>
      <c r="D43" s="5">
        <v>32</v>
      </c>
    </row>
    <row r="44" spans="1:4" ht="18" customHeight="1" x14ac:dyDescent="0.15">
      <c r="A44" s="8">
        <v>32</v>
      </c>
      <c r="B44" s="21">
        <v>14</v>
      </c>
      <c r="C44" s="6">
        <v>13</v>
      </c>
      <c r="D44" s="5">
        <v>27</v>
      </c>
    </row>
    <row r="45" spans="1:4" ht="18" customHeight="1" x14ac:dyDescent="0.15">
      <c r="A45" s="8">
        <v>33</v>
      </c>
      <c r="B45" s="21">
        <v>9</v>
      </c>
      <c r="C45" s="6">
        <v>11</v>
      </c>
      <c r="D45" s="5">
        <v>20</v>
      </c>
    </row>
    <row r="46" spans="1:4" ht="18" customHeight="1" x14ac:dyDescent="0.15">
      <c r="A46" s="8">
        <v>34</v>
      </c>
      <c r="B46" s="21">
        <v>8</v>
      </c>
      <c r="C46" s="6">
        <v>20</v>
      </c>
      <c r="D46" s="5">
        <v>28</v>
      </c>
    </row>
    <row r="47" spans="1:4" ht="18" customHeight="1" x14ac:dyDescent="0.15">
      <c r="A47" s="8" t="s">
        <v>18</v>
      </c>
      <c r="B47" s="21">
        <v>62</v>
      </c>
      <c r="C47" s="6">
        <v>66</v>
      </c>
      <c r="D47" s="5">
        <v>128</v>
      </c>
    </row>
    <row r="48" spans="1:4" ht="18" customHeight="1" x14ac:dyDescent="0.15">
      <c r="A48" s="8">
        <v>35</v>
      </c>
      <c r="B48" s="21">
        <v>13</v>
      </c>
      <c r="C48" s="6">
        <v>15</v>
      </c>
      <c r="D48" s="5">
        <v>28</v>
      </c>
    </row>
    <row r="49" spans="1:4" ht="18" customHeight="1" x14ac:dyDescent="0.15">
      <c r="A49" s="8">
        <v>36</v>
      </c>
      <c r="B49" s="21">
        <v>16</v>
      </c>
      <c r="C49" s="6">
        <v>15</v>
      </c>
      <c r="D49" s="5">
        <v>31</v>
      </c>
    </row>
    <row r="50" spans="1:4" ht="18" customHeight="1" x14ac:dyDescent="0.15">
      <c r="A50" s="8">
        <v>37</v>
      </c>
      <c r="B50" s="21">
        <v>17</v>
      </c>
      <c r="C50" s="6">
        <v>6</v>
      </c>
      <c r="D50" s="5">
        <v>23</v>
      </c>
    </row>
    <row r="51" spans="1:4" ht="18" customHeight="1" x14ac:dyDescent="0.15">
      <c r="A51" s="8">
        <v>38</v>
      </c>
      <c r="B51" s="21">
        <v>24</v>
      </c>
      <c r="C51" s="6">
        <v>16</v>
      </c>
      <c r="D51" s="5">
        <v>40</v>
      </c>
    </row>
    <row r="52" spans="1:4" ht="18" customHeight="1" x14ac:dyDescent="0.15">
      <c r="A52" s="8">
        <v>39</v>
      </c>
      <c r="B52" s="21">
        <v>27</v>
      </c>
      <c r="C52" s="6">
        <v>14</v>
      </c>
      <c r="D52" s="5">
        <v>41</v>
      </c>
    </row>
    <row r="53" spans="1:4" ht="18" customHeight="1" x14ac:dyDescent="0.15">
      <c r="A53" s="8" t="s">
        <v>17</v>
      </c>
      <c r="B53" s="21">
        <v>97</v>
      </c>
      <c r="C53" s="6">
        <v>66</v>
      </c>
      <c r="D53" s="5">
        <v>163</v>
      </c>
    </row>
    <row r="54" spans="1:4" ht="18" customHeight="1" x14ac:dyDescent="0.15">
      <c r="A54" s="8">
        <v>40</v>
      </c>
      <c r="B54" s="21">
        <v>25</v>
      </c>
      <c r="C54" s="6">
        <v>24</v>
      </c>
      <c r="D54" s="5">
        <v>49</v>
      </c>
    </row>
    <row r="55" spans="1:4" ht="18" customHeight="1" x14ac:dyDescent="0.15">
      <c r="A55" s="8">
        <v>41</v>
      </c>
      <c r="B55" s="21">
        <v>18</v>
      </c>
      <c r="C55" s="6">
        <v>15</v>
      </c>
      <c r="D55" s="5">
        <v>33</v>
      </c>
    </row>
    <row r="56" spans="1:4" ht="18" customHeight="1" x14ac:dyDescent="0.15">
      <c r="A56" s="8">
        <v>42</v>
      </c>
      <c r="B56" s="21">
        <v>20</v>
      </c>
      <c r="C56" s="6">
        <v>17</v>
      </c>
      <c r="D56" s="5">
        <v>37</v>
      </c>
    </row>
    <row r="57" spans="1:4" ht="18" customHeight="1" x14ac:dyDescent="0.15">
      <c r="A57" s="8">
        <v>43</v>
      </c>
      <c r="B57" s="21">
        <v>19</v>
      </c>
      <c r="C57" s="6">
        <v>20</v>
      </c>
      <c r="D57" s="5">
        <v>39</v>
      </c>
    </row>
    <row r="58" spans="1:4" ht="18" customHeight="1" x14ac:dyDescent="0.15">
      <c r="A58" s="8">
        <v>44</v>
      </c>
      <c r="B58" s="21">
        <v>19</v>
      </c>
      <c r="C58" s="6">
        <v>17</v>
      </c>
      <c r="D58" s="5">
        <v>36</v>
      </c>
    </row>
    <row r="59" spans="1:4" ht="18" customHeight="1" x14ac:dyDescent="0.15">
      <c r="A59" s="8" t="s">
        <v>16</v>
      </c>
      <c r="B59" s="21">
        <v>101</v>
      </c>
      <c r="C59" s="6">
        <v>93</v>
      </c>
      <c r="D59" s="5">
        <v>194</v>
      </c>
    </row>
    <row r="60" spans="1:4" ht="18" customHeight="1" x14ac:dyDescent="0.15">
      <c r="A60" s="8">
        <v>45</v>
      </c>
      <c r="B60" s="21">
        <v>22</v>
      </c>
      <c r="C60" s="6">
        <v>23</v>
      </c>
      <c r="D60" s="5">
        <v>45</v>
      </c>
    </row>
    <row r="61" spans="1:4" ht="18" customHeight="1" x14ac:dyDescent="0.15">
      <c r="A61" s="8">
        <v>46</v>
      </c>
      <c r="B61" s="21">
        <v>18</v>
      </c>
      <c r="C61" s="6">
        <v>15</v>
      </c>
      <c r="D61" s="5">
        <v>33</v>
      </c>
    </row>
    <row r="62" spans="1:4" ht="18" customHeight="1" x14ac:dyDescent="0.15">
      <c r="A62" s="8">
        <v>47</v>
      </c>
      <c r="B62" s="21">
        <v>21</v>
      </c>
      <c r="C62" s="6">
        <v>19</v>
      </c>
      <c r="D62" s="5">
        <v>40</v>
      </c>
    </row>
    <row r="63" spans="1:4" ht="18" customHeight="1" x14ac:dyDescent="0.15">
      <c r="A63" s="8">
        <v>48</v>
      </c>
      <c r="B63" s="21">
        <v>16</v>
      </c>
      <c r="C63" s="6">
        <v>19</v>
      </c>
      <c r="D63" s="5">
        <v>35</v>
      </c>
    </row>
    <row r="64" spans="1:4" ht="18" customHeight="1" x14ac:dyDescent="0.15">
      <c r="A64" s="8">
        <v>49</v>
      </c>
      <c r="B64" s="21">
        <v>26</v>
      </c>
      <c r="C64" s="6">
        <v>28</v>
      </c>
      <c r="D64" s="5">
        <v>54</v>
      </c>
    </row>
    <row r="65" spans="1:4" ht="18" customHeight="1" x14ac:dyDescent="0.15">
      <c r="A65" s="8" t="s">
        <v>15</v>
      </c>
      <c r="B65" s="21">
        <v>103</v>
      </c>
      <c r="C65" s="6">
        <v>104</v>
      </c>
      <c r="D65" s="5">
        <v>207</v>
      </c>
    </row>
    <row r="66" spans="1:4" ht="18" customHeight="1" x14ac:dyDescent="0.15">
      <c r="A66" s="8">
        <v>50</v>
      </c>
      <c r="B66" s="21">
        <v>32</v>
      </c>
      <c r="C66" s="6">
        <v>16</v>
      </c>
      <c r="D66" s="5">
        <v>48</v>
      </c>
    </row>
    <row r="67" spans="1:4" ht="18" customHeight="1" x14ac:dyDescent="0.15">
      <c r="A67" s="8">
        <v>51</v>
      </c>
      <c r="B67" s="21">
        <v>24</v>
      </c>
      <c r="C67" s="6">
        <v>19</v>
      </c>
      <c r="D67" s="5">
        <v>43</v>
      </c>
    </row>
    <row r="68" spans="1:4" ht="18" customHeight="1" x14ac:dyDescent="0.15">
      <c r="A68" s="8">
        <v>52</v>
      </c>
      <c r="B68" s="21">
        <v>30</v>
      </c>
      <c r="C68" s="6">
        <v>27</v>
      </c>
      <c r="D68" s="5">
        <v>57</v>
      </c>
    </row>
    <row r="69" spans="1:4" ht="18" customHeight="1" x14ac:dyDescent="0.15">
      <c r="A69" s="8">
        <v>53</v>
      </c>
      <c r="B69" s="21">
        <v>24</v>
      </c>
      <c r="C69" s="6">
        <v>26</v>
      </c>
      <c r="D69" s="5">
        <v>50</v>
      </c>
    </row>
    <row r="70" spans="1:4" ht="18" customHeight="1" x14ac:dyDescent="0.15">
      <c r="A70" s="8">
        <v>54</v>
      </c>
      <c r="B70" s="21">
        <v>25</v>
      </c>
      <c r="C70" s="6">
        <v>17</v>
      </c>
      <c r="D70" s="5">
        <v>42</v>
      </c>
    </row>
    <row r="71" spans="1:4" ht="18" customHeight="1" x14ac:dyDescent="0.15">
      <c r="A71" s="8" t="s">
        <v>14</v>
      </c>
      <c r="B71" s="21">
        <v>135</v>
      </c>
      <c r="C71" s="6">
        <v>105</v>
      </c>
      <c r="D71" s="5">
        <v>240</v>
      </c>
    </row>
    <row r="72" spans="1:4" ht="18" customHeight="1" x14ac:dyDescent="0.15">
      <c r="A72" s="8">
        <v>55</v>
      </c>
      <c r="B72" s="21">
        <v>18</v>
      </c>
      <c r="C72" s="6">
        <v>22</v>
      </c>
      <c r="D72" s="5">
        <v>40</v>
      </c>
    </row>
    <row r="73" spans="1:4" ht="18" customHeight="1" x14ac:dyDescent="0.15">
      <c r="A73" s="8">
        <v>56</v>
      </c>
      <c r="B73" s="21">
        <v>27</v>
      </c>
      <c r="C73" s="6">
        <v>25</v>
      </c>
      <c r="D73" s="5">
        <v>52</v>
      </c>
    </row>
    <row r="74" spans="1:4" ht="18" customHeight="1" x14ac:dyDescent="0.15">
      <c r="A74" s="8">
        <v>57</v>
      </c>
      <c r="B74" s="21">
        <v>21</v>
      </c>
      <c r="C74" s="6">
        <v>17</v>
      </c>
      <c r="D74" s="5">
        <v>38</v>
      </c>
    </row>
    <row r="75" spans="1:4" ht="18" customHeight="1" x14ac:dyDescent="0.15">
      <c r="A75" s="8">
        <v>58</v>
      </c>
      <c r="B75" s="21">
        <v>27</v>
      </c>
      <c r="C75" s="6">
        <v>21</v>
      </c>
      <c r="D75" s="5">
        <v>48</v>
      </c>
    </row>
    <row r="76" spans="1:4" ht="18" customHeight="1" x14ac:dyDescent="0.15">
      <c r="A76" s="8">
        <v>59</v>
      </c>
      <c r="B76" s="21">
        <v>16</v>
      </c>
      <c r="C76" s="6">
        <v>18</v>
      </c>
      <c r="D76" s="5">
        <v>34</v>
      </c>
    </row>
    <row r="77" spans="1:4" ht="18" customHeight="1" x14ac:dyDescent="0.15">
      <c r="A77" s="8" t="s">
        <v>13</v>
      </c>
      <c r="B77" s="21">
        <v>109</v>
      </c>
      <c r="C77" s="6">
        <v>103</v>
      </c>
      <c r="D77" s="5">
        <v>212</v>
      </c>
    </row>
    <row r="78" spans="1:4" ht="18" customHeight="1" x14ac:dyDescent="0.15">
      <c r="A78" s="8">
        <v>60</v>
      </c>
      <c r="B78" s="21">
        <v>14</v>
      </c>
      <c r="C78" s="6">
        <v>16</v>
      </c>
      <c r="D78" s="5">
        <v>30</v>
      </c>
    </row>
    <row r="79" spans="1:4" ht="18" customHeight="1" x14ac:dyDescent="0.15">
      <c r="A79" s="8">
        <v>61</v>
      </c>
      <c r="B79" s="21">
        <v>14</v>
      </c>
      <c r="C79" s="6">
        <v>19</v>
      </c>
      <c r="D79" s="5">
        <v>33</v>
      </c>
    </row>
    <row r="80" spans="1:4" ht="18" customHeight="1" x14ac:dyDescent="0.15">
      <c r="A80" s="8">
        <v>62</v>
      </c>
      <c r="B80" s="21">
        <v>23</v>
      </c>
      <c r="C80" s="6">
        <v>14</v>
      </c>
      <c r="D80" s="5">
        <v>37</v>
      </c>
    </row>
    <row r="81" spans="1:4" ht="18" customHeight="1" x14ac:dyDescent="0.15">
      <c r="A81" s="8">
        <v>63</v>
      </c>
      <c r="B81" s="21">
        <v>18</v>
      </c>
      <c r="C81" s="6">
        <v>22</v>
      </c>
      <c r="D81" s="5">
        <v>40</v>
      </c>
    </row>
    <row r="82" spans="1:4" ht="18" customHeight="1" x14ac:dyDescent="0.15">
      <c r="A82" s="8">
        <v>64</v>
      </c>
      <c r="B82" s="21">
        <v>18</v>
      </c>
      <c r="C82" s="6">
        <v>27</v>
      </c>
      <c r="D82" s="5">
        <v>45</v>
      </c>
    </row>
    <row r="83" spans="1:4" ht="18" customHeight="1" x14ac:dyDescent="0.15">
      <c r="A83" s="8" t="s">
        <v>12</v>
      </c>
      <c r="B83" s="21">
        <v>87</v>
      </c>
      <c r="C83" s="6">
        <v>98</v>
      </c>
      <c r="D83" s="5">
        <v>185</v>
      </c>
    </row>
    <row r="84" spans="1:4" ht="18" customHeight="1" x14ac:dyDescent="0.15">
      <c r="A84" s="8" t="s">
        <v>11</v>
      </c>
      <c r="B84" s="21">
        <v>941</v>
      </c>
      <c r="C84" s="6">
        <v>856</v>
      </c>
      <c r="D84" s="5">
        <v>1797</v>
      </c>
    </row>
    <row r="85" spans="1:4" ht="18" customHeight="1" x14ac:dyDescent="0.15">
      <c r="A85" s="8">
        <v>65</v>
      </c>
      <c r="B85" s="21">
        <v>18</v>
      </c>
      <c r="C85" s="6">
        <v>18</v>
      </c>
      <c r="D85" s="5">
        <v>36</v>
      </c>
    </row>
    <row r="86" spans="1:4" ht="18" customHeight="1" x14ac:dyDescent="0.15">
      <c r="A86" s="8">
        <v>66</v>
      </c>
      <c r="B86" s="21">
        <v>11</v>
      </c>
      <c r="C86" s="6">
        <v>25</v>
      </c>
      <c r="D86" s="5">
        <v>36</v>
      </c>
    </row>
    <row r="87" spans="1:4" ht="18" customHeight="1" x14ac:dyDescent="0.15">
      <c r="A87" s="8">
        <v>67</v>
      </c>
      <c r="B87" s="21">
        <v>20</v>
      </c>
      <c r="C87" s="6">
        <v>11</v>
      </c>
      <c r="D87" s="5">
        <v>31</v>
      </c>
    </row>
    <row r="88" spans="1:4" ht="18" customHeight="1" x14ac:dyDescent="0.15">
      <c r="A88" s="8">
        <v>68</v>
      </c>
      <c r="B88" s="21">
        <v>15</v>
      </c>
      <c r="C88" s="6">
        <v>17</v>
      </c>
      <c r="D88" s="5">
        <v>32</v>
      </c>
    </row>
    <row r="89" spans="1:4" ht="18" customHeight="1" x14ac:dyDescent="0.15">
      <c r="A89" s="8">
        <v>69</v>
      </c>
      <c r="B89" s="21">
        <v>19</v>
      </c>
      <c r="C89" s="6">
        <v>25</v>
      </c>
      <c r="D89" s="5">
        <v>44</v>
      </c>
    </row>
    <row r="90" spans="1:4" ht="18" customHeight="1" x14ac:dyDescent="0.15">
      <c r="A90" s="8" t="s">
        <v>10</v>
      </c>
      <c r="B90" s="21">
        <v>83</v>
      </c>
      <c r="C90" s="6">
        <v>96</v>
      </c>
      <c r="D90" s="5">
        <v>179</v>
      </c>
    </row>
    <row r="91" spans="1:4" ht="18" customHeight="1" x14ac:dyDescent="0.15">
      <c r="A91" s="8">
        <v>70</v>
      </c>
      <c r="B91" s="21">
        <v>25</v>
      </c>
      <c r="C91" s="6">
        <v>26</v>
      </c>
      <c r="D91" s="5">
        <v>51</v>
      </c>
    </row>
    <row r="92" spans="1:4" ht="18" customHeight="1" x14ac:dyDescent="0.15">
      <c r="A92" s="8">
        <v>71</v>
      </c>
      <c r="B92" s="21">
        <v>20</v>
      </c>
      <c r="C92" s="6">
        <v>19</v>
      </c>
      <c r="D92" s="5">
        <v>39</v>
      </c>
    </row>
    <row r="93" spans="1:4" ht="18" customHeight="1" x14ac:dyDescent="0.15">
      <c r="A93" s="8">
        <v>72</v>
      </c>
      <c r="B93" s="21">
        <v>21</v>
      </c>
      <c r="C93" s="6">
        <v>29</v>
      </c>
      <c r="D93" s="5">
        <v>50</v>
      </c>
    </row>
    <row r="94" spans="1:4" ht="18" customHeight="1" x14ac:dyDescent="0.15">
      <c r="A94" s="8">
        <v>73</v>
      </c>
      <c r="B94" s="21">
        <v>22</v>
      </c>
      <c r="C94" s="6">
        <v>35</v>
      </c>
      <c r="D94" s="5">
        <v>57</v>
      </c>
    </row>
    <row r="95" spans="1:4" ht="18" customHeight="1" x14ac:dyDescent="0.15">
      <c r="A95" s="8">
        <v>74</v>
      </c>
      <c r="B95" s="21">
        <v>25</v>
      </c>
      <c r="C95" s="6">
        <v>33</v>
      </c>
      <c r="D95" s="5">
        <v>58</v>
      </c>
    </row>
    <row r="96" spans="1:4" ht="18" customHeight="1" x14ac:dyDescent="0.15">
      <c r="A96" s="8" t="s">
        <v>9</v>
      </c>
      <c r="B96" s="21">
        <v>113</v>
      </c>
      <c r="C96" s="6">
        <v>142</v>
      </c>
      <c r="D96" s="5">
        <v>255</v>
      </c>
    </row>
    <row r="97" spans="1:4" ht="18" customHeight="1" x14ac:dyDescent="0.15">
      <c r="A97" s="8">
        <v>75</v>
      </c>
      <c r="B97" s="21">
        <v>21</v>
      </c>
      <c r="C97" s="6">
        <v>37</v>
      </c>
      <c r="D97" s="5">
        <v>58</v>
      </c>
    </row>
    <row r="98" spans="1:4" ht="18" customHeight="1" x14ac:dyDescent="0.15">
      <c r="A98" s="8">
        <v>76</v>
      </c>
      <c r="B98" s="21">
        <v>39</v>
      </c>
      <c r="C98" s="6">
        <v>37</v>
      </c>
      <c r="D98" s="5">
        <v>76</v>
      </c>
    </row>
    <row r="99" spans="1:4" ht="18" customHeight="1" x14ac:dyDescent="0.15">
      <c r="A99" s="8">
        <v>77</v>
      </c>
      <c r="B99" s="21">
        <v>34</v>
      </c>
      <c r="C99" s="6">
        <v>31</v>
      </c>
      <c r="D99" s="5">
        <v>65</v>
      </c>
    </row>
    <row r="100" spans="1:4" ht="18" customHeight="1" x14ac:dyDescent="0.15">
      <c r="A100" s="8">
        <v>78</v>
      </c>
      <c r="B100" s="21">
        <v>32</v>
      </c>
      <c r="C100" s="6">
        <v>30</v>
      </c>
      <c r="D100" s="5">
        <v>62</v>
      </c>
    </row>
    <row r="101" spans="1:4" ht="18" customHeight="1" x14ac:dyDescent="0.15">
      <c r="A101" s="8">
        <v>79</v>
      </c>
      <c r="B101" s="21">
        <v>19</v>
      </c>
      <c r="C101" s="6">
        <v>26</v>
      </c>
      <c r="D101" s="5">
        <v>45</v>
      </c>
    </row>
    <row r="102" spans="1:4" ht="18" customHeight="1" x14ac:dyDescent="0.15">
      <c r="A102" s="8" t="s">
        <v>8</v>
      </c>
      <c r="B102" s="21">
        <v>145</v>
      </c>
      <c r="C102" s="6">
        <v>161</v>
      </c>
      <c r="D102" s="5">
        <v>306</v>
      </c>
    </row>
    <row r="103" spans="1:4" ht="18" customHeight="1" x14ac:dyDescent="0.15">
      <c r="A103" s="8">
        <v>80</v>
      </c>
      <c r="B103" s="21">
        <v>18</v>
      </c>
      <c r="C103" s="6">
        <v>16</v>
      </c>
      <c r="D103" s="5">
        <v>34</v>
      </c>
    </row>
    <row r="104" spans="1:4" ht="18" customHeight="1" x14ac:dyDescent="0.15">
      <c r="A104" s="8">
        <v>81</v>
      </c>
      <c r="B104" s="21">
        <v>23</v>
      </c>
      <c r="C104" s="6">
        <v>25</v>
      </c>
      <c r="D104" s="5">
        <v>48</v>
      </c>
    </row>
    <row r="105" spans="1:4" ht="18" customHeight="1" x14ac:dyDescent="0.15">
      <c r="A105" s="8">
        <v>82</v>
      </c>
      <c r="B105" s="21">
        <v>20</v>
      </c>
      <c r="C105" s="6">
        <v>20</v>
      </c>
      <c r="D105" s="5">
        <v>40</v>
      </c>
    </row>
    <row r="106" spans="1:4" ht="18" customHeight="1" x14ac:dyDescent="0.15">
      <c r="A106" s="8">
        <v>83</v>
      </c>
      <c r="B106" s="21">
        <v>17</v>
      </c>
      <c r="C106" s="6">
        <v>21</v>
      </c>
      <c r="D106" s="5">
        <v>38</v>
      </c>
    </row>
    <row r="107" spans="1:4" ht="18" customHeight="1" x14ac:dyDescent="0.15">
      <c r="A107" s="8">
        <v>84</v>
      </c>
      <c r="B107" s="21">
        <v>20</v>
      </c>
      <c r="C107" s="6">
        <v>16</v>
      </c>
      <c r="D107" s="5">
        <v>36</v>
      </c>
    </row>
    <row r="108" spans="1:4" ht="18" customHeight="1" x14ac:dyDescent="0.15">
      <c r="A108" s="8" t="s">
        <v>7</v>
      </c>
      <c r="B108" s="21">
        <v>98</v>
      </c>
      <c r="C108" s="6">
        <v>98</v>
      </c>
      <c r="D108" s="5">
        <v>196</v>
      </c>
    </row>
    <row r="109" spans="1:4" ht="18" customHeight="1" x14ac:dyDescent="0.15">
      <c r="A109" s="8">
        <v>85</v>
      </c>
      <c r="B109" s="21">
        <v>12</v>
      </c>
      <c r="C109" s="6">
        <v>16</v>
      </c>
      <c r="D109" s="5">
        <v>28</v>
      </c>
    </row>
    <row r="110" spans="1:4" ht="18" customHeight="1" x14ac:dyDescent="0.15">
      <c r="A110" s="8">
        <v>86</v>
      </c>
      <c r="B110" s="21">
        <v>8</v>
      </c>
      <c r="C110" s="6">
        <v>15</v>
      </c>
      <c r="D110" s="5">
        <v>23</v>
      </c>
    </row>
    <row r="111" spans="1:4" ht="18" customHeight="1" x14ac:dyDescent="0.15">
      <c r="A111" s="8">
        <v>87</v>
      </c>
      <c r="B111" s="21">
        <v>8</v>
      </c>
      <c r="C111" s="6">
        <v>14</v>
      </c>
      <c r="D111" s="5">
        <v>22</v>
      </c>
    </row>
    <row r="112" spans="1:4" ht="18" customHeight="1" x14ac:dyDescent="0.15">
      <c r="A112" s="8">
        <v>88</v>
      </c>
      <c r="B112" s="21">
        <v>6</v>
      </c>
      <c r="C112" s="6">
        <v>21</v>
      </c>
      <c r="D112" s="5">
        <v>27</v>
      </c>
    </row>
    <row r="113" spans="1:4" ht="18" customHeight="1" x14ac:dyDescent="0.15">
      <c r="A113" s="8">
        <v>89</v>
      </c>
      <c r="B113" s="21">
        <v>7</v>
      </c>
      <c r="C113" s="6">
        <v>11</v>
      </c>
      <c r="D113" s="5">
        <v>18</v>
      </c>
    </row>
    <row r="114" spans="1:4" ht="18" customHeight="1" x14ac:dyDescent="0.15">
      <c r="A114" s="8" t="s">
        <v>6</v>
      </c>
      <c r="B114" s="21">
        <v>41</v>
      </c>
      <c r="C114" s="6">
        <v>77</v>
      </c>
      <c r="D114" s="5">
        <v>118</v>
      </c>
    </row>
    <row r="115" spans="1:4" ht="18" customHeight="1" x14ac:dyDescent="0.15">
      <c r="A115" s="8">
        <v>90</v>
      </c>
      <c r="B115" s="21">
        <v>9</v>
      </c>
      <c r="C115" s="6">
        <v>9</v>
      </c>
      <c r="D115" s="5">
        <v>18</v>
      </c>
    </row>
    <row r="116" spans="1:4" ht="18" customHeight="1" x14ac:dyDescent="0.15">
      <c r="A116" s="8">
        <v>91</v>
      </c>
      <c r="B116" s="21">
        <v>2</v>
      </c>
      <c r="C116" s="6">
        <v>10</v>
      </c>
      <c r="D116" s="5">
        <v>12</v>
      </c>
    </row>
    <row r="117" spans="1:4" ht="18" customHeight="1" x14ac:dyDescent="0.15">
      <c r="A117" s="8">
        <v>92</v>
      </c>
      <c r="B117" s="21">
        <v>4</v>
      </c>
      <c r="C117" s="6">
        <v>9</v>
      </c>
      <c r="D117" s="5">
        <v>13</v>
      </c>
    </row>
    <row r="118" spans="1:4" ht="18" customHeight="1" x14ac:dyDescent="0.15">
      <c r="A118" s="8">
        <v>93</v>
      </c>
      <c r="B118" s="21">
        <v>1</v>
      </c>
      <c r="C118" s="6">
        <v>9</v>
      </c>
      <c r="D118" s="5">
        <v>10</v>
      </c>
    </row>
    <row r="119" spans="1:4" ht="18" customHeight="1" x14ac:dyDescent="0.15">
      <c r="A119" s="8">
        <v>94</v>
      </c>
      <c r="B119" s="21">
        <v>3</v>
      </c>
      <c r="C119" s="6">
        <v>5</v>
      </c>
      <c r="D119" s="5">
        <v>8</v>
      </c>
    </row>
    <row r="120" spans="1:4" ht="18" customHeight="1" x14ac:dyDescent="0.15">
      <c r="A120" s="8" t="s">
        <v>5</v>
      </c>
      <c r="B120" s="21">
        <v>19</v>
      </c>
      <c r="C120" s="6">
        <v>42</v>
      </c>
      <c r="D120" s="5">
        <v>61</v>
      </c>
    </row>
    <row r="121" spans="1:4" ht="18" customHeight="1" x14ac:dyDescent="0.15">
      <c r="A121" s="8">
        <v>95</v>
      </c>
      <c r="B121" s="21">
        <v>2</v>
      </c>
      <c r="C121" s="6">
        <v>6</v>
      </c>
      <c r="D121" s="5">
        <v>8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3</v>
      </c>
      <c r="C126" s="6">
        <v>14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502</v>
      </c>
      <c r="C130" s="6">
        <v>632</v>
      </c>
      <c r="D130" s="5">
        <v>1134</v>
      </c>
    </row>
    <row r="131" spans="1:4" ht="18" customHeight="1" x14ac:dyDescent="0.15">
      <c r="A131" s="4" t="s">
        <v>0</v>
      </c>
      <c r="B131" s="20">
        <v>1611</v>
      </c>
      <c r="C131" s="2">
        <v>1646</v>
      </c>
      <c r="D131" s="1">
        <v>325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8D3BAD-07D6-4704-B44B-E4F16212DD79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0</v>
      </c>
      <c r="C5" s="11">
        <v>0</v>
      </c>
      <c r="D5" s="10">
        <v>0</v>
      </c>
    </row>
    <row r="6" spans="1:4" ht="18" customHeight="1" x14ac:dyDescent="0.15">
      <c r="A6" s="8">
        <v>1</v>
      </c>
      <c r="B6" s="21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1">
        <v>1</v>
      </c>
      <c r="C7" s="6">
        <v>1</v>
      </c>
      <c r="D7" s="5">
        <v>2</v>
      </c>
    </row>
    <row r="8" spans="1:4" ht="18" customHeight="1" x14ac:dyDescent="0.15">
      <c r="A8" s="8">
        <v>3</v>
      </c>
      <c r="B8" s="21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1">
        <v>1</v>
      </c>
      <c r="C9" s="6">
        <v>1</v>
      </c>
      <c r="D9" s="5">
        <v>2</v>
      </c>
    </row>
    <row r="10" spans="1:4" ht="18" customHeight="1" x14ac:dyDescent="0.15">
      <c r="A10" s="8" t="s">
        <v>25</v>
      </c>
      <c r="B10" s="21">
        <v>3</v>
      </c>
      <c r="C10" s="6">
        <v>3</v>
      </c>
      <c r="D10" s="5">
        <v>6</v>
      </c>
    </row>
    <row r="11" spans="1:4" ht="18" customHeight="1" x14ac:dyDescent="0.15">
      <c r="A11" s="8">
        <v>5</v>
      </c>
      <c r="B11" s="21">
        <v>4</v>
      </c>
      <c r="C11" s="6">
        <v>1</v>
      </c>
      <c r="D11" s="5">
        <v>5</v>
      </c>
    </row>
    <row r="12" spans="1:4" ht="18" customHeight="1" x14ac:dyDescent="0.15">
      <c r="A12" s="8">
        <v>6</v>
      </c>
      <c r="B12" s="21">
        <v>3</v>
      </c>
      <c r="C12" s="6">
        <v>0</v>
      </c>
      <c r="D12" s="5">
        <v>3</v>
      </c>
    </row>
    <row r="13" spans="1:4" ht="18" customHeight="1" x14ac:dyDescent="0.15">
      <c r="A13" s="8">
        <v>7</v>
      </c>
      <c r="B13" s="21">
        <v>0</v>
      </c>
      <c r="C13" s="6">
        <v>2</v>
      </c>
      <c r="D13" s="5">
        <v>2</v>
      </c>
    </row>
    <row r="14" spans="1:4" ht="18" customHeight="1" x14ac:dyDescent="0.15">
      <c r="A14" s="8">
        <v>8</v>
      </c>
      <c r="B14" s="21">
        <v>4</v>
      </c>
      <c r="C14" s="6">
        <v>3</v>
      </c>
      <c r="D14" s="5">
        <v>7</v>
      </c>
    </row>
    <row r="15" spans="1:4" ht="18" customHeight="1" x14ac:dyDescent="0.15">
      <c r="A15" s="8">
        <v>9</v>
      </c>
      <c r="B15" s="21">
        <v>3</v>
      </c>
      <c r="C15" s="6">
        <v>6</v>
      </c>
      <c r="D15" s="5">
        <v>9</v>
      </c>
    </row>
    <row r="16" spans="1:4" ht="18" customHeight="1" x14ac:dyDescent="0.15">
      <c r="A16" s="8" t="s">
        <v>24</v>
      </c>
      <c r="B16" s="21">
        <v>14</v>
      </c>
      <c r="C16" s="6">
        <v>12</v>
      </c>
      <c r="D16" s="5">
        <v>26</v>
      </c>
    </row>
    <row r="17" spans="1:4" ht="18" customHeight="1" x14ac:dyDescent="0.15">
      <c r="A17" s="8">
        <v>10</v>
      </c>
      <c r="B17" s="21">
        <v>5</v>
      </c>
      <c r="C17" s="6">
        <v>3</v>
      </c>
      <c r="D17" s="5">
        <v>8</v>
      </c>
    </row>
    <row r="18" spans="1:4" ht="18" customHeight="1" x14ac:dyDescent="0.15">
      <c r="A18" s="8">
        <v>11</v>
      </c>
      <c r="B18" s="21">
        <v>1</v>
      </c>
      <c r="C18" s="6">
        <v>6</v>
      </c>
      <c r="D18" s="5">
        <v>7</v>
      </c>
    </row>
    <row r="19" spans="1:4" ht="18" customHeight="1" x14ac:dyDescent="0.15">
      <c r="A19" s="8">
        <v>12</v>
      </c>
      <c r="B19" s="21">
        <v>5</v>
      </c>
      <c r="C19" s="6">
        <v>6</v>
      </c>
      <c r="D19" s="5">
        <v>11</v>
      </c>
    </row>
    <row r="20" spans="1:4" ht="18" customHeight="1" x14ac:dyDescent="0.15">
      <c r="A20" s="8">
        <v>13</v>
      </c>
      <c r="B20" s="21">
        <v>6</v>
      </c>
      <c r="C20" s="6">
        <v>3</v>
      </c>
      <c r="D20" s="5">
        <v>9</v>
      </c>
    </row>
    <row r="21" spans="1:4" ht="18" customHeight="1" x14ac:dyDescent="0.15">
      <c r="A21" s="8">
        <v>14</v>
      </c>
      <c r="B21" s="21">
        <v>1</v>
      </c>
      <c r="C21" s="6">
        <v>4</v>
      </c>
      <c r="D21" s="5">
        <v>5</v>
      </c>
    </row>
    <row r="22" spans="1:4" ht="18" customHeight="1" x14ac:dyDescent="0.15">
      <c r="A22" s="8" t="s">
        <v>23</v>
      </c>
      <c r="B22" s="21">
        <v>18</v>
      </c>
      <c r="C22" s="6">
        <v>22</v>
      </c>
      <c r="D22" s="5">
        <v>40</v>
      </c>
    </row>
    <row r="23" spans="1:4" ht="18" customHeight="1" x14ac:dyDescent="0.15">
      <c r="A23" s="8" t="s">
        <v>22</v>
      </c>
      <c r="B23" s="21">
        <v>35</v>
      </c>
      <c r="C23" s="6">
        <v>37</v>
      </c>
      <c r="D23" s="5">
        <v>72</v>
      </c>
    </row>
    <row r="24" spans="1:4" ht="18" customHeight="1" x14ac:dyDescent="0.15">
      <c r="A24" s="8">
        <v>15</v>
      </c>
      <c r="B24" s="21">
        <v>4</v>
      </c>
      <c r="C24" s="6">
        <v>3</v>
      </c>
      <c r="D24" s="5">
        <v>7</v>
      </c>
    </row>
    <row r="25" spans="1:4" ht="18" customHeight="1" x14ac:dyDescent="0.15">
      <c r="A25" s="8">
        <v>16</v>
      </c>
      <c r="B25" s="21">
        <v>3</v>
      </c>
      <c r="C25" s="6">
        <v>3</v>
      </c>
      <c r="D25" s="5">
        <v>6</v>
      </c>
    </row>
    <row r="26" spans="1:4" ht="18" customHeight="1" x14ac:dyDescent="0.15">
      <c r="A26" s="8">
        <v>17</v>
      </c>
      <c r="B26" s="21">
        <v>2</v>
      </c>
      <c r="C26" s="6">
        <v>7</v>
      </c>
      <c r="D26" s="5">
        <v>9</v>
      </c>
    </row>
    <row r="27" spans="1:4" ht="18" customHeight="1" x14ac:dyDescent="0.15">
      <c r="A27" s="8">
        <v>18</v>
      </c>
      <c r="B27" s="21">
        <v>9</v>
      </c>
      <c r="C27" s="6">
        <v>4</v>
      </c>
      <c r="D27" s="5">
        <v>13</v>
      </c>
    </row>
    <row r="28" spans="1:4" ht="18" customHeight="1" x14ac:dyDescent="0.15">
      <c r="A28" s="8">
        <v>19</v>
      </c>
      <c r="B28" s="21">
        <v>6</v>
      </c>
      <c r="C28" s="6">
        <v>0</v>
      </c>
      <c r="D28" s="5">
        <v>6</v>
      </c>
    </row>
    <row r="29" spans="1:4" ht="18" customHeight="1" x14ac:dyDescent="0.15">
      <c r="A29" s="8" t="s">
        <v>21</v>
      </c>
      <c r="B29" s="21">
        <v>24</v>
      </c>
      <c r="C29" s="6">
        <v>17</v>
      </c>
      <c r="D29" s="5">
        <v>41</v>
      </c>
    </row>
    <row r="30" spans="1:4" ht="18" customHeight="1" x14ac:dyDescent="0.15">
      <c r="A30" s="8">
        <v>20</v>
      </c>
      <c r="B30" s="21">
        <v>3</v>
      </c>
      <c r="C30" s="6">
        <v>5</v>
      </c>
      <c r="D30" s="5">
        <v>8</v>
      </c>
    </row>
    <row r="31" spans="1:4" ht="18" customHeight="1" x14ac:dyDescent="0.15">
      <c r="A31" s="8">
        <v>21</v>
      </c>
      <c r="B31" s="21">
        <v>2</v>
      </c>
      <c r="C31" s="6">
        <v>3</v>
      </c>
      <c r="D31" s="5">
        <v>5</v>
      </c>
    </row>
    <row r="32" spans="1:4" ht="18" customHeight="1" x14ac:dyDescent="0.15">
      <c r="A32" s="8">
        <v>22</v>
      </c>
      <c r="B32" s="21">
        <v>3</v>
      </c>
      <c r="C32" s="6">
        <v>9</v>
      </c>
      <c r="D32" s="5">
        <v>12</v>
      </c>
    </row>
    <row r="33" spans="1:4" ht="18" customHeight="1" x14ac:dyDescent="0.15">
      <c r="A33" s="8">
        <v>23</v>
      </c>
      <c r="B33" s="21">
        <v>4</v>
      </c>
      <c r="C33" s="6">
        <v>2</v>
      </c>
      <c r="D33" s="5">
        <v>6</v>
      </c>
    </row>
    <row r="34" spans="1:4" ht="18" customHeight="1" x14ac:dyDescent="0.15">
      <c r="A34" s="8">
        <v>24</v>
      </c>
      <c r="B34" s="21">
        <v>4</v>
      </c>
      <c r="C34" s="6">
        <v>2</v>
      </c>
      <c r="D34" s="5">
        <v>6</v>
      </c>
    </row>
    <row r="35" spans="1:4" ht="18" customHeight="1" x14ac:dyDescent="0.15">
      <c r="A35" s="8" t="s">
        <v>20</v>
      </c>
      <c r="B35" s="21">
        <v>16</v>
      </c>
      <c r="C35" s="6">
        <v>21</v>
      </c>
      <c r="D35" s="5">
        <v>37</v>
      </c>
    </row>
    <row r="36" spans="1:4" ht="18" customHeight="1" x14ac:dyDescent="0.15">
      <c r="A36" s="8">
        <v>25</v>
      </c>
      <c r="B36" s="21">
        <v>3</v>
      </c>
      <c r="C36" s="6">
        <v>6</v>
      </c>
      <c r="D36" s="5">
        <v>9</v>
      </c>
    </row>
    <row r="37" spans="1:4" ht="18" customHeight="1" x14ac:dyDescent="0.15">
      <c r="A37" s="8">
        <v>26</v>
      </c>
      <c r="B37" s="21">
        <v>3</v>
      </c>
      <c r="C37" s="6">
        <v>2</v>
      </c>
      <c r="D37" s="5">
        <v>5</v>
      </c>
    </row>
    <row r="38" spans="1:4" ht="18" customHeight="1" x14ac:dyDescent="0.15">
      <c r="A38" s="8">
        <v>27</v>
      </c>
      <c r="B38" s="21">
        <v>1</v>
      </c>
      <c r="C38" s="6">
        <v>3</v>
      </c>
      <c r="D38" s="5">
        <v>4</v>
      </c>
    </row>
    <row r="39" spans="1:4" ht="18" customHeight="1" x14ac:dyDescent="0.15">
      <c r="A39" s="8">
        <v>28</v>
      </c>
      <c r="B39" s="21">
        <v>5</v>
      </c>
      <c r="C39" s="6">
        <v>2</v>
      </c>
      <c r="D39" s="5">
        <v>7</v>
      </c>
    </row>
    <row r="40" spans="1:4" ht="18" customHeight="1" x14ac:dyDescent="0.15">
      <c r="A40" s="8">
        <v>29</v>
      </c>
      <c r="B40" s="21">
        <v>1</v>
      </c>
      <c r="C40" s="6">
        <v>4</v>
      </c>
      <c r="D40" s="5">
        <v>5</v>
      </c>
    </row>
    <row r="41" spans="1:4" ht="18" customHeight="1" x14ac:dyDescent="0.15">
      <c r="A41" s="8" t="s">
        <v>19</v>
      </c>
      <c r="B41" s="21">
        <v>13</v>
      </c>
      <c r="C41" s="6">
        <v>17</v>
      </c>
      <c r="D41" s="5">
        <v>30</v>
      </c>
    </row>
    <row r="42" spans="1:4" ht="18" customHeight="1" x14ac:dyDescent="0.15">
      <c r="A42" s="8">
        <v>30</v>
      </c>
      <c r="B42" s="21">
        <v>2</v>
      </c>
      <c r="C42" s="6">
        <v>1</v>
      </c>
      <c r="D42" s="5">
        <v>3</v>
      </c>
    </row>
    <row r="43" spans="1:4" ht="18" customHeight="1" x14ac:dyDescent="0.15">
      <c r="A43" s="8">
        <v>31</v>
      </c>
      <c r="B43" s="21">
        <v>5</v>
      </c>
      <c r="C43" s="6">
        <v>1</v>
      </c>
      <c r="D43" s="5">
        <v>6</v>
      </c>
    </row>
    <row r="44" spans="1:4" ht="18" customHeight="1" x14ac:dyDescent="0.15">
      <c r="A44" s="8">
        <v>32</v>
      </c>
      <c r="B44" s="21">
        <v>2</v>
      </c>
      <c r="C44" s="6">
        <v>3</v>
      </c>
      <c r="D44" s="5">
        <v>5</v>
      </c>
    </row>
    <row r="45" spans="1:4" ht="18" customHeight="1" x14ac:dyDescent="0.15">
      <c r="A45" s="8">
        <v>33</v>
      </c>
      <c r="B45" s="21">
        <v>4</v>
      </c>
      <c r="C45" s="6">
        <v>0</v>
      </c>
      <c r="D45" s="5">
        <v>4</v>
      </c>
    </row>
    <row r="46" spans="1:4" ht="18" customHeight="1" x14ac:dyDescent="0.15">
      <c r="A46" s="8">
        <v>34</v>
      </c>
      <c r="B46" s="21">
        <v>3</v>
      </c>
      <c r="C46" s="6">
        <v>4</v>
      </c>
      <c r="D46" s="5">
        <v>7</v>
      </c>
    </row>
    <row r="47" spans="1:4" ht="18" customHeight="1" x14ac:dyDescent="0.15">
      <c r="A47" s="8" t="s">
        <v>18</v>
      </c>
      <c r="B47" s="21">
        <v>16</v>
      </c>
      <c r="C47" s="6">
        <v>9</v>
      </c>
      <c r="D47" s="5">
        <v>25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5</v>
      </c>
      <c r="D49" s="5">
        <v>6</v>
      </c>
    </row>
    <row r="50" spans="1:4" ht="18" customHeight="1" x14ac:dyDescent="0.15">
      <c r="A50" s="8">
        <v>37</v>
      </c>
      <c r="B50" s="21">
        <v>3</v>
      </c>
      <c r="C50" s="6">
        <v>3</v>
      </c>
      <c r="D50" s="5">
        <v>6</v>
      </c>
    </row>
    <row r="51" spans="1:4" ht="18" customHeight="1" x14ac:dyDescent="0.15">
      <c r="A51" s="8">
        <v>38</v>
      </c>
      <c r="B51" s="21">
        <v>3</v>
      </c>
      <c r="C51" s="6">
        <v>0</v>
      </c>
      <c r="D51" s="5">
        <v>3</v>
      </c>
    </row>
    <row r="52" spans="1:4" ht="18" customHeight="1" x14ac:dyDescent="0.15">
      <c r="A52" s="8">
        <v>39</v>
      </c>
      <c r="B52" s="21">
        <v>6</v>
      </c>
      <c r="C52" s="6">
        <v>2</v>
      </c>
      <c r="D52" s="5">
        <v>8</v>
      </c>
    </row>
    <row r="53" spans="1:4" ht="18" customHeight="1" x14ac:dyDescent="0.15">
      <c r="A53" s="8" t="s">
        <v>17</v>
      </c>
      <c r="B53" s="21">
        <v>16</v>
      </c>
      <c r="C53" s="6">
        <v>11</v>
      </c>
      <c r="D53" s="5">
        <v>27</v>
      </c>
    </row>
    <row r="54" spans="1:4" ht="18" customHeight="1" x14ac:dyDescent="0.15">
      <c r="A54" s="8">
        <v>40</v>
      </c>
      <c r="B54" s="21">
        <v>3</v>
      </c>
      <c r="C54" s="6">
        <v>3</v>
      </c>
      <c r="D54" s="5">
        <v>6</v>
      </c>
    </row>
    <row r="55" spans="1:4" ht="18" customHeight="1" x14ac:dyDescent="0.15">
      <c r="A55" s="8">
        <v>41</v>
      </c>
      <c r="B55" s="21">
        <v>7</v>
      </c>
      <c r="C55" s="6">
        <v>7</v>
      </c>
      <c r="D55" s="5">
        <v>14</v>
      </c>
    </row>
    <row r="56" spans="1:4" ht="18" customHeight="1" x14ac:dyDescent="0.15">
      <c r="A56" s="8">
        <v>42</v>
      </c>
      <c r="B56" s="21">
        <v>3</v>
      </c>
      <c r="C56" s="6">
        <v>8</v>
      </c>
      <c r="D56" s="5">
        <v>11</v>
      </c>
    </row>
    <row r="57" spans="1:4" ht="18" customHeight="1" x14ac:dyDescent="0.15">
      <c r="A57" s="8">
        <v>43</v>
      </c>
      <c r="B57" s="21">
        <v>7</v>
      </c>
      <c r="C57" s="6">
        <v>7</v>
      </c>
      <c r="D57" s="5">
        <v>14</v>
      </c>
    </row>
    <row r="58" spans="1:4" ht="18" customHeight="1" x14ac:dyDescent="0.15">
      <c r="A58" s="8">
        <v>44</v>
      </c>
      <c r="B58" s="21">
        <v>3</v>
      </c>
      <c r="C58" s="6">
        <v>5</v>
      </c>
      <c r="D58" s="5">
        <v>8</v>
      </c>
    </row>
    <row r="59" spans="1:4" ht="18" customHeight="1" x14ac:dyDescent="0.15">
      <c r="A59" s="8" t="s">
        <v>16</v>
      </c>
      <c r="B59" s="21">
        <v>23</v>
      </c>
      <c r="C59" s="6">
        <v>30</v>
      </c>
      <c r="D59" s="5">
        <v>53</v>
      </c>
    </row>
    <row r="60" spans="1:4" ht="18" customHeight="1" x14ac:dyDescent="0.15">
      <c r="A60" s="8">
        <v>45</v>
      </c>
      <c r="B60" s="21">
        <v>7</v>
      </c>
      <c r="C60" s="6">
        <v>9</v>
      </c>
      <c r="D60" s="5">
        <v>16</v>
      </c>
    </row>
    <row r="61" spans="1:4" ht="18" customHeight="1" x14ac:dyDescent="0.15">
      <c r="A61" s="8">
        <v>46</v>
      </c>
      <c r="B61" s="21">
        <v>6</v>
      </c>
      <c r="C61" s="6">
        <v>6</v>
      </c>
      <c r="D61" s="5">
        <v>12</v>
      </c>
    </row>
    <row r="62" spans="1:4" ht="18" customHeight="1" x14ac:dyDescent="0.15">
      <c r="A62" s="8">
        <v>47</v>
      </c>
      <c r="B62" s="21">
        <v>6</v>
      </c>
      <c r="C62" s="6">
        <v>11</v>
      </c>
      <c r="D62" s="5">
        <v>17</v>
      </c>
    </row>
    <row r="63" spans="1:4" ht="18" customHeight="1" x14ac:dyDescent="0.15">
      <c r="A63" s="8">
        <v>48</v>
      </c>
      <c r="B63" s="21">
        <v>8</v>
      </c>
      <c r="C63" s="6">
        <v>6</v>
      </c>
      <c r="D63" s="5">
        <v>14</v>
      </c>
    </row>
    <row r="64" spans="1:4" ht="18" customHeight="1" x14ac:dyDescent="0.15">
      <c r="A64" s="8">
        <v>49</v>
      </c>
      <c r="B64" s="21">
        <v>3</v>
      </c>
      <c r="C64" s="6">
        <v>6</v>
      </c>
      <c r="D64" s="5">
        <v>9</v>
      </c>
    </row>
    <row r="65" spans="1:4" ht="18" customHeight="1" x14ac:dyDescent="0.15">
      <c r="A65" s="8" t="s">
        <v>15</v>
      </c>
      <c r="B65" s="21">
        <v>30</v>
      </c>
      <c r="C65" s="6">
        <v>38</v>
      </c>
      <c r="D65" s="5">
        <v>68</v>
      </c>
    </row>
    <row r="66" spans="1:4" ht="18" customHeight="1" x14ac:dyDescent="0.15">
      <c r="A66" s="8">
        <v>50</v>
      </c>
      <c r="B66" s="21">
        <v>12</v>
      </c>
      <c r="C66" s="6">
        <v>8</v>
      </c>
      <c r="D66" s="5">
        <v>20</v>
      </c>
    </row>
    <row r="67" spans="1:4" ht="18" customHeight="1" x14ac:dyDescent="0.15">
      <c r="A67" s="8">
        <v>51</v>
      </c>
      <c r="B67" s="21">
        <v>7</v>
      </c>
      <c r="C67" s="6">
        <v>6</v>
      </c>
      <c r="D67" s="5">
        <v>13</v>
      </c>
    </row>
    <row r="68" spans="1:4" ht="18" customHeight="1" x14ac:dyDescent="0.15">
      <c r="A68" s="8">
        <v>52</v>
      </c>
      <c r="B68" s="21">
        <v>11</v>
      </c>
      <c r="C68" s="6">
        <v>9</v>
      </c>
      <c r="D68" s="5">
        <v>20</v>
      </c>
    </row>
    <row r="69" spans="1:4" ht="18" customHeight="1" x14ac:dyDescent="0.15">
      <c r="A69" s="8">
        <v>53</v>
      </c>
      <c r="B69" s="21">
        <v>12</v>
      </c>
      <c r="C69" s="6">
        <v>13</v>
      </c>
      <c r="D69" s="5">
        <v>25</v>
      </c>
    </row>
    <row r="70" spans="1:4" ht="18" customHeight="1" x14ac:dyDescent="0.15">
      <c r="A70" s="8">
        <v>54</v>
      </c>
      <c r="B70" s="21">
        <v>7</v>
      </c>
      <c r="C70" s="6">
        <v>8</v>
      </c>
      <c r="D70" s="5">
        <v>15</v>
      </c>
    </row>
    <row r="71" spans="1:4" ht="18" customHeight="1" x14ac:dyDescent="0.15">
      <c r="A71" s="8" t="s">
        <v>14</v>
      </c>
      <c r="B71" s="21">
        <v>49</v>
      </c>
      <c r="C71" s="6">
        <v>44</v>
      </c>
      <c r="D71" s="5">
        <v>93</v>
      </c>
    </row>
    <row r="72" spans="1:4" ht="18" customHeight="1" x14ac:dyDescent="0.15">
      <c r="A72" s="8">
        <v>55</v>
      </c>
      <c r="B72" s="21">
        <v>5</v>
      </c>
      <c r="C72" s="6">
        <v>8</v>
      </c>
      <c r="D72" s="5">
        <v>13</v>
      </c>
    </row>
    <row r="73" spans="1:4" ht="18" customHeight="1" x14ac:dyDescent="0.15">
      <c r="A73" s="8">
        <v>56</v>
      </c>
      <c r="B73" s="21">
        <v>10</v>
      </c>
      <c r="C73" s="6">
        <v>3</v>
      </c>
      <c r="D73" s="5">
        <v>13</v>
      </c>
    </row>
    <row r="74" spans="1:4" ht="18" customHeight="1" x14ac:dyDescent="0.15">
      <c r="A74" s="8">
        <v>57</v>
      </c>
      <c r="B74" s="21">
        <v>6</v>
      </c>
      <c r="C74" s="6">
        <v>3</v>
      </c>
      <c r="D74" s="5">
        <v>9</v>
      </c>
    </row>
    <row r="75" spans="1:4" ht="18" customHeight="1" x14ac:dyDescent="0.15">
      <c r="A75" s="8">
        <v>58</v>
      </c>
      <c r="B75" s="21">
        <v>3</v>
      </c>
      <c r="C75" s="6">
        <v>7</v>
      </c>
      <c r="D75" s="5">
        <v>10</v>
      </c>
    </row>
    <row r="76" spans="1:4" ht="18" customHeight="1" x14ac:dyDescent="0.15">
      <c r="A76" s="8">
        <v>59</v>
      </c>
      <c r="B76" s="21">
        <v>5</v>
      </c>
      <c r="C76" s="6">
        <v>6</v>
      </c>
      <c r="D76" s="5">
        <v>11</v>
      </c>
    </row>
    <row r="77" spans="1:4" ht="18" customHeight="1" x14ac:dyDescent="0.15">
      <c r="A77" s="8" t="s">
        <v>13</v>
      </c>
      <c r="B77" s="21">
        <v>29</v>
      </c>
      <c r="C77" s="6">
        <v>27</v>
      </c>
      <c r="D77" s="5">
        <v>56</v>
      </c>
    </row>
    <row r="78" spans="1:4" ht="18" customHeight="1" x14ac:dyDescent="0.15">
      <c r="A78" s="8">
        <v>60</v>
      </c>
      <c r="B78" s="21">
        <v>4</v>
      </c>
      <c r="C78" s="6">
        <v>6</v>
      </c>
      <c r="D78" s="5">
        <v>10</v>
      </c>
    </row>
    <row r="79" spans="1:4" ht="18" customHeight="1" x14ac:dyDescent="0.15">
      <c r="A79" s="8">
        <v>61</v>
      </c>
      <c r="B79" s="21">
        <v>4</v>
      </c>
      <c r="C79" s="6">
        <v>6</v>
      </c>
      <c r="D79" s="5">
        <v>10</v>
      </c>
    </row>
    <row r="80" spans="1:4" ht="18" customHeight="1" x14ac:dyDescent="0.15">
      <c r="A80" s="8">
        <v>62</v>
      </c>
      <c r="B80" s="21">
        <v>5</v>
      </c>
      <c r="C80" s="6">
        <v>8</v>
      </c>
      <c r="D80" s="5">
        <v>13</v>
      </c>
    </row>
    <row r="81" spans="1:4" ht="18" customHeight="1" x14ac:dyDescent="0.15">
      <c r="A81" s="8">
        <v>63</v>
      </c>
      <c r="B81" s="21">
        <v>6</v>
      </c>
      <c r="C81" s="6">
        <v>7</v>
      </c>
      <c r="D81" s="5">
        <v>13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28</v>
      </c>
      <c r="C83" s="6">
        <v>38</v>
      </c>
      <c r="D83" s="5">
        <v>66</v>
      </c>
    </row>
    <row r="84" spans="1:4" ht="18" customHeight="1" x14ac:dyDescent="0.15">
      <c r="A84" s="8" t="s">
        <v>11</v>
      </c>
      <c r="B84" s="21">
        <v>244</v>
      </c>
      <c r="C84" s="6">
        <v>252</v>
      </c>
      <c r="D84" s="5">
        <v>496</v>
      </c>
    </row>
    <row r="85" spans="1:4" ht="18" customHeight="1" x14ac:dyDescent="0.15">
      <c r="A85" s="8">
        <v>65</v>
      </c>
      <c r="B85" s="21">
        <v>7</v>
      </c>
      <c r="C85" s="6">
        <v>9</v>
      </c>
      <c r="D85" s="5">
        <v>16</v>
      </c>
    </row>
    <row r="86" spans="1:4" ht="18" customHeight="1" x14ac:dyDescent="0.15">
      <c r="A86" s="8">
        <v>66</v>
      </c>
      <c r="B86" s="21">
        <v>5</v>
      </c>
      <c r="C86" s="6">
        <v>5</v>
      </c>
      <c r="D86" s="5">
        <v>10</v>
      </c>
    </row>
    <row r="87" spans="1:4" ht="18" customHeight="1" x14ac:dyDescent="0.15">
      <c r="A87" s="8">
        <v>67</v>
      </c>
      <c r="B87" s="21">
        <v>6</v>
      </c>
      <c r="C87" s="6">
        <v>6</v>
      </c>
      <c r="D87" s="5">
        <v>12</v>
      </c>
    </row>
    <row r="88" spans="1:4" ht="18" customHeight="1" x14ac:dyDescent="0.15">
      <c r="A88" s="8">
        <v>68</v>
      </c>
      <c r="B88" s="21">
        <v>7</v>
      </c>
      <c r="C88" s="6">
        <v>5</v>
      </c>
      <c r="D88" s="5">
        <v>12</v>
      </c>
    </row>
    <row r="89" spans="1:4" ht="18" customHeight="1" x14ac:dyDescent="0.15">
      <c r="A89" s="8">
        <v>69</v>
      </c>
      <c r="B89" s="21">
        <v>5</v>
      </c>
      <c r="C89" s="6">
        <v>8</v>
      </c>
      <c r="D89" s="5">
        <v>13</v>
      </c>
    </row>
    <row r="90" spans="1:4" ht="18" customHeight="1" x14ac:dyDescent="0.15">
      <c r="A90" s="8" t="s">
        <v>10</v>
      </c>
      <c r="B90" s="21">
        <v>30</v>
      </c>
      <c r="C90" s="6">
        <v>33</v>
      </c>
      <c r="D90" s="5">
        <v>63</v>
      </c>
    </row>
    <row r="91" spans="1:4" ht="18" customHeight="1" x14ac:dyDescent="0.15">
      <c r="A91" s="8">
        <v>70</v>
      </c>
      <c r="B91" s="21">
        <v>6</v>
      </c>
      <c r="C91" s="6">
        <v>6</v>
      </c>
      <c r="D91" s="5">
        <v>12</v>
      </c>
    </row>
    <row r="92" spans="1:4" ht="18" customHeight="1" x14ac:dyDescent="0.15">
      <c r="A92" s="8">
        <v>71</v>
      </c>
      <c r="B92" s="21">
        <v>8</v>
      </c>
      <c r="C92" s="6">
        <v>9</v>
      </c>
      <c r="D92" s="5">
        <v>17</v>
      </c>
    </row>
    <row r="93" spans="1:4" ht="18" customHeight="1" x14ac:dyDescent="0.15">
      <c r="A93" s="8">
        <v>72</v>
      </c>
      <c r="B93" s="21">
        <v>4</v>
      </c>
      <c r="C93" s="6">
        <v>10</v>
      </c>
      <c r="D93" s="5">
        <v>14</v>
      </c>
    </row>
    <row r="94" spans="1:4" ht="18" customHeight="1" x14ac:dyDescent="0.15">
      <c r="A94" s="8">
        <v>73</v>
      </c>
      <c r="B94" s="21">
        <v>7</v>
      </c>
      <c r="C94" s="6">
        <v>6</v>
      </c>
      <c r="D94" s="5">
        <v>13</v>
      </c>
    </row>
    <row r="95" spans="1:4" ht="18" customHeight="1" x14ac:dyDescent="0.15">
      <c r="A95" s="8">
        <v>74</v>
      </c>
      <c r="B95" s="21">
        <v>8</v>
      </c>
      <c r="C95" s="6">
        <v>9</v>
      </c>
      <c r="D95" s="5">
        <v>17</v>
      </c>
    </row>
    <row r="96" spans="1:4" ht="18" customHeight="1" x14ac:dyDescent="0.15">
      <c r="A96" s="8" t="s">
        <v>9</v>
      </c>
      <c r="B96" s="21">
        <v>33</v>
      </c>
      <c r="C96" s="6">
        <v>40</v>
      </c>
      <c r="D96" s="5">
        <v>73</v>
      </c>
    </row>
    <row r="97" spans="1:4" ht="18" customHeight="1" x14ac:dyDescent="0.15">
      <c r="A97" s="8">
        <v>75</v>
      </c>
      <c r="B97" s="21">
        <v>15</v>
      </c>
      <c r="C97" s="6">
        <v>14</v>
      </c>
      <c r="D97" s="5">
        <v>29</v>
      </c>
    </row>
    <row r="98" spans="1:4" ht="18" customHeight="1" x14ac:dyDescent="0.15">
      <c r="A98" s="8">
        <v>76</v>
      </c>
      <c r="B98" s="21">
        <v>9</v>
      </c>
      <c r="C98" s="6">
        <v>10</v>
      </c>
      <c r="D98" s="5">
        <v>19</v>
      </c>
    </row>
    <row r="99" spans="1:4" ht="18" customHeight="1" x14ac:dyDescent="0.15">
      <c r="A99" s="8">
        <v>77</v>
      </c>
      <c r="B99" s="21">
        <v>15</v>
      </c>
      <c r="C99" s="6">
        <v>14</v>
      </c>
      <c r="D99" s="5">
        <v>29</v>
      </c>
    </row>
    <row r="100" spans="1:4" ht="18" customHeight="1" x14ac:dyDescent="0.15">
      <c r="A100" s="8">
        <v>78</v>
      </c>
      <c r="B100" s="21">
        <v>10</v>
      </c>
      <c r="C100" s="6">
        <v>16</v>
      </c>
      <c r="D100" s="5">
        <v>26</v>
      </c>
    </row>
    <row r="101" spans="1:4" ht="18" customHeight="1" x14ac:dyDescent="0.15">
      <c r="A101" s="8">
        <v>79</v>
      </c>
      <c r="B101" s="21">
        <v>2</v>
      </c>
      <c r="C101" s="6">
        <v>7</v>
      </c>
      <c r="D101" s="5">
        <v>9</v>
      </c>
    </row>
    <row r="102" spans="1:4" ht="18" customHeight="1" x14ac:dyDescent="0.15">
      <c r="A102" s="8" t="s">
        <v>8</v>
      </c>
      <c r="B102" s="21">
        <v>51</v>
      </c>
      <c r="C102" s="6">
        <v>61</v>
      </c>
      <c r="D102" s="5">
        <v>112</v>
      </c>
    </row>
    <row r="103" spans="1:4" ht="18" customHeight="1" x14ac:dyDescent="0.15">
      <c r="A103" s="8">
        <v>80</v>
      </c>
      <c r="B103" s="21">
        <v>5</v>
      </c>
      <c r="C103" s="6">
        <v>2</v>
      </c>
      <c r="D103" s="5">
        <v>7</v>
      </c>
    </row>
    <row r="104" spans="1:4" ht="18" customHeight="1" x14ac:dyDescent="0.15">
      <c r="A104" s="8">
        <v>81</v>
      </c>
      <c r="B104" s="21">
        <v>10</v>
      </c>
      <c r="C104" s="6">
        <v>5</v>
      </c>
      <c r="D104" s="5">
        <v>15</v>
      </c>
    </row>
    <row r="105" spans="1:4" ht="18" customHeight="1" x14ac:dyDescent="0.15">
      <c r="A105" s="8">
        <v>82</v>
      </c>
      <c r="B105" s="21">
        <v>7</v>
      </c>
      <c r="C105" s="6">
        <v>4</v>
      </c>
      <c r="D105" s="5">
        <v>11</v>
      </c>
    </row>
    <row r="106" spans="1:4" ht="18" customHeight="1" x14ac:dyDescent="0.15">
      <c r="A106" s="8">
        <v>83</v>
      </c>
      <c r="B106" s="21">
        <v>8</v>
      </c>
      <c r="C106" s="6">
        <v>2</v>
      </c>
      <c r="D106" s="5">
        <v>10</v>
      </c>
    </row>
    <row r="107" spans="1:4" ht="18" customHeight="1" x14ac:dyDescent="0.15">
      <c r="A107" s="8">
        <v>84</v>
      </c>
      <c r="B107" s="21">
        <v>2</v>
      </c>
      <c r="C107" s="6">
        <v>8</v>
      </c>
      <c r="D107" s="5">
        <v>10</v>
      </c>
    </row>
    <row r="108" spans="1:4" ht="18" customHeight="1" x14ac:dyDescent="0.15">
      <c r="A108" s="8" t="s">
        <v>7</v>
      </c>
      <c r="B108" s="21">
        <v>32</v>
      </c>
      <c r="C108" s="6">
        <v>21</v>
      </c>
      <c r="D108" s="5">
        <v>53</v>
      </c>
    </row>
    <row r="109" spans="1:4" ht="18" customHeight="1" x14ac:dyDescent="0.15">
      <c r="A109" s="8">
        <v>85</v>
      </c>
      <c r="B109" s="21">
        <v>4</v>
      </c>
      <c r="C109" s="6">
        <v>6</v>
      </c>
      <c r="D109" s="5">
        <v>10</v>
      </c>
    </row>
    <row r="110" spans="1:4" ht="18" customHeight="1" x14ac:dyDescent="0.15">
      <c r="A110" s="8">
        <v>86</v>
      </c>
      <c r="B110" s="21">
        <v>1</v>
      </c>
      <c r="C110" s="6">
        <v>6</v>
      </c>
      <c r="D110" s="5">
        <v>7</v>
      </c>
    </row>
    <row r="111" spans="1:4" ht="18" customHeight="1" x14ac:dyDescent="0.15">
      <c r="A111" s="8">
        <v>87</v>
      </c>
      <c r="B111" s="21">
        <v>1</v>
      </c>
      <c r="C111" s="6">
        <v>4</v>
      </c>
      <c r="D111" s="5">
        <v>5</v>
      </c>
    </row>
    <row r="112" spans="1:4" ht="18" customHeight="1" x14ac:dyDescent="0.15">
      <c r="A112" s="8">
        <v>88</v>
      </c>
      <c r="B112" s="21">
        <v>3</v>
      </c>
      <c r="C112" s="6">
        <v>5</v>
      </c>
      <c r="D112" s="5">
        <v>8</v>
      </c>
    </row>
    <row r="113" spans="1:4" ht="18" customHeight="1" x14ac:dyDescent="0.15">
      <c r="A113" s="8">
        <v>89</v>
      </c>
      <c r="B113" s="21">
        <v>2</v>
      </c>
      <c r="C113" s="6">
        <v>6</v>
      </c>
      <c r="D113" s="5">
        <v>8</v>
      </c>
    </row>
    <row r="114" spans="1:4" ht="18" customHeight="1" x14ac:dyDescent="0.15">
      <c r="A114" s="8" t="s">
        <v>6</v>
      </c>
      <c r="B114" s="21">
        <v>11</v>
      </c>
      <c r="C114" s="6">
        <v>27</v>
      </c>
      <c r="D114" s="5">
        <v>38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2</v>
      </c>
      <c r="C118" s="6">
        <v>3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2</v>
      </c>
      <c r="D119" s="5">
        <v>2</v>
      </c>
    </row>
    <row r="120" spans="1:4" ht="18" customHeight="1" x14ac:dyDescent="0.15">
      <c r="A120" s="8" t="s">
        <v>5</v>
      </c>
      <c r="B120" s="21">
        <v>6</v>
      </c>
      <c r="C120" s="6">
        <v>17</v>
      </c>
      <c r="D120" s="5">
        <v>23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65</v>
      </c>
      <c r="C130" s="6">
        <v>204</v>
      </c>
      <c r="D130" s="5">
        <v>369</v>
      </c>
    </row>
    <row r="131" spans="1:4" ht="18" customHeight="1" x14ac:dyDescent="0.15">
      <c r="A131" s="4" t="s">
        <v>0</v>
      </c>
      <c r="B131" s="20">
        <v>444</v>
      </c>
      <c r="C131" s="2">
        <v>493</v>
      </c>
      <c r="D131" s="1">
        <v>9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D7405C-65EB-4A5B-9C06-6F74B83E90A2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4</v>
      </c>
      <c r="D5" s="10">
        <v>5</v>
      </c>
    </row>
    <row r="6" spans="1:4" ht="18" customHeight="1" x14ac:dyDescent="0.15">
      <c r="A6" s="8">
        <v>1</v>
      </c>
      <c r="B6" s="21">
        <v>5</v>
      </c>
      <c r="C6" s="6">
        <v>4</v>
      </c>
      <c r="D6" s="5">
        <v>9</v>
      </c>
    </row>
    <row r="7" spans="1:4" ht="18" customHeight="1" x14ac:dyDescent="0.15">
      <c r="A7" s="8">
        <v>2</v>
      </c>
      <c r="B7" s="21">
        <v>7</v>
      </c>
      <c r="C7" s="6">
        <v>9</v>
      </c>
      <c r="D7" s="5">
        <v>16</v>
      </c>
    </row>
    <row r="8" spans="1:4" ht="18" customHeight="1" x14ac:dyDescent="0.15">
      <c r="A8" s="8">
        <v>3</v>
      </c>
      <c r="B8" s="21">
        <v>5</v>
      </c>
      <c r="C8" s="6">
        <v>4</v>
      </c>
      <c r="D8" s="5">
        <v>9</v>
      </c>
    </row>
    <row r="9" spans="1:4" ht="18" customHeight="1" x14ac:dyDescent="0.15">
      <c r="A9" s="8">
        <v>4</v>
      </c>
      <c r="B9" s="21">
        <v>5</v>
      </c>
      <c r="C9" s="6">
        <v>13</v>
      </c>
      <c r="D9" s="5">
        <v>18</v>
      </c>
    </row>
    <row r="10" spans="1:4" ht="18" customHeight="1" x14ac:dyDescent="0.15">
      <c r="A10" s="8" t="s">
        <v>25</v>
      </c>
      <c r="B10" s="21">
        <v>23</v>
      </c>
      <c r="C10" s="6">
        <v>34</v>
      </c>
      <c r="D10" s="5">
        <v>57</v>
      </c>
    </row>
    <row r="11" spans="1:4" ht="18" customHeight="1" x14ac:dyDescent="0.15">
      <c r="A11" s="8">
        <v>5</v>
      </c>
      <c r="B11" s="21">
        <v>11</v>
      </c>
      <c r="C11" s="6">
        <v>5</v>
      </c>
      <c r="D11" s="5">
        <v>16</v>
      </c>
    </row>
    <row r="12" spans="1:4" ht="18" customHeight="1" x14ac:dyDescent="0.15">
      <c r="A12" s="8">
        <v>6</v>
      </c>
      <c r="B12" s="21">
        <v>9</v>
      </c>
      <c r="C12" s="6">
        <v>5</v>
      </c>
      <c r="D12" s="5">
        <v>14</v>
      </c>
    </row>
    <row r="13" spans="1:4" ht="18" customHeight="1" x14ac:dyDescent="0.15">
      <c r="A13" s="8">
        <v>7</v>
      </c>
      <c r="B13" s="21">
        <v>9</v>
      </c>
      <c r="C13" s="6">
        <v>7</v>
      </c>
      <c r="D13" s="5">
        <v>16</v>
      </c>
    </row>
    <row r="14" spans="1:4" ht="18" customHeight="1" x14ac:dyDescent="0.15">
      <c r="A14" s="8">
        <v>8</v>
      </c>
      <c r="B14" s="21">
        <v>10</v>
      </c>
      <c r="C14" s="6">
        <v>9</v>
      </c>
      <c r="D14" s="5">
        <v>19</v>
      </c>
    </row>
    <row r="15" spans="1:4" ht="18" customHeight="1" x14ac:dyDescent="0.15">
      <c r="A15" s="8">
        <v>9</v>
      </c>
      <c r="B15" s="21">
        <v>7</v>
      </c>
      <c r="C15" s="6">
        <v>15</v>
      </c>
      <c r="D15" s="5">
        <v>22</v>
      </c>
    </row>
    <row r="16" spans="1:4" ht="18" customHeight="1" x14ac:dyDescent="0.15">
      <c r="A16" s="8" t="s">
        <v>24</v>
      </c>
      <c r="B16" s="21">
        <v>46</v>
      </c>
      <c r="C16" s="6">
        <v>41</v>
      </c>
      <c r="D16" s="5">
        <v>87</v>
      </c>
    </row>
    <row r="17" spans="1:4" ht="18" customHeight="1" x14ac:dyDescent="0.15">
      <c r="A17" s="8">
        <v>10</v>
      </c>
      <c r="B17" s="21">
        <v>10</v>
      </c>
      <c r="C17" s="6">
        <v>6</v>
      </c>
      <c r="D17" s="5">
        <v>16</v>
      </c>
    </row>
    <row r="18" spans="1:4" ht="18" customHeight="1" x14ac:dyDescent="0.15">
      <c r="A18" s="8">
        <v>11</v>
      </c>
      <c r="B18" s="21">
        <v>15</v>
      </c>
      <c r="C18" s="6">
        <v>9</v>
      </c>
      <c r="D18" s="5">
        <v>24</v>
      </c>
    </row>
    <row r="19" spans="1:4" ht="18" customHeight="1" x14ac:dyDescent="0.15">
      <c r="A19" s="8">
        <v>12</v>
      </c>
      <c r="B19" s="21">
        <v>19</v>
      </c>
      <c r="C19" s="6">
        <v>8</v>
      </c>
      <c r="D19" s="5">
        <v>27</v>
      </c>
    </row>
    <row r="20" spans="1:4" ht="18" customHeight="1" x14ac:dyDescent="0.15">
      <c r="A20" s="8">
        <v>13</v>
      </c>
      <c r="B20" s="21">
        <v>9</v>
      </c>
      <c r="C20" s="6">
        <v>9</v>
      </c>
      <c r="D20" s="5">
        <v>18</v>
      </c>
    </row>
    <row r="21" spans="1:4" ht="18" customHeight="1" x14ac:dyDescent="0.15">
      <c r="A21" s="8">
        <v>14</v>
      </c>
      <c r="B21" s="21">
        <v>12</v>
      </c>
      <c r="C21" s="6">
        <v>10</v>
      </c>
      <c r="D21" s="5">
        <v>22</v>
      </c>
    </row>
    <row r="22" spans="1:4" ht="18" customHeight="1" x14ac:dyDescent="0.15">
      <c r="A22" s="8" t="s">
        <v>23</v>
      </c>
      <c r="B22" s="21">
        <v>65</v>
      </c>
      <c r="C22" s="6">
        <v>42</v>
      </c>
      <c r="D22" s="5">
        <v>107</v>
      </c>
    </row>
    <row r="23" spans="1:4" ht="18" customHeight="1" x14ac:dyDescent="0.15">
      <c r="A23" s="8" t="s">
        <v>22</v>
      </c>
      <c r="B23" s="21">
        <v>134</v>
      </c>
      <c r="C23" s="6">
        <v>117</v>
      </c>
      <c r="D23" s="5">
        <v>251</v>
      </c>
    </row>
    <row r="24" spans="1:4" ht="18" customHeight="1" x14ac:dyDescent="0.15">
      <c r="A24" s="8">
        <v>15</v>
      </c>
      <c r="B24" s="21">
        <v>12</v>
      </c>
      <c r="C24" s="6">
        <v>13</v>
      </c>
      <c r="D24" s="5">
        <v>25</v>
      </c>
    </row>
    <row r="25" spans="1:4" ht="18" customHeight="1" x14ac:dyDescent="0.15">
      <c r="A25" s="8">
        <v>16</v>
      </c>
      <c r="B25" s="21">
        <v>16</v>
      </c>
      <c r="C25" s="6">
        <v>7</v>
      </c>
      <c r="D25" s="5">
        <v>23</v>
      </c>
    </row>
    <row r="26" spans="1:4" ht="18" customHeight="1" x14ac:dyDescent="0.15">
      <c r="A26" s="8">
        <v>17</v>
      </c>
      <c r="B26" s="21">
        <v>6</v>
      </c>
      <c r="C26" s="6">
        <v>15</v>
      </c>
      <c r="D26" s="5">
        <v>21</v>
      </c>
    </row>
    <row r="27" spans="1:4" ht="18" customHeight="1" x14ac:dyDescent="0.15">
      <c r="A27" s="8">
        <v>18</v>
      </c>
      <c r="B27" s="21">
        <v>14</v>
      </c>
      <c r="C27" s="6">
        <v>12</v>
      </c>
      <c r="D27" s="5">
        <v>26</v>
      </c>
    </row>
    <row r="28" spans="1:4" ht="18" customHeight="1" x14ac:dyDescent="0.15">
      <c r="A28" s="8">
        <v>19</v>
      </c>
      <c r="B28" s="21">
        <v>15</v>
      </c>
      <c r="C28" s="6">
        <v>7</v>
      </c>
      <c r="D28" s="5">
        <v>22</v>
      </c>
    </row>
    <row r="29" spans="1:4" ht="18" customHeight="1" x14ac:dyDescent="0.15">
      <c r="A29" s="8" t="s">
        <v>21</v>
      </c>
      <c r="B29" s="21">
        <v>63</v>
      </c>
      <c r="C29" s="6">
        <v>54</v>
      </c>
      <c r="D29" s="5">
        <v>117</v>
      </c>
    </row>
    <row r="30" spans="1:4" ht="18" customHeight="1" x14ac:dyDescent="0.15">
      <c r="A30" s="8">
        <v>20</v>
      </c>
      <c r="B30" s="21">
        <v>5</v>
      </c>
      <c r="C30" s="6">
        <v>12</v>
      </c>
      <c r="D30" s="5">
        <v>17</v>
      </c>
    </row>
    <row r="31" spans="1:4" ht="18" customHeight="1" x14ac:dyDescent="0.15">
      <c r="A31" s="8">
        <v>21</v>
      </c>
      <c r="B31" s="21">
        <v>14</v>
      </c>
      <c r="C31" s="6">
        <v>8</v>
      </c>
      <c r="D31" s="5">
        <v>22</v>
      </c>
    </row>
    <row r="32" spans="1:4" ht="18" customHeight="1" x14ac:dyDescent="0.15">
      <c r="A32" s="8">
        <v>22</v>
      </c>
      <c r="B32" s="21">
        <v>13</v>
      </c>
      <c r="C32" s="6">
        <v>14</v>
      </c>
      <c r="D32" s="5">
        <v>27</v>
      </c>
    </row>
    <row r="33" spans="1:4" ht="18" customHeight="1" x14ac:dyDescent="0.15">
      <c r="A33" s="8">
        <v>23</v>
      </c>
      <c r="B33" s="21">
        <v>16</v>
      </c>
      <c r="C33" s="6">
        <v>13</v>
      </c>
      <c r="D33" s="5">
        <v>29</v>
      </c>
    </row>
    <row r="34" spans="1:4" ht="18" customHeight="1" x14ac:dyDescent="0.15">
      <c r="A34" s="8">
        <v>24</v>
      </c>
      <c r="B34" s="21">
        <v>15</v>
      </c>
      <c r="C34" s="6">
        <v>9</v>
      </c>
      <c r="D34" s="5">
        <v>24</v>
      </c>
    </row>
    <row r="35" spans="1:4" ht="18" customHeight="1" x14ac:dyDescent="0.15">
      <c r="A35" s="8" t="s">
        <v>20</v>
      </c>
      <c r="B35" s="21">
        <v>63</v>
      </c>
      <c r="C35" s="6">
        <v>56</v>
      </c>
      <c r="D35" s="5">
        <v>119</v>
      </c>
    </row>
    <row r="36" spans="1:4" ht="18" customHeight="1" x14ac:dyDescent="0.15">
      <c r="A36" s="8">
        <v>25</v>
      </c>
      <c r="B36" s="21">
        <v>11</v>
      </c>
      <c r="C36" s="6">
        <v>13</v>
      </c>
      <c r="D36" s="5">
        <v>24</v>
      </c>
    </row>
    <row r="37" spans="1:4" ht="18" customHeight="1" x14ac:dyDescent="0.15">
      <c r="A37" s="8">
        <v>26</v>
      </c>
      <c r="B37" s="21">
        <v>2</v>
      </c>
      <c r="C37" s="6">
        <v>11</v>
      </c>
      <c r="D37" s="5">
        <v>13</v>
      </c>
    </row>
    <row r="38" spans="1:4" ht="18" customHeight="1" x14ac:dyDescent="0.15">
      <c r="A38" s="8">
        <v>27</v>
      </c>
      <c r="B38" s="21">
        <v>15</v>
      </c>
      <c r="C38" s="6">
        <v>8</v>
      </c>
      <c r="D38" s="5">
        <v>23</v>
      </c>
    </row>
    <row r="39" spans="1:4" ht="18" customHeight="1" x14ac:dyDescent="0.15">
      <c r="A39" s="8">
        <v>28</v>
      </c>
      <c r="B39" s="21">
        <v>9</v>
      </c>
      <c r="C39" s="6">
        <v>8</v>
      </c>
      <c r="D39" s="5">
        <v>17</v>
      </c>
    </row>
    <row r="40" spans="1:4" ht="18" customHeight="1" x14ac:dyDescent="0.15">
      <c r="A40" s="8">
        <v>29</v>
      </c>
      <c r="B40" s="21">
        <v>9</v>
      </c>
      <c r="C40" s="6">
        <v>14</v>
      </c>
      <c r="D40" s="5">
        <v>23</v>
      </c>
    </row>
    <row r="41" spans="1:4" ht="18" customHeight="1" x14ac:dyDescent="0.15">
      <c r="A41" s="8" t="s">
        <v>19</v>
      </c>
      <c r="B41" s="21">
        <v>46</v>
      </c>
      <c r="C41" s="6">
        <v>54</v>
      </c>
      <c r="D41" s="5">
        <v>100</v>
      </c>
    </row>
    <row r="42" spans="1:4" ht="18" customHeight="1" x14ac:dyDescent="0.15">
      <c r="A42" s="8">
        <v>30</v>
      </c>
      <c r="B42" s="21">
        <v>17</v>
      </c>
      <c r="C42" s="6">
        <v>11</v>
      </c>
      <c r="D42" s="5">
        <v>28</v>
      </c>
    </row>
    <row r="43" spans="1:4" ht="18" customHeight="1" x14ac:dyDescent="0.15">
      <c r="A43" s="8">
        <v>31</v>
      </c>
      <c r="B43" s="21">
        <v>11</v>
      </c>
      <c r="C43" s="6">
        <v>8</v>
      </c>
      <c r="D43" s="5">
        <v>19</v>
      </c>
    </row>
    <row r="44" spans="1:4" ht="18" customHeight="1" x14ac:dyDescent="0.15">
      <c r="A44" s="8">
        <v>32</v>
      </c>
      <c r="B44" s="21">
        <v>10</v>
      </c>
      <c r="C44" s="6">
        <v>6</v>
      </c>
      <c r="D44" s="5">
        <v>16</v>
      </c>
    </row>
    <row r="45" spans="1:4" ht="18" customHeight="1" x14ac:dyDescent="0.15">
      <c r="A45" s="8">
        <v>33</v>
      </c>
      <c r="B45" s="21">
        <v>6</v>
      </c>
      <c r="C45" s="6">
        <v>11</v>
      </c>
      <c r="D45" s="5">
        <v>17</v>
      </c>
    </row>
    <row r="46" spans="1:4" ht="18" customHeight="1" x14ac:dyDescent="0.15">
      <c r="A46" s="8">
        <v>34</v>
      </c>
      <c r="B46" s="21">
        <v>11</v>
      </c>
      <c r="C46" s="6">
        <v>10</v>
      </c>
      <c r="D46" s="5">
        <v>21</v>
      </c>
    </row>
    <row r="47" spans="1:4" ht="18" customHeight="1" x14ac:dyDescent="0.15">
      <c r="A47" s="8" t="s">
        <v>18</v>
      </c>
      <c r="B47" s="21">
        <v>55</v>
      </c>
      <c r="C47" s="6">
        <v>46</v>
      </c>
      <c r="D47" s="5">
        <v>101</v>
      </c>
    </row>
    <row r="48" spans="1:4" ht="18" customHeight="1" x14ac:dyDescent="0.15">
      <c r="A48" s="8">
        <v>35</v>
      </c>
      <c r="B48" s="21">
        <v>10</v>
      </c>
      <c r="C48" s="6">
        <v>8</v>
      </c>
      <c r="D48" s="5">
        <v>18</v>
      </c>
    </row>
    <row r="49" spans="1:4" ht="18" customHeight="1" x14ac:dyDescent="0.15">
      <c r="A49" s="8">
        <v>36</v>
      </c>
      <c r="B49" s="21">
        <v>11</v>
      </c>
      <c r="C49" s="6">
        <v>9</v>
      </c>
      <c r="D49" s="5">
        <v>20</v>
      </c>
    </row>
    <row r="50" spans="1:4" ht="18" customHeight="1" x14ac:dyDescent="0.15">
      <c r="A50" s="8">
        <v>37</v>
      </c>
      <c r="B50" s="21">
        <v>13</v>
      </c>
      <c r="C50" s="6">
        <v>14</v>
      </c>
      <c r="D50" s="5">
        <v>27</v>
      </c>
    </row>
    <row r="51" spans="1:4" ht="18" customHeight="1" x14ac:dyDescent="0.15">
      <c r="A51" s="8">
        <v>38</v>
      </c>
      <c r="B51" s="21">
        <v>12</v>
      </c>
      <c r="C51" s="6">
        <v>9</v>
      </c>
      <c r="D51" s="5">
        <v>21</v>
      </c>
    </row>
    <row r="52" spans="1:4" ht="18" customHeight="1" x14ac:dyDescent="0.15">
      <c r="A52" s="8">
        <v>39</v>
      </c>
      <c r="B52" s="21">
        <v>6</v>
      </c>
      <c r="C52" s="6">
        <v>6</v>
      </c>
      <c r="D52" s="5">
        <v>12</v>
      </c>
    </row>
    <row r="53" spans="1:4" ht="18" customHeight="1" x14ac:dyDescent="0.15">
      <c r="A53" s="8" t="s">
        <v>17</v>
      </c>
      <c r="B53" s="21">
        <v>52</v>
      </c>
      <c r="C53" s="6">
        <v>46</v>
      </c>
      <c r="D53" s="5">
        <v>98</v>
      </c>
    </row>
    <row r="54" spans="1:4" ht="18" customHeight="1" x14ac:dyDescent="0.15">
      <c r="A54" s="8">
        <v>40</v>
      </c>
      <c r="B54" s="21">
        <v>13</v>
      </c>
      <c r="C54" s="6">
        <v>14</v>
      </c>
      <c r="D54" s="5">
        <v>27</v>
      </c>
    </row>
    <row r="55" spans="1:4" ht="18" customHeight="1" x14ac:dyDescent="0.15">
      <c r="A55" s="8">
        <v>41</v>
      </c>
      <c r="B55" s="21">
        <v>15</v>
      </c>
      <c r="C55" s="6">
        <v>14</v>
      </c>
      <c r="D55" s="5">
        <v>29</v>
      </c>
    </row>
    <row r="56" spans="1:4" ht="18" customHeight="1" x14ac:dyDescent="0.15">
      <c r="A56" s="8">
        <v>42</v>
      </c>
      <c r="B56" s="21">
        <v>15</v>
      </c>
      <c r="C56" s="6">
        <v>7</v>
      </c>
      <c r="D56" s="5">
        <v>22</v>
      </c>
    </row>
    <row r="57" spans="1:4" ht="18" customHeight="1" x14ac:dyDescent="0.15">
      <c r="A57" s="8">
        <v>43</v>
      </c>
      <c r="B57" s="21">
        <v>11</v>
      </c>
      <c r="C57" s="6">
        <v>17</v>
      </c>
      <c r="D57" s="5">
        <v>28</v>
      </c>
    </row>
    <row r="58" spans="1:4" ht="18" customHeight="1" x14ac:dyDescent="0.15">
      <c r="A58" s="8">
        <v>44</v>
      </c>
      <c r="B58" s="21">
        <v>13</v>
      </c>
      <c r="C58" s="6">
        <v>17</v>
      </c>
      <c r="D58" s="5">
        <v>30</v>
      </c>
    </row>
    <row r="59" spans="1:4" ht="18" customHeight="1" x14ac:dyDescent="0.15">
      <c r="A59" s="8" t="s">
        <v>16</v>
      </c>
      <c r="B59" s="21">
        <v>67</v>
      </c>
      <c r="C59" s="6">
        <v>69</v>
      </c>
      <c r="D59" s="5">
        <v>136</v>
      </c>
    </row>
    <row r="60" spans="1:4" ht="18" customHeight="1" x14ac:dyDescent="0.15">
      <c r="A60" s="8">
        <v>45</v>
      </c>
      <c r="B60" s="21">
        <v>12</v>
      </c>
      <c r="C60" s="6">
        <v>17</v>
      </c>
      <c r="D60" s="5">
        <v>29</v>
      </c>
    </row>
    <row r="61" spans="1:4" ht="18" customHeight="1" x14ac:dyDescent="0.15">
      <c r="A61" s="8">
        <v>46</v>
      </c>
      <c r="B61" s="21">
        <v>13</v>
      </c>
      <c r="C61" s="6">
        <v>12</v>
      </c>
      <c r="D61" s="5">
        <v>25</v>
      </c>
    </row>
    <row r="62" spans="1:4" ht="18" customHeight="1" x14ac:dyDescent="0.15">
      <c r="A62" s="8">
        <v>47</v>
      </c>
      <c r="B62" s="21">
        <v>19</v>
      </c>
      <c r="C62" s="6">
        <v>22</v>
      </c>
      <c r="D62" s="5">
        <v>41</v>
      </c>
    </row>
    <row r="63" spans="1:4" ht="18" customHeight="1" x14ac:dyDescent="0.15">
      <c r="A63" s="8">
        <v>48</v>
      </c>
      <c r="B63" s="21">
        <v>17</v>
      </c>
      <c r="C63" s="6">
        <v>17</v>
      </c>
      <c r="D63" s="5">
        <v>34</v>
      </c>
    </row>
    <row r="64" spans="1:4" ht="18" customHeight="1" x14ac:dyDescent="0.15">
      <c r="A64" s="8">
        <v>49</v>
      </c>
      <c r="B64" s="21">
        <v>20</v>
      </c>
      <c r="C64" s="6">
        <v>16</v>
      </c>
      <c r="D64" s="5">
        <v>36</v>
      </c>
    </row>
    <row r="65" spans="1:4" ht="18" customHeight="1" x14ac:dyDescent="0.15">
      <c r="A65" s="8" t="s">
        <v>15</v>
      </c>
      <c r="B65" s="21">
        <v>81</v>
      </c>
      <c r="C65" s="6">
        <v>84</v>
      </c>
      <c r="D65" s="5">
        <v>165</v>
      </c>
    </row>
    <row r="66" spans="1:4" ht="18" customHeight="1" x14ac:dyDescent="0.15">
      <c r="A66" s="8">
        <v>50</v>
      </c>
      <c r="B66" s="21">
        <v>27</v>
      </c>
      <c r="C66" s="6">
        <v>12</v>
      </c>
      <c r="D66" s="5">
        <v>39</v>
      </c>
    </row>
    <row r="67" spans="1:4" ht="18" customHeight="1" x14ac:dyDescent="0.15">
      <c r="A67" s="8">
        <v>51</v>
      </c>
      <c r="B67" s="21">
        <v>28</v>
      </c>
      <c r="C67" s="6">
        <v>23</v>
      </c>
      <c r="D67" s="5">
        <v>51</v>
      </c>
    </row>
    <row r="68" spans="1:4" ht="18" customHeight="1" x14ac:dyDescent="0.15">
      <c r="A68" s="8">
        <v>52</v>
      </c>
      <c r="B68" s="21">
        <v>23</v>
      </c>
      <c r="C68" s="6">
        <v>17</v>
      </c>
      <c r="D68" s="5">
        <v>40</v>
      </c>
    </row>
    <row r="69" spans="1:4" ht="18" customHeight="1" x14ac:dyDescent="0.15">
      <c r="A69" s="8">
        <v>53</v>
      </c>
      <c r="B69" s="21">
        <v>20</v>
      </c>
      <c r="C69" s="6">
        <v>25</v>
      </c>
      <c r="D69" s="5">
        <v>45</v>
      </c>
    </row>
    <row r="70" spans="1:4" ht="18" customHeight="1" x14ac:dyDescent="0.15">
      <c r="A70" s="8">
        <v>54</v>
      </c>
      <c r="B70" s="21">
        <v>40</v>
      </c>
      <c r="C70" s="6">
        <v>28</v>
      </c>
      <c r="D70" s="5">
        <v>68</v>
      </c>
    </row>
    <row r="71" spans="1:4" ht="18" customHeight="1" x14ac:dyDescent="0.15">
      <c r="A71" s="8" t="s">
        <v>14</v>
      </c>
      <c r="B71" s="21">
        <v>138</v>
      </c>
      <c r="C71" s="6">
        <v>105</v>
      </c>
      <c r="D71" s="5">
        <v>243</v>
      </c>
    </row>
    <row r="72" spans="1:4" ht="18" customHeight="1" x14ac:dyDescent="0.15">
      <c r="A72" s="8">
        <v>55</v>
      </c>
      <c r="B72" s="21">
        <v>21</v>
      </c>
      <c r="C72" s="6">
        <v>25</v>
      </c>
      <c r="D72" s="5">
        <v>46</v>
      </c>
    </row>
    <row r="73" spans="1:4" ht="18" customHeight="1" x14ac:dyDescent="0.15">
      <c r="A73" s="8">
        <v>56</v>
      </c>
      <c r="B73" s="21">
        <v>29</v>
      </c>
      <c r="C73" s="6">
        <v>30</v>
      </c>
      <c r="D73" s="5">
        <v>59</v>
      </c>
    </row>
    <row r="74" spans="1:4" ht="18" customHeight="1" x14ac:dyDescent="0.15">
      <c r="A74" s="8">
        <v>57</v>
      </c>
      <c r="B74" s="21">
        <v>29</v>
      </c>
      <c r="C74" s="6">
        <v>16</v>
      </c>
      <c r="D74" s="5">
        <v>45</v>
      </c>
    </row>
    <row r="75" spans="1:4" ht="18" customHeight="1" x14ac:dyDescent="0.15">
      <c r="A75" s="8">
        <v>58</v>
      </c>
      <c r="B75" s="21">
        <v>25</v>
      </c>
      <c r="C75" s="6">
        <v>26</v>
      </c>
      <c r="D75" s="5">
        <v>51</v>
      </c>
    </row>
    <row r="76" spans="1:4" ht="18" customHeight="1" x14ac:dyDescent="0.15">
      <c r="A76" s="8">
        <v>59</v>
      </c>
      <c r="B76" s="21">
        <v>19</v>
      </c>
      <c r="C76" s="6">
        <v>15</v>
      </c>
      <c r="D76" s="5">
        <v>34</v>
      </c>
    </row>
    <row r="77" spans="1:4" ht="18" customHeight="1" x14ac:dyDescent="0.15">
      <c r="A77" s="8" t="s">
        <v>13</v>
      </c>
      <c r="B77" s="21">
        <v>123</v>
      </c>
      <c r="C77" s="6">
        <v>112</v>
      </c>
      <c r="D77" s="5">
        <v>235</v>
      </c>
    </row>
    <row r="78" spans="1:4" ht="18" customHeight="1" x14ac:dyDescent="0.15">
      <c r="A78" s="8">
        <v>60</v>
      </c>
      <c r="B78" s="21">
        <v>15</v>
      </c>
      <c r="C78" s="6">
        <v>19</v>
      </c>
      <c r="D78" s="5">
        <v>34</v>
      </c>
    </row>
    <row r="79" spans="1:4" ht="18" customHeight="1" x14ac:dyDescent="0.15">
      <c r="A79" s="8">
        <v>61</v>
      </c>
      <c r="B79" s="21">
        <v>18</v>
      </c>
      <c r="C79" s="6">
        <v>23</v>
      </c>
      <c r="D79" s="5">
        <v>41</v>
      </c>
    </row>
    <row r="80" spans="1:4" ht="18" customHeight="1" x14ac:dyDescent="0.15">
      <c r="A80" s="8">
        <v>62</v>
      </c>
      <c r="B80" s="21">
        <v>15</v>
      </c>
      <c r="C80" s="6">
        <v>12</v>
      </c>
      <c r="D80" s="5">
        <v>27</v>
      </c>
    </row>
    <row r="81" spans="1:4" ht="18" customHeight="1" x14ac:dyDescent="0.15">
      <c r="A81" s="8">
        <v>63</v>
      </c>
      <c r="B81" s="21">
        <v>20</v>
      </c>
      <c r="C81" s="6">
        <v>13</v>
      </c>
      <c r="D81" s="5">
        <v>33</v>
      </c>
    </row>
    <row r="82" spans="1:4" ht="18" customHeight="1" x14ac:dyDescent="0.15">
      <c r="A82" s="8">
        <v>64</v>
      </c>
      <c r="B82" s="21">
        <v>8</v>
      </c>
      <c r="C82" s="6">
        <v>19</v>
      </c>
      <c r="D82" s="5">
        <v>27</v>
      </c>
    </row>
    <row r="83" spans="1:4" ht="18" customHeight="1" x14ac:dyDescent="0.15">
      <c r="A83" s="8" t="s">
        <v>12</v>
      </c>
      <c r="B83" s="21">
        <v>76</v>
      </c>
      <c r="C83" s="6">
        <v>86</v>
      </c>
      <c r="D83" s="5">
        <v>162</v>
      </c>
    </row>
    <row r="84" spans="1:4" ht="18" customHeight="1" x14ac:dyDescent="0.15">
      <c r="A84" s="8" t="s">
        <v>11</v>
      </c>
      <c r="B84" s="21">
        <v>764</v>
      </c>
      <c r="C84" s="6">
        <v>712</v>
      </c>
      <c r="D84" s="5">
        <v>1476</v>
      </c>
    </row>
    <row r="85" spans="1:4" ht="18" customHeight="1" x14ac:dyDescent="0.15">
      <c r="A85" s="8">
        <v>65</v>
      </c>
      <c r="B85" s="21">
        <v>17</v>
      </c>
      <c r="C85" s="6">
        <v>23</v>
      </c>
      <c r="D85" s="5">
        <v>40</v>
      </c>
    </row>
    <row r="86" spans="1:4" ht="18" customHeight="1" x14ac:dyDescent="0.15">
      <c r="A86" s="8">
        <v>66</v>
      </c>
      <c r="B86" s="21">
        <v>9</v>
      </c>
      <c r="C86" s="6">
        <v>22</v>
      </c>
      <c r="D86" s="5">
        <v>31</v>
      </c>
    </row>
    <row r="87" spans="1:4" ht="18" customHeight="1" x14ac:dyDescent="0.15">
      <c r="A87" s="8">
        <v>67</v>
      </c>
      <c r="B87" s="21">
        <v>31</v>
      </c>
      <c r="C87" s="6">
        <v>26</v>
      </c>
      <c r="D87" s="5">
        <v>57</v>
      </c>
    </row>
    <row r="88" spans="1:4" ht="18" customHeight="1" x14ac:dyDescent="0.15">
      <c r="A88" s="8">
        <v>68</v>
      </c>
      <c r="B88" s="21">
        <v>14</v>
      </c>
      <c r="C88" s="6">
        <v>22</v>
      </c>
      <c r="D88" s="5">
        <v>36</v>
      </c>
    </row>
    <row r="89" spans="1:4" ht="18" customHeight="1" x14ac:dyDescent="0.15">
      <c r="A89" s="8">
        <v>69</v>
      </c>
      <c r="B89" s="21">
        <v>24</v>
      </c>
      <c r="C89" s="6">
        <v>20</v>
      </c>
      <c r="D89" s="5">
        <v>44</v>
      </c>
    </row>
    <row r="90" spans="1:4" ht="18" customHeight="1" x14ac:dyDescent="0.15">
      <c r="A90" s="8" t="s">
        <v>10</v>
      </c>
      <c r="B90" s="21">
        <v>95</v>
      </c>
      <c r="C90" s="6">
        <v>113</v>
      </c>
      <c r="D90" s="5">
        <v>208</v>
      </c>
    </row>
    <row r="91" spans="1:4" ht="18" customHeight="1" x14ac:dyDescent="0.15">
      <c r="A91" s="8">
        <v>70</v>
      </c>
      <c r="B91" s="21">
        <v>24</v>
      </c>
      <c r="C91" s="6">
        <v>32</v>
      </c>
      <c r="D91" s="5">
        <v>56</v>
      </c>
    </row>
    <row r="92" spans="1:4" ht="18" customHeight="1" x14ac:dyDescent="0.15">
      <c r="A92" s="8">
        <v>71</v>
      </c>
      <c r="B92" s="21">
        <v>26</v>
      </c>
      <c r="C92" s="6">
        <v>30</v>
      </c>
      <c r="D92" s="5">
        <v>56</v>
      </c>
    </row>
    <row r="93" spans="1:4" ht="18" customHeight="1" x14ac:dyDescent="0.15">
      <c r="A93" s="8">
        <v>72</v>
      </c>
      <c r="B93" s="21">
        <v>23</v>
      </c>
      <c r="C93" s="6">
        <v>23</v>
      </c>
      <c r="D93" s="5">
        <v>46</v>
      </c>
    </row>
    <row r="94" spans="1:4" ht="18" customHeight="1" x14ac:dyDescent="0.15">
      <c r="A94" s="8">
        <v>73</v>
      </c>
      <c r="B94" s="21">
        <v>28</v>
      </c>
      <c r="C94" s="6">
        <v>28</v>
      </c>
      <c r="D94" s="5">
        <v>56</v>
      </c>
    </row>
    <row r="95" spans="1:4" ht="18" customHeight="1" x14ac:dyDescent="0.15">
      <c r="A95" s="8">
        <v>74</v>
      </c>
      <c r="B95" s="21">
        <v>18</v>
      </c>
      <c r="C95" s="6">
        <v>28</v>
      </c>
      <c r="D95" s="5">
        <v>46</v>
      </c>
    </row>
    <row r="96" spans="1:4" ht="18" customHeight="1" x14ac:dyDescent="0.15">
      <c r="A96" s="8" t="s">
        <v>9</v>
      </c>
      <c r="B96" s="21">
        <v>119</v>
      </c>
      <c r="C96" s="6">
        <v>141</v>
      </c>
      <c r="D96" s="5">
        <v>260</v>
      </c>
    </row>
    <row r="97" spans="1:4" ht="18" customHeight="1" x14ac:dyDescent="0.15">
      <c r="A97" s="8">
        <v>75</v>
      </c>
      <c r="B97" s="21">
        <v>34</v>
      </c>
      <c r="C97" s="6">
        <v>40</v>
      </c>
      <c r="D97" s="5">
        <v>74</v>
      </c>
    </row>
    <row r="98" spans="1:4" ht="18" customHeight="1" x14ac:dyDescent="0.15">
      <c r="A98" s="8">
        <v>76</v>
      </c>
      <c r="B98" s="21">
        <v>35</v>
      </c>
      <c r="C98" s="6">
        <v>49</v>
      </c>
      <c r="D98" s="5">
        <v>84</v>
      </c>
    </row>
    <row r="99" spans="1:4" ht="18" customHeight="1" x14ac:dyDescent="0.15">
      <c r="A99" s="8">
        <v>77</v>
      </c>
      <c r="B99" s="21">
        <v>35</v>
      </c>
      <c r="C99" s="6">
        <v>44</v>
      </c>
      <c r="D99" s="5">
        <v>79</v>
      </c>
    </row>
    <row r="100" spans="1:4" ht="18" customHeight="1" x14ac:dyDescent="0.15">
      <c r="A100" s="8">
        <v>78</v>
      </c>
      <c r="B100" s="21">
        <v>49</v>
      </c>
      <c r="C100" s="6">
        <v>61</v>
      </c>
      <c r="D100" s="5">
        <v>110</v>
      </c>
    </row>
    <row r="101" spans="1:4" ht="18" customHeight="1" x14ac:dyDescent="0.15">
      <c r="A101" s="8">
        <v>79</v>
      </c>
      <c r="B101" s="21">
        <v>20</v>
      </c>
      <c r="C101" s="6">
        <v>20</v>
      </c>
      <c r="D101" s="5">
        <v>40</v>
      </c>
    </row>
    <row r="102" spans="1:4" ht="18" customHeight="1" x14ac:dyDescent="0.15">
      <c r="A102" s="8" t="s">
        <v>8</v>
      </c>
      <c r="B102" s="21">
        <v>173</v>
      </c>
      <c r="C102" s="6">
        <v>214</v>
      </c>
      <c r="D102" s="5">
        <v>387</v>
      </c>
    </row>
    <row r="103" spans="1:4" ht="18" customHeight="1" x14ac:dyDescent="0.15">
      <c r="A103" s="8">
        <v>80</v>
      </c>
      <c r="B103" s="21">
        <v>20</v>
      </c>
      <c r="C103" s="6">
        <v>26</v>
      </c>
      <c r="D103" s="5">
        <v>46</v>
      </c>
    </row>
    <row r="104" spans="1:4" ht="18" customHeight="1" x14ac:dyDescent="0.15">
      <c r="A104" s="8">
        <v>81</v>
      </c>
      <c r="B104" s="21">
        <v>30</v>
      </c>
      <c r="C104" s="6">
        <v>34</v>
      </c>
      <c r="D104" s="5">
        <v>64</v>
      </c>
    </row>
    <row r="105" spans="1:4" ht="18" customHeight="1" x14ac:dyDescent="0.15">
      <c r="A105" s="8">
        <v>82</v>
      </c>
      <c r="B105" s="21">
        <v>32</v>
      </c>
      <c r="C105" s="6">
        <v>31</v>
      </c>
      <c r="D105" s="5">
        <v>63</v>
      </c>
    </row>
    <row r="106" spans="1:4" ht="18" customHeight="1" x14ac:dyDescent="0.15">
      <c r="A106" s="8">
        <v>83</v>
      </c>
      <c r="B106" s="21">
        <v>16</v>
      </c>
      <c r="C106" s="6">
        <v>33</v>
      </c>
      <c r="D106" s="5">
        <v>49</v>
      </c>
    </row>
    <row r="107" spans="1:4" ht="18" customHeight="1" x14ac:dyDescent="0.15">
      <c r="A107" s="8">
        <v>84</v>
      </c>
      <c r="B107" s="21">
        <v>20</v>
      </c>
      <c r="C107" s="6">
        <v>40</v>
      </c>
      <c r="D107" s="5">
        <v>60</v>
      </c>
    </row>
    <row r="108" spans="1:4" ht="18" customHeight="1" x14ac:dyDescent="0.15">
      <c r="A108" s="8" t="s">
        <v>7</v>
      </c>
      <c r="B108" s="21">
        <v>118</v>
      </c>
      <c r="C108" s="6">
        <v>164</v>
      </c>
      <c r="D108" s="5">
        <v>282</v>
      </c>
    </row>
    <row r="109" spans="1:4" ht="18" customHeight="1" x14ac:dyDescent="0.15">
      <c r="A109" s="8">
        <v>85</v>
      </c>
      <c r="B109" s="21">
        <v>25</v>
      </c>
      <c r="C109" s="6">
        <v>28</v>
      </c>
      <c r="D109" s="5">
        <v>53</v>
      </c>
    </row>
    <row r="110" spans="1:4" ht="18" customHeight="1" x14ac:dyDescent="0.15">
      <c r="A110" s="8">
        <v>86</v>
      </c>
      <c r="B110" s="21">
        <v>9</v>
      </c>
      <c r="C110" s="6">
        <v>34</v>
      </c>
      <c r="D110" s="5">
        <v>43</v>
      </c>
    </row>
    <row r="111" spans="1:4" ht="18" customHeight="1" x14ac:dyDescent="0.15">
      <c r="A111" s="8">
        <v>87</v>
      </c>
      <c r="B111" s="21">
        <v>4</v>
      </c>
      <c r="C111" s="6">
        <v>20</v>
      </c>
      <c r="D111" s="5">
        <v>24</v>
      </c>
    </row>
    <row r="112" spans="1:4" ht="18" customHeight="1" x14ac:dyDescent="0.15">
      <c r="A112" s="8">
        <v>88</v>
      </c>
      <c r="B112" s="21">
        <v>11</v>
      </c>
      <c r="C112" s="6">
        <v>15</v>
      </c>
      <c r="D112" s="5">
        <v>26</v>
      </c>
    </row>
    <row r="113" spans="1:4" ht="18" customHeight="1" x14ac:dyDescent="0.15">
      <c r="A113" s="8">
        <v>89</v>
      </c>
      <c r="B113" s="21">
        <v>13</v>
      </c>
      <c r="C113" s="6">
        <v>17</v>
      </c>
      <c r="D113" s="5">
        <v>30</v>
      </c>
    </row>
    <row r="114" spans="1:4" ht="18" customHeight="1" x14ac:dyDescent="0.15">
      <c r="A114" s="8" t="s">
        <v>6</v>
      </c>
      <c r="B114" s="21">
        <v>62</v>
      </c>
      <c r="C114" s="6">
        <v>114</v>
      </c>
      <c r="D114" s="5">
        <v>176</v>
      </c>
    </row>
    <row r="115" spans="1:4" ht="18" customHeight="1" x14ac:dyDescent="0.15">
      <c r="A115" s="8">
        <v>90</v>
      </c>
      <c r="B115" s="21">
        <v>4</v>
      </c>
      <c r="C115" s="6">
        <v>23</v>
      </c>
      <c r="D115" s="5">
        <v>27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4</v>
      </c>
      <c r="C117" s="6">
        <v>17</v>
      </c>
      <c r="D117" s="5">
        <v>21</v>
      </c>
    </row>
    <row r="118" spans="1:4" ht="18" customHeight="1" x14ac:dyDescent="0.15">
      <c r="A118" s="8">
        <v>93</v>
      </c>
      <c r="B118" s="21">
        <v>2</v>
      </c>
      <c r="C118" s="6">
        <v>14</v>
      </c>
      <c r="D118" s="5">
        <v>16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13</v>
      </c>
      <c r="C120" s="6">
        <v>64</v>
      </c>
      <c r="D120" s="5">
        <v>77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4</v>
      </c>
      <c r="C126" s="6">
        <v>18</v>
      </c>
      <c r="D126" s="5">
        <v>2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584</v>
      </c>
      <c r="C130" s="6">
        <v>834</v>
      </c>
      <c r="D130" s="5">
        <v>1418</v>
      </c>
    </row>
    <row r="131" spans="1:4" ht="18" customHeight="1" x14ac:dyDescent="0.15">
      <c r="A131" s="4" t="s">
        <v>0</v>
      </c>
      <c r="B131" s="20">
        <v>1482</v>
      </c>
      <c r="C131" s="2">
        <v>1663</v>
      </c>
      <c r="D131" s="1">
        <v>31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D78A23-34CE-458E-B02A-FCAAD953A60A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11</v>
      </c>
      <c r="D5" s="10">
        <v>16</v>
      </c>
    </row>
    <row r="6" spans="1:4" ht="18" customHeight="1" x14ac:dyDescent="0.15">
      <c r="A6" s="8">
        <v>1</v>
      </c>
      <c r="B6" s="21">
        <v>8</v>
      </c>
      <c r="C6" s="6">
        <v>8</v>
      </c>
      <c r="D6" s="5">
        <v>16</v>
      </c>
    </row>
    <row r="7" spans="1:4" ht="18" customHeight="1" x14ac:dyDescent="0.15">
      <c r="A7" s="8">
        <v>2</v>
      </c>
      <c r="B7" s="21">
        <v>8</v>
      </c>
      <c r="C7" s="6">
        <v>10</v>
      </c>
      <c r="D7" s="5">
        <v>18</v>
      </c>
    </row>
    <row r="8" spans="1:4" ht="18" customHeight="1" x14ac:dyDescent="0.15">
      <c r="A8" s="8">
        <v>3</v>
      </c>
      <c r="B8" s="21">
        <v>12</v>
      </c>
      <c r="C8" s="6">
        <v>11</v>
      </c>
      <c r="D8" s="5">
        <v>23</v>
      </c>
    </row>
    <row r="9" spans="1:4" ht="18" customHeight="1" x14ac:dyDescent="0.15">
      <c r="A9" s="8">
        <v>4</v>
      </c>
      <c r="B9" s="21">
        <v>10</v>
      </c>
      <c r="C9" s="6">
        <v>8</v>
      </c>
      <c r="D9" s="5">
        <v>18</v>
      </c>
    </row>
    <row r="10" spans="1:4" ht="18" customHeight="1" x14ac:dyDescent="0.15">
      <c r="A10" s="8" t="s">
        <v>25</v>
      </c>
      <c r="B10" s="21">
        <v>43</v>
      </c>
      <c r="C10" s="6">
        <v>48</v>
      </c>
      <c r="D10" s="5">
        <v>91</v>
      </c>
    </row>
    <row r="11" spans="1:4" ht="18" customHeight="1" x14ac:dyDescent="0.15">
      <c r="A11" s="8">
        <v>5</v>
      </c>
      <c r="B11" s="21">
        <v>16</v>
      </c>
      <c r="C11" s="6">
        <v>5</v>
      </c>
      <c r="D11" s="5">
        <v>21</v>
      </c>
    </row>
    <row r="12" spans="1:4" ht="18" customHeight="1" x14ac:dyDescent="0.15">
      <c r="A12" s="8">
        <v>6</v>
      </c>
      <c r="B12" s="21">
        <v>11</v>
      </c>
      <c r="C12" s="6">
        <v>14</v>
      </c>
      <c r="D12" s="5">
        <v>25</v>
      </c>
    </row>
    <row r="13" spans="1:4" ht="18" customHeight="1" x14ac:dyDescent="0.15">
      <c r="A13" s="8">
        <v>7</v>
      </c>
      <c r="B13" s="21">
        <v>10</v>
      </c>
      <c r="C13" s="6">
        <v>11</v>
      </c>
      <c r="D13" s="5">
        <v>21</v>
      </c>
    </row>
    <row r="14" spans="1:4" ht="18" customHeight="1" x14ac:dyDescent="0.15">
      <c r="A14" s="8">
        <v>8</v>
      </c>
      <c r="B14" s="21">
        <v>11</v>
      </c>
      <c r="C14" s="6">
        <v>6</v>
      </c>
      <c r="D14" s="5">
        <v>17</v>
      </c>
    </row>
    <row r="15" spans="1:4" ht="18" customHeight="1" x14ac:dyDescent="0.15">
      <c r="A15" s="8">
        <v>9</v>
      </c>
      <c r="B15" s="21">
        <v>18</v>
      </c>
      <c r="C15" s="6">
        <v>10</v>
      </c>
      <c r="D15" s="5">
        <v>28</v>
      </c>
    </row>
    <row r="16" spans="1:4" ht="18" customHeight="1" x14ac:dyDescent="0.15">
      <c r="A16" s="8" t="s">
        <v>24</v>
      </c>
      <c r="B16" s="21">
        <v>66</v>
      </c>
      <c r="C16" s="6">
        <v>46</v>
      </c>
      <c r="D16" s="5">
        <v>112</v>
      </c>
    </row>
    <row r="17" spans="1:4" ht="18" customHeight="1" x14ac:dyDescent="0.15">
      <c r="A17" s="8">
        <v>10</v>
      </c>
      <c r="B17" s="21">
        <v>11</v>
      </c>
      <c r="C17" s="6">
        <v>10</v>
      </c>
      <c r="D17" s="5">
        <v>21</v>
      </c>
    </row>
    <row r="18" spans="1:4" ht="18" customHeight="1" x14ac:dyDescent="0.15">
      <c r="A18" s="8">
        <v>11</v>
      </c>
      <c r="B18" s="21">
        <v>10</v>
      </c>
      <c r="C18" s="6">
        <v>6</v>
      </c>
      <c r="D18" s="5">
        <v>16</v>
      </c>
    </row>
    <row r="19" spans="1:4" ht="18" customHeight="1" x14ac:dyDescent="0.15">
      <c r="A19" s="8">
        <v>12</v>
      </c>
      <c r="B19" s="21">
        <v>8</v>
      </c>
      <c r="C19" s="6">
        <v>10</v>
      </c>
      <c r="D19" s="5">
        <v>18</v>
      </c>
    </row>
    <row r="20" spans="1:4" ht="18" customHeight="1" x14ac:dyDescent="0.15">
      <c r="A20" s="8">
        <v>13</v>
      </c>
      <c r="B20" s="21">
        <v>20</v>
      </c>
      <c r="C20" s="6">
        <v>9</v>
      </c>
      <c r="D20" s="5">
        <v>29</v>
      </c>
    </row>
    <row r="21" spans="1:4" ht="18" customHeight="1" x14ac:dyDescent="0.15">
      <c r="A21" s="8">
        <v>14</v>
      </c>
      <c r="B21" s="21">
        <v>12</v>
      </c>
      <c r="C21" s="6">
        <v>12</v>
      </c>
      <c r="D21" s="5">
        <v>24</v>
      </c>
    </row>
    <row r="22" spans="1:4" ht="18" customHeight="1" x14ac:dyDescent="0.15">
      <c r="A22" s="8" t="s">
        <v>23</v>
      </c>
      <c r="B22" s="21">
        <v>61</v>
      </c>
      <c r="C22" s="6">
        <v>47</v>
      </c>
      <c r="D22" s="5">
        <v>108</v>
      </c>
    </row>
    <row r="23" spans="1:4" ht="18" customHeight="1" x14ac:dyDescent="0.15">
      <c r="A23" s="8" t="s">
        <v>22</v>
      </c>
      <c r="B23" s="21">
        <v>170</v>
      </c>
      <c r="C23" s="6">
        <v>141</v>
      </c>
      <c r="D23" s="5">
        <v>311</v>
      </c>
    </row>
    <row r="24" spans="1:4" ht="18" customHeight="1" x14ac:dyDescent="0.15">
      <c r="A24" s="8">
        <v>15</v>
      </c>
      <c r="B24" s="21">
        <v>11</v>
      </c>
      <c r="C24" s="6">
        <v>14</v>
      </c>
      <c r="D24" s="5">
        <v>25</v>
      </c>
    </row>
    <row r="25" spans="1:4" ht="18" customHeight="1" x14ac:dyDescent="0.15">
      <c r="A25" s="8">
        <v>16</v>
      </c>
      <c r="B25" s="21">
        <v>15</v>
      </c>
      <c r="C25" s="6">
        <v>12</v>
      </c>
      <c r="D25" s="5">
        <v>27</v>
      </c>
    </row>
    <row r="26" spans="1:4" ht="18" customHeight="1" x14ac:dyDescent="0.15">
      <c r="A26" s="8">
        <v>17</v>
      </c>
      <c r="B26" s="21">
        <v>18</v>
      </c>
      <c r="C26" s="6">
        <v>10</v>
      </c>
      <c r="D26" s="5">
        <v>28</v>
      </c>
    </row>
    <row r="27" spans="1:4" ht="18" customHeight="1" x14ac:dyDescent="0.15">
      <c r="A27" s="8">
        <v>18</v>
      </c>
      <c r="B27" s="21">
        <v>11</v>
      </c>
      <c r="C27" s="6">
        <v>11</v>
      </c>
      <c r="D27" s="5">
        <v>22</v>
      </c>
    </row>
    <row r="28" spans="1:4" ht="18" customHeight="1" x14ac:dyDescent="0.15">
      <c r="A28" s="8">
        <v>19</v>
      </c>
      <c r="B28" s="21">
        <v>10</v>
      </c>
      <c r="C28" s="6">
        <v>20</v>
      </c>
      <c r="D28" s="5">
        <v>30</v>
      </c>
    </row>
    <row r="29" spans="1:4" ht="18" customHeight="1" x14ac:dyDescent="0.15">
      <c r="A29" s="8" t="s">
        <v>21</v>
      </c>
      <c r="B29" s="21">
        <v>65</v>
      </c>
      <c r="C29" s="6">
        <v>67</v>
      </c>
      <c r="D29" s="5">
        <v>132</v>
      </c>
    </row>
    <row r="30" spans="1:4" ht="18" customHeight="1" x14ac:dyDescent="0.15">
      <c r="A30" s="8">
        <v>20</v>
      </c>
      <c r="B30" s="21">
        <v>24</v>
      </c>
      <c r="C30" s="6">
        <v>16</v>
      </c>
      <c r="D30" s="5">
        <v>40</v>
      </c>
    </row>
    <row r="31" spans="1:4" ht="18" customHeight="1" x14ac:dyDescent="0.15">
      <c r="A31" s="8">
        <v>21</v>
      </c>
      <c r="B31" s="21">
        <v>17</v>
      </c>
      <c r="C31" s="6">
        <v>14</v>
      </c>
      <c r="D31" s="5">
        <v>31</v>
      </c>
    </row>
    <row r="32" spans="1:4" ht="18" customHeight="1" x14ac:dyDescent="0.15">
      <c r="A32" s="8">
        <v>22</v>
      </c>
      <c r="B32" s="21">
        <v>16</v>
      </c>
      <c r="C32" s="6">
        <v>14</v>
      </c>
      <c r="D32" s="5">
        <v>30</v>
      </c>
    </row>
    <row r="33" spans="1:4" ht="18" customHeight="1" x14ac:dyDescent="0.15">
      <c r="A33" s="8">
        <v>23</v>
      </c>
      <c r="B33" s="21">
        <v>20</v>
      </c>
      <c r="C33" s="6">
        <v>23</v>
      </c>
      <c r="D33" s="5">
        <v>43</v>
      </c>
    </row>
    <row r="34" spans="1:4" ht="18" customHeight="1" x14ac:dyDescent="0.15">
      <c r="A34" s="8">
        <v>24</v>
      </c>
      <c r="B34" s="21">
        <v>19</v>
      </c>
      <c r="C34" s="6">
        <v>22</v>
      </c>
      <c r="D34" s="5">
        <v>41</v>
      </c>
    </row>
    <row r="35" spans="1:4" ht="18" customHeight="1" x14ac:dyDescent="0.15">
      <c r="A35" s="8" t="s">
        <v>20</v>
      </c>
      <c r="B35" s="21">
        <v>96</v>
      </c>
      <c r="C35" s="6">
        <v>89</v>
      </c>
      <c r="D35" s="5">
        <v>185</v>
      </c>
    </row>
    <row r="36" spans="1:4" ht="18" customHeight="1" x14ac:dyDescent="0.15">
      <c r="A36" s="8">
        <v>25</v>
      </c>
      <c r="B36" s="21">
        <v>21</v>
      </c>
      <c r="C36" s="6">
        <v>22</v>
      </c>
      <c r="D36" s="5">
        <v>43</v>
      </c>
    </row>
    <row r="37" spans="1:4" ht="18" customHeight="1" x14ac:dyDescent="0.15">
      <c r="A37" s="8">
        <v>26</v>
      </c>
      <c r="B37" s="21">
        <v>21</v>
      </c>
      <c r="C37" s="6">
        <v>20</v>
      </c>
      <c r="D37" s="5">
        <v>41</v>
      </c>
    </row>
    <row r="38" spans="1:4" ht="18" customHeight="1" x14ac:dyDescent="0.15">
      <c r="A38" s="8">
        <v>27</v>
      </c>
      <c r="B38" s="21">
        <v>21</v>
      </c>
      <c r="C38" s="6">
        <v>14</v>
      </c>
      <c r="D38" s="5">
        <v>35</v>
      </c>
    </row>
    <row r="39" spans="1:4" ht="18" customHeight="1" x14ac:dyDescent="0.15">
      <c r="A39" s="8">
        <v>28</v>
      </c>
      <c r="B39" s="21">
        <v>15</v>
      </c>
      <c r="C39" s="6">
        <v>20</v>
      </c>
      <c r="D39" s="5">
        <v>35</v>
      </c>
    </row>
    <row r="40" spans="1:4" ht="18" customHeight="1" x14ac:dyDescent="0.15">
      <c r="A40" s="8">
        <v>29</v>
      </c>
      <c r="B40" s="21">
        <v>34</v>
      </c>
      <c r="C40" s="6">
        <v>28</v>
      </c>
      <c r="D40" s="5">
        <v>62</v>
      </c>
    </row>
    <row r="41" spans="1:4" ht="18" customHeight="1" x14ac:dyDescent="0.15">
      <c r="A41" s="8" t="s">
        <v>19</v>
      </c>
      <c r="B41" s="21">
        <v>112</v>
      </c>
      <c r="C41" s="6">
        <v>104</v>
      </c>
      <c r="D41" s="5">
        <v>216</v>
      </c>
    </row>
    <row r="42" spans="1:4" ht="18" customHeight="1" x14ac:dyDescent="0.15">
      <c r="A42" s="8">
        <v>30</v>
      </c>
      <c r="B42" s="21">
        <v>17</v>
      </c>
      <c r="C42" s="6">
        <v>20</v>
      </c>
      <c r="D42" s="5">
        <v>37</v>
      </c>
    </row>
    <row r="43" spans="1:4" ht="18" customHeight="1" x14ac:dyDescent="0.15">
      <c r="A43" s="8">
        <v>31</v>
      </c>
      <c r="B43" s="21">
        <v>27</v>
      </c>
      <c r="C43" s="6">
        <v>22</v>
      </c>
      <c r="D43" s="5">
        <v>49</v>
      </c>
    </row>
    <row r="44" spans="1:4" ht="18" customHeight="1" x14ac:dyDescent="0.15">
      <c r="A44" s="8">
        <v>32</v>
      </c>
      <c r="B44" s="21">
        <v>22</v>
      </c>
      <c r="C44" s="6">
        <v>10</v>
      </c>
      <c r="D44" s="5">
        <v>32</v>
      </c>
    </row>
    <row r="45" spans="1:4" ht="18" customHeight="1" x14ac:dyDescent="0.15">
      <c r="A45" s="8">
        <v>33</v>
      </c>
      <c r="B45" s="21">
        <v>17</v>
      </c>
      <c r="C45" s="6">
        <v>14</v>
      </c>
      <c r="D45" s="5">
        <v>31</v>
      </c>
    </row>
    <row r="46" spans="1:4" ht="18" customHeight="1" x14ac:dyDescent="0.15">
      <c r="A46" s="8">
        <v>34</v>
      </c>
      <c r="B46" s="21">
        <v>20</v>
      </c>
      <c r="C46" s="6">
        <v>13</v>
      </c>
      <c r="D46" s="5">
        <v>33</v>
      </c>
    </row>
    <row r="47" spans="1:4" ht="18" customHeight="1" x14ac:dyDescent="0.15">
      <c r="A47" s="8" t="s">
        <v>18</v>
      </c>
      <c r="B47" s="21">
        <v>103</v>
      </c>
      <c r="C47" s="6">
        <v>79</v>
      </c>
      <c r="D47" s="5">
        <v>182</v>
      </c>
    </row>
    <row r="48" spans="1:4" ht="18" customHeight="1" x14ac:dyDescent="0.15">
      <c r="A48" s="8">
        <v>35</v>
      </c>
      <c r="B48" s="21">
        <v>17</v>
      </c>
      <c r="C48" s="6">
        <v>12</v>
      </c>
      <c r="D48" s="5">
        <v>29</v>
      </c>
    </row>
    <row r="49" spans="1:4" ht="18" customHeight="1" x14ac:dyDescent="0.15">
      <c r="A49" s="8">
        <v>36</v>
      </c>
      <c r="B49" s="21">
        <v>16</v>
      </c>
      <c r="C49" s="6">
        <v>11</v>
      </c>
      <c r="D49" s="5">
        <v>27</v>
      </c>
    </row>
    <row r="50" spans="1:4" ht="18" customHeight="1" x14ac:dyDescent="0.15">
      <c r="A50" s="8">
        <v>37</v>
      </c>
      <c r="B50" s="21">
        <v>24</v>
      </c>
      <c r="C50" s="6">
        <v>12</v>
      </c>
      <c r="D50" s="5">
        <v>36</v>
      </c>
    </row>
    <row r="51" spans="1:4" ht="18" customHeight="1" x14ac:dyDescent="0.15">
      <c r="A51" s="8">
        <v>38</v>
      </c>
      <c r="B51" s="21">
        <v>15</v>
      </c>
      <c r="C51" s="6">
        <v>14</v>
      </c>
      <c r="D51" s="5">
        <v>29</v>
      </c>
    </row>
    <row r="52" spans="1:4" ht="18" customHeight="1" x14ac:dyDescent="0.15">
      <c r="A52" s="8">
        <v>39</v>
      </c>
      <c r="B52" s="21">
        <v>23</v>
      </c>
      <c r="C52" s="6">
        <v>19</v>
      </c>
      <c r="D52" s="5">
        <v>42</v>
      </c>
    </row>
    <row r="53" spans="1:4" ht="18" customHeight="1" x14ac:dyDescent="0.15">
      <c r="A53" s="8" t="s">
        <v>17</v>
      </c>
      <c r="B53" s="21">
        <v>95</v>
      </c>
      <c r="C53" s="6">
        <v>68</v>
      </c>
      <c r="D53" s="5">
        <v>163</v>
      </c>
    </row>
    <row r="54" spans="1:4" ht="18" customHeight="1" x14ac:dyDescent="0.15">
      <c r="A54" s="8">
        <v>40</v>
      </c>
      <c r="B54" s="21">
        <v>15</v>
      </c>
      <c r="C54" s="6">
        <v>14</v>
      </c>
      <c r="D54" s="5">
        <v>29</v>
      </c>
    </row>
    <row r="55" spans="1:4" ht="18" customHeight="1" x14ac:dyDescent="0.15">
      <c r="A55" s="8">
        <v>41</v>
      </c>
      <c r="B55" s="21">
        <v>17</v>
      </c>
      <c r="C55" s="6">
        <v>20</v>
      </c>
      <c r="D55" s="5">
        <v>37</v>
      </c>
    </row>
    <row r="56" spans="1:4" ht="18" customHeight="1" x14ac:dyDescent="0.15">
      <c r="A56" s="8">
        <v>42</v>
      </c>
      <c r="B56" s="21">
        <v>18</v>
      </c>
      <c r="C56" s="6">
        <v>13</v>
      </c>
      <c r="D56" s="5">
        <v>31</v>
      </c>
    </row>
    <row r="57" spans="1:4" ht="18" customHeight="1" x14ac:dyDescent="0.15">
      <c r="A57" s="8">
        <v>43</v>
      </c>
      <c r="B57" s="21">
        <v>23</v>
      </c>
      <c r="C57" s="6">
        <v>16</v>
      </c>
      <c r="D57" s="5">
        <v>39</v>
      </c>
    </row>
    <row r="58" spans="1:4" ht="18" customHeight="1" x14ac:dyDescent="0.15">
      <c r="A58" s="8">
        <v>44</v>
      </c>
      <c r="B58" s="21">
        <v>19</v>
      </c>
      <c r="C58" s="6">
        <v>17</v>
      </c>
      <c r="D58" s="5">
        <v>36</v>
      </c>
    </row>
    <row r="59" spans="1:4" ht="18" customHeight="1" x14ac:dyDescent="0.15">
      <c r="A59" s="8" t="s">
        <v>16</v>
      </c>
      <c r="B59" s="21">
        <v>92</v>
      </c>
      <c r="C59" s="6">
        <v>80</v>
      </c>
      <c r="D59" s="5">
        <v>172</v>
      </c>
    </row>
    <row r="60" spans="1:4" ht="18" customHeight="1" x14ac:dyDescent="0.15">
      <c r="A60" s="8">
        <v>45</v>
      </c>
      <c r="B60" s="21">
        <v>17</v>
      </c>
      <c r="C60" s="6">
        <v>18</v>
      </c>
      <c r="D60" s="5">
        <v>35</v>
      </c>
    </row>
    <row r="61" spans="1:4" ht="18" customHeight="1" x14ac:dyDescent="0.15">
      <c r="A61" s="8">
        <v>46</v>
      </c>
      <c r="B61" s="21">
        <v>17</v>
      </c>
      <c r="C61" s="6">
        <v>23</v>
      </c>
      <c r="D61" s="5">
        <v>40</v>
      </c>
    </row>
    <row r="62" spans="1:4" ht="18" customHeight="1" x14ac:dyDescent="0.15">
      <c r="A62" s="8">
        <v>47</v>
      </c>
      <c r="B62" s="21">
        <v>33</v>
      </c>
      <c r="C62" s="6">
        <v>26</v>
      </c>
      <c r="D62" s="5">
        <v>59</v>
      </c>
    </row>
    <row r="63" spans="1:4" ht="18" customHeight="1" x14ac:dyDescent="0.15">
      <c r="A63" s="8">
        <v>48</v>
      </c>
      <c r="B63" s="21">
        <v>25</v>
      </c>
      <c r="C63" s="6">
        <v>21</v>
      </c>
      <c r="D63" s="5">
        <v>46</v>
      </c>
    </row>
    <row r="64" spans="1:4" ht="18" customHeight="1" x14ac:dyDescent="0.15">
      <c r="A64" s="8">
        <v>49</v>
      </c>
      <c r="B64" s="21">
        <v>37</v>
      </c>
      <c r="C64" s="6">
        <v>21</v>
      </c>
      <c r="D64" s="5">
        <v>58</v>
      </c>
    </row>
    <row r="65" spans="1:4" ht="18" customHeight="1" x14ac:dyDescent="0.15">
      <c r="A65" s="8" t="s">
        <v>15</v>
      </c>
      <c r="B65" s="21">
        <v>129</v>
      </c>
      <c r="C65" s="6">
        <v>109</v>
      </c>
      <c r="D65" s="5">
        <v>238</v>
      </c>
    </row>
    <row r="66" spans="1:4" ht="18" customHeight="1" x14ac:dyDescent="0.15">
      <c r="A66" s="8">
        <v>50</v>
      </c>
      <c r="B66" s="21">
        <v>29</v>
      </c>
      <c r="C66" s="6">
        <v>25</v>
      </c>
      <c r="D66" s="5">
        <v>54</v>
      </c>
    </row>
    <row r="67" spans="1:4" ht="18" customHeight="1" x14ac:dyDescent="0.15">
      <c r="A67" s="8">
        <v>51</v>
      </c>
      <c r="B67" s="21">
        <v>29</v>
      </c>
      <c r="C67" s="6">
        <v>30</v>
      </c>
      <c r="D67" s="5">
        <v>59</v>
      </c>
    </row>
    <row r="68" spans="1:4" ht="18" customHeight="1" x14ac:dyDescent="0.15">
      <c r="A68" s="8">
        <v>52</v>
      </c>
      <c r="B68" s="21">
        <v>37</v>
      </c>
      <c r="C68" s="6">
        <v>40</v>
      </c>
      <c r="D68" s="5">
        <v>77</v>
      </c>
    </row>
    <row r="69" spans="1:4" ht="18" customHeight="1" x14ac:dyDescent="0.15">
      <c r="A69" s="8">
        <v>53</v>
      </c>
      <c r="B69" s="21">
        <v>36</v>
      </c>
      <c r="C69" s="6">
        <v>36</v>
      </c>
      <c r="D69" s="5">
        <v>72</v>
      </c>
    </row>
    <row r="70" spans="1:4" ht="18" customHeight="1" x14ac:dyDescent="0.15">
      <c r="A70" s="8">
        <v>54</v>
      </c>
      <c r="B70" s="21">
        <v>44</v>
      </c>
      <c r="C70" s="6">
        <v>32</v>
      </c>
      <c r="D70" s="5">
        <v>76</v>
      </c>
    </row>
    <row r="71" spans="1:4" ht="18" customHeight="1" x14ac:dyDescent="0.15">
      <c r="A71" s="8" t="s">
        <v>14</v>
      </c>
      <c r="B71" s="21">
        <v>175</v>
      </c>
      <c r="C71" s="6">
        <v>163</v>
      </c>
      <c r="D71" s="5">
        <v>338</v>
      </c>
    </row>
    <row r="72" spans="1:4" ht="18" customHeight="1" x14ac:dyDescent="0.15">
      <c r="A72" s="8">
        <v>55</v>
      </c>
      <c r="B72" s="21">
        <v>27</v>
      </c>
      <c r="C72" s="6">
        <v>36</v>
      </c>
      <c r="D72" s="5">
        <v>63</v>
      </c>
    </row>
    <row r="73" spans="1:4" ht="18" customHeight="1" x14ac:dyDescent="0.15">
      <c r="A73" s="8">
        <v>56</v>
      </c>
      <c r="B73" s="21">
        <v>37</v>
      </c>
      <c r="C73" s="6">
        <v>28</v>
      </c>
      <c r="D73" s="5">
        <v>65</v>
      </c>
    </row>
    <row r="74" spans="1:4" ht="18" customHeight="1" x14ac:dyDescent="0.15">
      <c r="A74" s="8">
        <v>57</v>
      </c>
      <c r="B74" s="21">
        <v>33</v>
      </c>
      <c r="C74" s="6">
        <v>30</v>
      </c>
      <c r="D74" s="5">
        <v>63</v>
      </c>
    </row>
    <row r="75" spans="1:4" ht="18" customHeight="1" x14ac:dyDescent="0.15">
      <c r="A75" s="8">
        <v>58</v>
      </c>
      <c r="B75" s="21">
        <v>31</v>
      </c>
      <c r="C75" s="6">
        <v>23</v>
      </c>
      <c r="D75" s="5">
        <v>54</v>
      </c>
    </row>
    <row r="76" spans="1:4" ht="18" customHeight="1" x14ac:dyDescent="0.15">
      <c r="A76" s="8">
        <v>59</v>
      </c>
      <c r="B76" s="21">
        <v>15</v>
      </c>
      <c r="C76" s="6">
        <v>13</v>
      </c>
      <c r="D76" s="5">
        <v>28</v>
      </c>
    </row>
    <row r="77" spans="1:4" ht="18" customHeight="1" x14ac:dyDescent="0.15">
      <c r="A77" s="8" t="s">
        <v>13</v>
      </c>
      <c r="B77" s="21">
        <v>143</v>
      </c>
      <c r="C77" s="6">
        <v>130</v>
      </c>
      <c r="D77" s="5">
        <v>273</v>
      </c>
    </row>
    <row r="78" spans="1:4" ht="18" customHeight="1" x14ac:dyDescent="0.15">
      <c r="A78" s="8">
        <v>60</v>
      </c>
      <c r="B78" s="21">
        <v>25</v>
      </c>
      <c r="C78" s="6">
        <v>23</v>
      </c>
      <c r="D78" s="5">
        <v>48</v>
      </c>
    </row>
    <row r="79" spans="1:4" ht="18" customHeight="1" x14ac:dyDescent="0.15">
      <c r="A79" s="8">
        <v>61</v>
      </c>
      <c r="B79" s="21">
        <v>19</v>
      </c>
      <c r="C79" s="6">
        <v>24</v>
      </c>
      <c r="D79" s="5">
        <v>43</v>
      </c>
    </row>
    <row r="80" spans="1:4" ht="18" customHeight="1" x14ac:dyDescent="0.15">
      <c r="A80" s="8">
        <v>62</v>
      </c>
      <c r="B80" s="21">
        <v>27</v>
      </c>
      <c r="C80" s="6">
        <v>21</v>
      </c>
      <c r="D80" s="5">
        <v>48</v>
      </c>
    </row>
    <row r="81" spans="1:4" ht="18" customHeight="1" x14ac:dyDescent="0.15">
      <c r="A81" s="8">
        <v>63</v>
      </c>
      <c r="B81" s="21">
        <v>9</v>
      </c>
      <c r="C81" s="6">
        <v>21</v>
      </c>
      <c r="D81" s="5">
        <v>30</v>
      </c>
    </row>
    <row r="82" spans="1:4" ht="18" customHeight="1" x14ac:dyDescent="0.15">
      <c r="A82" s="8">
        <v>64</v>
      </c>
      <c r="B82" s="21">
        <v>27</v>
      </c>
      <c r="C82" s="6">
        <v>19</v>
      </c>
      <c r="D82" s="5">
        <v>46</v>
      </c>
    </row>
    <row r="83" spans="1:4" ht="18" customHeight="1" x14ac:dyDescent="0.15">
      <c r="A83" s="8" t="s">
        <v>12</v>
      </c>
      <c r="B83" s="21">
        <v>107</v>
      </c>
      <c r="C83" s="6">
        <v>108</v>
      </c>
      <c r="D83" s="5">
        <v>215</v>
      </c>
    </row>
    <row r="84" spans="1:4" ht="18" customHeight="1" x14ac:dyDescent="0.15">
      <c r="A84" s="8" t="s">
        <v>11</v>
      </c>
      <c r="B84" s="21">
        <v>1117</v>
      </c>
      <c r="C84" s="6">
        <v>997</v>
      </c>
      <c r="D84" s="5">
        <v>2114</v>
      </c>
    </row>
    <row r="85" spans="1:4" ht="18" customHeight="1" x14ac:dyDescent="0.15">
      <c r="A85" s="8">
        <v>65</v>
      </c>
      <c r="B85" s="21">
        <v>23</v>
      </c>
      <c r="C85" s="6">
        <v>25</v>
      </c>
      <c r="D85" s="5">
        <v>48</v>
      </c>
    </row>
    <row r="86" spans="1:4" ht="18" customHeight="1" x14ac:dyDescent="0.15">
      <c r="A86" s="8">
        <v>66</v>
      </c>
      <c r="B86" s="21">
        <v>18</v>
      </c>
      <c r="C86" s="6">
        <v>25</v>
      </c>
      <c r="D86" s="5">
        <v>43</v>
      </c>
    </row>
    <row r="87" spans="1:4" ht="18" customHeight="1" x14ac:dyDescent="0.15">
      <c r="A87" s="8">
        <v>67</v>
      </c>
      <c r="B87" s="21">
        <v>18</v>
      </c>
      <c r="C87" s="6">
        <v>24</v>
      </c>
      <c r="D87" s="5">
        <v>42</v>
      </c>
    </row>
    <row r="88" spans="1:4" ht="18" customHeight="1" x14ac:dyDescent="0.15">
      <c r="A88" s="8">
        <v>68</v>
      </c>
      <c r="B88" s="21">
        <v>20</v>
      </c>
      <c r="C88" s="6">
        <v>30</v>
      </c>
      <c r="D88" s="5">
        <v>50</v>
      </c>
    </row>
    <row r="89" spans="1:4" ht="18" customHeight="1" x14ac:dyDescent="0.15">
      <c r="A89" s="8">
        <v>69</v>
      </c>
      <c r="B89" s="21">
        <v>22</v>
      </c>
      <c r="C89" s="6">
        <v>21</v>
      </c>
      <c r="D89" s="5">
        <v>43</v>
      </c>
    </row>
    <row r="90" spans="1:4" ht="18" customHeight="1" x14ac:dyDescent="0.15">
      <c r="A90" s="8" t="s">
        <v>10</v>
      </c>
      <c r="B90" s="21">
        <v>101</v>
      </c>
      <c r="C90" s="6">
        <v>125</v>
      </c>
      <c r="D90" s="5">
        <v>226</v>
      </c>
    </row>
    <row r="91" spans="1:4" ht="18" customHeight="1" x14ac:dyDescent="0.15">
      <c r="A91" s="8">
        <v>70</v>
      </c>
      <c r="B91" s="21">
        <v>29</v>
      </c>
      <c r="C91" s="6">
        <v>29</v>
      </c>
      <c r="D91" s="5">
        <v>58</v>
      </c>
    </row>
    <row r="92" spans="1:4" ht="18" customHeight="1" x14ac:dyDescent="0.15">
      <c r="A92" s="8">
        <v>71</v>
      </c>
      <c r="B92" s="21">
        <v>27</v>
      </c>
      <c r="C92" s="6">
        <v>22</v>
      </c>
      <c r="D92" s="5">
        <v>49</v>
      </c>
    </row>
    <row r="93" spans="1:4" ht="18" customHeight="1" x14ac:dyDescent="0.15">
      <c r="A93" s="8">
        <v>72</v>
      </c>
      <c r="B93" s="21">
        <v>21</v>
      </c>
      <c r="C93" s="6">
        <v>27</v>
      </c>
      <c r="D93" s="5">
        <v>48</v>
      </c>
    </row>
    <row r="94" spans="1:4" ht="18" customHeight="1" x14ac:dyDescent="0.15">
      <c r="A94" s="8">
        <v>73</v>
      </c>
      <c r="B94" s="21">
        <v>30</v>
      </c>
      <c r="C94" s="6">
        <v>25</v>
      </c>
      <c r="D94" s="5">
        <v>55</v>
      </c>
    </row>
    <row r="95" spans="1:4" ht="18" customHeight="1" x14ac:dyDescent="0.15">
      <c r="A95" s="8">
        <v>74</v>
      </c>
      <c r="B95" s="21">
        <v>27</v>
      </c>
      <c r="C95" s="6">
        <v>40</v>
      </c>
      <c r="D95" s="5">
        <v>67</v>
      </c>
    </row>
    <row r="96" spans="1:4" ht="18" customHeight="1" x14ac:dyDescent="0.15">
      <c r="A96" s="8" t="s">
        <v>9</v>
      </c>
      <c r="B96" s="21">
        <v>134</v>
      </c>
      <c r="C96" s="6">
        <v>143</v>
      </c>
      <c r="D96" s="5">
        <v>277</v>
      </c>
    </row>
    <row r="97" spans="1:4" ht="18" customHeight="1" x14ac:dyDescent="0.15">
      <c r="A97" s="8">
        <v>75</v>
      </c>
      <c r="B97" s="21">
        <v>27</v>
      </c>
      <c r="C97" s="6">
        <v>35</v>
      </c>
      <c r="D97" s="5">
        <v>62</v>
      </c>
    </row>
    <row r="98" spans="1:4" ht="18" customHeight="1" x14ac:dyDescent="0.15">
      <c r="A98" s="8">
        <v>76</v>
      </c>
      <c r="B98" s="21">
        <v>33</v>
      </c>
      <c r="C98" s="6">
        <v>46</v>
      </c>
      <c r="D98" s="5">
        <v>79</v>
      </c>
    </row>
    <row r="99" spans="1:4" ht="18" customHeight="1" x14ac:dyDescent="0.15">
      <c r="A99" s="8">
        <v>77</v>
      </c>
      <c r="B99" s="21">
        <v>32</v>
      </c>
      <c r="C99" s="6">
        <v>48</v>
      </c>
      <c r="D99" s="5">
        <v>80</v>
      </c>
    </row>
    <row r="100" spans="1:4" ht="18" customHeight="1" x14ac:dyDescent="0.15">
      <c r="A100" s="8">
        <v>78</v>
      </c>
      <c r="B100" s="21">
        <v>41</v>
      </c>
      <c r="C100" s="6">
        <v>48</v>
      </c>
      <c r="D100" s="5">
        <v>89</v>
      </c>
    </row>
    <row r="101" spans="1:4" ht="18" customHeight="1" x14ac:dyDescent="0.15">
      <c r="A101" s="8">
        <v>79</v>
      </c>
      <c r="B101" s="21">
        <v>31</v>
      </c>
      <c r="C101" s="6">
        <v>28</v>
      </c>
      <c r="D101" s="5">
        <v>59</v>
      </c>
    </row>
    <row r="102" spans="1:4" ht="18" customHeight="1" x14ac:dyDescent="0.15">
      <c r="A102" s="8" t="s">
        <v>8</v>
      </c>
      <c r="B102" s="21">
        <v>164</v>
      </c>
      <c r="C102" s="6">
        <v>205</v>
      </c>
      <c r="D102" s="5">
        <v>369</v>
      </c>
    </row>
    <row r="103" spans="1:4" ht="18" customHeight="1" x14ac:dyDescent="0.15">
      <c r="A103" s="8">
        <v>80</v>
      </c>
      <c r="B103" s="21">
        <v>19</v>
      </c>
      <c r="C103" s="6">
        <v>27</v>
      </c>
      <c r="D103" s="5">
        <v>46</v>
      </c>
    </row>
    <row r="104" spans="1:4" ht="18" customHeight="1" x14ac:dyDescent="0.15">
      <c r="A104" s="8">
        <v>81</v>
      </c>
      <c r="B104" s="21">
        <v>26</v>
      </c>
      <c r="C104" s="6">
        <v>32</v>
      </c>
      <c r="D104" s="5">
        <v>58</v>
      </c>
    </row>
    <row r="105" spans="1:4" ht="18" customHeight="1" x14ac:dyDescent="0.15">
      <c r="A105" s="8">
        <v>82</v>
      </c>
      <c r="B105" s="21">
        <v>23</v>
      </c>
      <c r="C105" s="6">
        <v>26</v>
      </c>
      <c r="D105" s="5">
        <v>49</v>
      </c>
    </row>
    <row r="106" spans="1:4" ht="18" customHeight="1" x14ac:dyDescent="0.15">
      <c r="A106" s="8">
        <v>83</v>
      </c>
      <c r="B106" s="21">
        <v>33</v>
      </c>
      <c r="C106" s="6">
        <v>32</v>
      </c>
      <c r="D106" s="5">
        <v>65</v>
      </c>
    </row>
    <row r="107" spans="1:4" ht="18" customHeight="1" x14ac:dyDescent="0.15">
      <c r="A107" s="8">
        <v>84</v>
      </c>
      <c r="B107" s="21">
        <v>23</v>
      </c>
      <c r="C107" s="6">
        <v>33</v>
      </c>
      <c r="D107" s="5">
        <v>56</v>
      </c>
    </row>
    <row r="108" spans="1:4" ht="18" customHeight="1" x14ac:dyDescent="0.15">
      <c r="A108" s="8" t="s">
        <v>7</v>
      </c>
      <c r="B108" s="21">
        <v>124</v>
      </c>
      <c r="C108" s="6">
        <v>150</v>
      </c>
      <c r="D108" s="5">
        <v>274</v>
      </c>
    </row>
    <row r="109" spans="1:4" ht="18" customHeight="1" x14ac:dyDescent="0.15">
      <c r="A109" s="8">
        <v>85</v>
      </c>
      <c r="B109" s="21">
        <v>13</v>
      </c>
      <c r="C109" s="6">
        <v>23</v>
      </c>
      <c r="D109" s="5">
        <v>36</v>
      </c>
    </row>
    <row r="110" spans="1:4" ht="18" customHeight="1" x14ac:dyDescent="0.15">
      <c r="A110" s="8">
        <v>86</v>
      </c>
      <c r="B110" s="21">
        <v>11</v>
      </c>
      <c r="C110" s="6">
        <v>21</v>
      </c>
      <c r="D110" s="5">
        <v>32</v>
      </c>
    </row>
    <row r="111" spans="1:4" ht="18" customHeight="1" x14ac:dyDescent="0.15">
      <c r="A111" s="8">
        <v>87</v>
      </c>
      <c r="B111" s="21">
        <v>10</v>
      </c>
      <c r="C111" s="6">
        <v>22</v>
      </c>
      <c r="D111" s="5">
        <v>32</v>
      </c>
    </row>
    <row r="112" spans="1:4" ht="18" customHeight="1" x14ac:dyDescent="0.15">
      <c r="A112" s="8">
        <v>88</v>
      </c>
      <c r="B112" s="21">
        <v>13</v>
      </c>
      <c r="C112" s="6">
        <v>20</v>
      </c>
      <c r="D112" s="5">
        <v>33</v>
      </c>
    </row>
    <row r="113" spans="1:4" ht="18" customHeight="1" x14ac:dyDescent="0.15">
      <c r="A113" s="8">
        <v>89</v>
      </c>
      <c r="B113" s="21">
        <v>6</v>
      </c>
      <c r="C113" s="6">
        <v>18</v>
      </c>
      <c r="D113" s="5">
        <v>24</v>
      </c>
    </row>
    <row r="114" spans="1:4" ht="18" customHeight="1" x14ac:dyDescent="0.15">
      <c r="A114" s="8" t="s">
        <v>6</v>
      </c>
      <c r="B114" s="21">
        <v>53</v>
      </c>
      <c r="C114" s="6">
        <v>104</v>
      </c>
      <c r="D114" s="5">
        <v>157</v>
      </c>
    </row>
    <row r="115" spans="1:4" ht="18" customHeight="1" x14ac:dyDescent="0.15">
      <c r="A115" s="8">
        <v>90</v>
      </c>
      <c r="B115" s="21">
        <v>7</v>
      </c>
      <c r="C115" s="6">
        <v>15</v>
      </c>
      <c r="D115" s="5">
        <v>22</v>
      </c>
    </row>
    <row r="116" spans="1:4" ht="18" customHeight="1" x14ac:dyDescent="0.15">
      <c r="A116" s="8">
        <v>91</v>
      </c>
      <c r="B116" s="21">
        <v>5</v>
      </c>
      <c r="C116" s="6">
        <v>9</v>
      </c>
      <c r="D116" s="5">
        <v>14</v>
      </c>
    </row>
    <row r="117" spans="1:4" ht="18" customHeight="1" x14ac:dyDescent="0.15">
      <c r="A117" s="8">
        <v>92</v>
      </c>
      <c r="B117" s="21">
        <v>3</v>
      </c>
      <c r="C117" s="6">
        <v>8</v>
      </c>
      <c r="D117" s="5">
        <v>11</v>
      </c>
    </row>
    <row r="118" spans="1:4" ht="18" customHeight="1" x14ac:dyDescent="0.15">
      <c r="A118" s="8">
        <v>93</v>
      </c>
      <c r="B118" s="21">
        <v>2</v>
      </c>
      <c r="C118" s="6">
        <v>8</v>
      </c>
      <c r="D118" s="5">
        <v>10</v>
      </c>
    </row>
    <row r="119" spans="1:4" ht="18" customHeight="1" x14ac:dyDescent="0.15">
      <c r="A119" s="8">
        <v>94</v>
      </c>
      <c r="B119" s="21">
        <v>1</v>
      </c>
      <c r="C119" s="6">
        <v>12</v>
      </c>
      <c r="D119" s="5">
        <v>13</v>
      </c>
    </row>
    <row r="120" spans="1:4" ht="18" customHeight="1" x14ac:dyDescent="0.15">
      <c r="A120" s="8" t="s">
        <v>5</v>
      </c>
      <c r="B120" s="21">
        <v>18</v>
      </c>
      <c r="C120" s="6">
        <v>52</v>
      </c>
      <c r="D120" s="5">
        <v>70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7</v>
      </c>
      <c r="C126" s="6">
        <v>15</v>
      </c>
      <c r="D126" s="5">
        <v>22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602</v>
      </c>
      <c r="C130" s="6">
        <v>797</v>
      </c>
      <c r="D130" s="5">
        <v>1399</v>
      </c>
    </row>
    <row r="131" spans="1:4" ht="18" customHeight="1" x14ac:dyDescent="0.15">
      <c r="A131" s="4" t="s">
        <v>0</v>
      </c>
      <c r="B131" s="20">
        <v>1889</v>
      </c>
      <c r="C131" s="2">
        <v>1935</v>
      </c>
      <c r="D131" s="1">
        <v>382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7DEDBE-2B49-4115-A84F-9E9812739E34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2</v>
      </c>
      <c r="D5" s="10">
        <v>3</v>
      </c>
    </row>
    <row r="6" spans="1:4" ht="18" customHeight="1" x14ac:dyDescent="0.15">
      <c r="A6" s="8">
        <v>1</v>
      </c>
      <c r="B6" s="21">
        <v>3</v>
      </c>
      <c r="C6" s="6">
        <v>3</v>
      </c>
      <c r="D6" s="5">
        <v>6</v>
      </c>
    </row>
    <row r="7" spans="1:4" ht="18" customHeight="1" x14ac:dyDescent="0.15">
      <c r="A7" s="8">
        <v>2</v>
      </c>
      <c r="B7" s="21">
        <v>3</v>
      </c>
      <c r="C7" s="6">
        <v>2</v>
      </c>
      <c r="D7" s="5">
        <v>5</v>
      </c>
    </row>
    <row r="8" spans="1:4" ht="18" customHeight="1" x14ac:dyDescent="0.15">
      <c r="A8" s="8">
        <v>3</v>
      </c>
      <c r="B8" s="21">
        <v>5</v>
      </c>
      <c r="C8" s="6">
        <v>5</v>
      </c>
      <c r="D8" s="5">
        <v>10</v>
      </c>
    </row>
    <row r="9" spans="1:4" ht="18" customHeight="1" x14ac:dyDescent="0.15">
      <c r="A9" s="8">
        <v>4</v>
      </c>
      <c r="B9" s="21">
        <v>3</v>
      </c>
      <c r="C9" s="6">
        <v>5</v>
      </c>
      <c r="D9" s="5">
        <v>8</v>
      </c>
    </row>
    <row r="10" spans="1:4" ht="18" customHeight="1" x14ac:dyDescent="0.15">
      <c r="A10" s="8" t="s">
        <v>25</v>
      </c>
      <c r="B10" s="21">
        <v>15</v>
      </c>
      <c r="C10" s="6">
        <v>17</v>
      </c>
      <c r="D10" s="5">
        <v>32</v>
      </c>
    </row>
    <row r="11" spans="1:4" ht="18" customHeight="1" x14ac:dyDescent="0.15">
      <c r="A11" s="8">
        <v>5</v>
      </c>
      <c r="B11" s="21">
        <v>3</v>
      </c>
      <c r="C11" s="6">
        <v>5</v>
      </c>
      <c r="D11" s="5">
        <v>8</v>
      </c>
    </row>
    <row r="12" spans="1:4" ht="18" customHeight="1" x14ac:dyDescent="0.15">
      <c r="A12" s="8">
        <v>6</v>
      </c>
      <c r="B12" s="21">
        <v>5</v>
      </c>
      <c r="C12" s="6">
        <v>2</v>
      </c>
      <c r="D12" s="5">
        <v>7</v>
      </c>
    </row>
    <row r="13" spans="1:4" ht="18" customHeight="1" x14ac:dyDescent="0.15">
      <c r="A13" s="8">
        <v>7</v>
      </c>
      <c r="B13" s="21">
        <v>3</v>
      </c>
      <c r="C13" s="6">
        <v>1</v>
      </c>
      <c r="D13" s="5">
        <v>4</v>
      </c>
    </row>
    <row r="14" spans="1:4" ht="18" customHeight="1" x14ac:dyDescent="0.15">
      <c r="A14" s="8">
        <v>8</v>
      </c>
      <c r="B14" s="21">
        <v>5</v>
      </c>
      <c r="C14" s="6">
        <v>0</v>
      </c>
      <c r="D14" s="5">
        <v>5</v>
      </c>
    </row>
    <row r="15" spans="1:4" ht="18" customHeight="1" x14ac:dyDescent="0.15">
      <c r="A15" s="8">
        <v>9</v>
      </c>
      <c r="B15" s="21">
        <v>3</v>
      </c>
      <c r="C15" s="6">
        <v>6</v>
      </c>
      <c r="D15" s="5">
        <v>9</v>
      </c>
    </row>
    <row r="16" spans="1:4" ht="18" customHeight="1" x14ac:dyDescent="0.15">
      <c r="A16" s="8" t="s">
        <v>24</v>
      </c>
      <c r="B16" s="21">
        <v>19</v>
      </c>
      <c r="C16" s="6">
        <v>14</v>
      </c>
      <c r="D16" s="5">
        <v>33</v>
      </c>
    </row>
    <row r="17" spans="1:4" ht="18" customHeight="1" x14ac:dyDescent="0.15">
      <c r="A17" s="8">
        <v>10</v>
      </c>
      <c r="B17" s="21">
        <v>5</v>
      </c>
      <c r="C17" s="6">
        <v>10</v>
      </c>
      <c r="D17" s="5">
        <v>15</v>
      </c>
    </row>
    <row r="18" spans="1:4" ht="18" customHeight="1" x14ac:dyDescent="0.15">
      <c r="A18" s="8">
        <v>11</v>
      </c>
      <c r="B18" s="21">
        <v>1</v>
      </c>
      <c r="C18" s="6">
        <v>3</v>
      </c>
      <c r="D18" s="5">
        <v>4</v>
      </c>
    </row>
    <row r="19" spans="1:4" ht="18" customHeight="1" x14ac:dyDescent="0.15">
      <c r="A19" s="8">
        <v>12</v>
      </c>
      <c r="B19" s="21">
        <v>8</v>
      </c>
      <c r="C19" s="6">
        <v>8</v>
      </c>
      <c r="D19" s="5">
        <v>16</v>
      </c>
    </row>
    <row r="20" spans="1:4" ht="18" customHeight="1" x14ac:dyDescent="0.15">
      <c r="A20" s="8">
        <v>13</v>
      </c>
      <c r="B20" s="21">
        <v>3</v>
      </c>
      <c r="C20" s="6">
        <v>5</v>
      </c>
      <c r="D20" s="5">
        <v>8</v>
      </c>
    </row>
    <row r="21" spans="1:4" ht="18" customHeight="1" x14ac:dyDescent="0.15">
      <c r="A21" s="8">
        <v>14</v>
      </c>
      <c r="B21" s="21">
        <v>9</v>
      </c>
      <c r="C21" s="6">
        <v>5</v>
      </c>
      <c r="D21" s="5">
        <v>14</v>
      </c>
    </row>
    <row r="22" spans="1:4" ht="18" customHeight="1" x14ac:dyDescent="0.15">
      <c r="A22" s="8" t="s">
        <v>23</v>
      </c>
      <c r="B22" s="21">
        <v>26</v>
      </c>
      <c r="C22" s="6">
        <v>31</v>
      </c>
      <c r="D22" s="5">
        <v>57</v>
      </c>
    </row>
    <row r="23" spans="1:4" ht="18" customHeight="1" x14ac:dyDescent="0.15">
      <c r="A23" s="8" t="s">
        <v>22</v>
      </c>
      <c r="B23" s="21">
        <v>60</v>
      </c>
      <c r="C23" s="6">
        <v>62</v>
      </c>
      <c r="D23" s="5">
        <v>122</v>
      </c>
    </row>
    <row r="24" spans="1:4" ht="18" customHeight="1" x14ac:dyDescent="0.15">
      <c r="A24" s="8">
        <v>15</v>
      </c>
      <c r="B24" s="21">
        <v>7</v>
      </c>
      <c r="C24" s="6">
        <v>4</v>
      </c>
      <c r="D24" s="5">
        <v>11</v>
      </c>
    </row>
    <row r="25" spans="1:4" ht="18" customHeight="1" x14ac:dyDescent="0.15">
      <c r="A25" s="8">
        <v>16</v>
      </c>
      <c r="B25" s="21">
        <v>6</v>
      </c>
      <c r="C25" s="6">
        <v>9</v>
      </c>
      <c r="D25" s="5">
        <v>15</v>
      </c>
    </row>
    <row r="26" spans="1:4" ht="18" customHeight="1" x14ac:dyDescent="0.15">
      <c r="A26" s="8">
        <v>17</v>
      </c>
      <c r="B26" s="21">
        <v>8</v>
      </c>
      <c r="C26" s="6">
        <v>4</v>
      </c>
      <c r="D26" s="5">
        <v>12</v>
      </c>
    </row>
    <row r="27" spans="1:4" ht="18" customHeight="1" x14ac:dyDescent="0.15">
      <c r="A27" s="8">
        <v>18</v>
      </c>
      <c r="B27" s="21">
        <v>7</v>
      </c>
      <c r="C27" s="6">
        <v>5</v>
      </c>
      <c r="D27" s="5">
        <v>12</v>
      </c>
    </row>
    <row r="28" spans="1:4" ht="18" customHeight="1" x14ac:dyDescent="0.15">
      <c r="A28" s="8">
        <v>19</v>
      </c>
      <c r="B28" s="21">
        <v>10</v>
      </c>
      <c r="C28" s="6">
        <v>2</v>
      </c>
      <c r="D28" s="5">
        <v>12</v>
      </c>
    </row>
    <row r="29" spans="1:4" ht="18" customHeight="1" x14ac:dyDescent="0.15">
      <c r="A29" s="8" t="s">
        <v>21</v>
      </c>
      <c r="B29" s="21">
        <v>38</v>
      </c>
      <c r="C29" s="6">
        <v>24</v>
      </c>
      <c r="D29" s="5">
        <v>62</v>
      </c>
    </row>
    <row r="30" spans="1:4" ht="18" customHeight="1" x14ac:dyDescent="0.15">
      <c r="A30" s="8">
        <v>20</v>
      </c>
      <c r="B30" s="21">
        <v>10</v>
      </c>
      <c r="C30" s="6">
        <v>5</v>
      </c>
      <c r="D30" s="5">
        <v>15</v>
      </c>
    </row>
    <row r="31" spans="1:4" ht="18" customHeight="1" x14ac:dyDescent="0.15">
      <c r="A31" s="8">
        <v>21</v>
      </c>
      <c r="B31" s="21">
        <v>7</v>
      </c>
      <c r="C31" s="6">
        <v>4</v>
      </c>
      <c r="D31" s="5">
        <v>11</v>
      </c>
    </row>
    <row r="32" spans="1:4" ht="18" customHeight="1" x14ac:dyDescent="0.15">
      <c r="A32" s="8">
        <v>22</v>
      </c>
      <c r="B32" s="21">
        <v>4</v>
      </c>
      <c r="C32" s="6">
        <v>4</v>
      </c>
      <c r="D32" s="5">
        <v>8</v>
      </c>
    </row>
    <row r="33" spans="1:4" ht="18" customHeight="1" x14ac:dyDescent="0.15">
      <c r="A33" s="8">
        <v>23</v>
      </c>
      <c r="B33" s="21">
        <v>7</v>
      </c>
      <c r="C33" s="6">
        <v>6</v>
      </c>
      <c r="D33" s="5">
        <v>13</v>
      </c>
    </row>
    <row r="34" spans="1:4" ht="18" customHeight="1" x14ac:dyDescent="0.15">
      <c r="A34" s="8">
        <v>24</v>
      </c>
      <c r="B34" s="21">
        <v>6</v>
      </c>
      <c r="C34" s="6">
        <v>3</v>
      </c>
      <c r="D34" s="5">
        <v>9</v>
      </c>
    </row>
    <row r="35" spans="1:4" ht="18" customHeight="1" x14ac:dyDescent="0.15">
      <c r="A35" s="8" t="s">
        <v>20</v>
      </c>
      <c r="B35" s="21">
        <v>34</v>
      </c>
      <c r="C35" s="6">
        <v>22</v>
      </c>
      <c r="D35" s="5">
        <v>56</v>
      </c>
    </row>
    <row r="36" spans="1:4" ht="18" customHeight="1" x14ac:dyDescent="0.15">
      <c r="A36" s="8">
        <v>25</v>
      </c>
      <c r="B36" s="21">
        <v>6</v>
      </c>
      <c r="C36" s="6">
        <v>4</v>
      </c>
      <c r="D36" s="5">
        <v>10</v>
      </c>
    </row>
    <row r="37" spans="1:4" ht="18" customHeight="1" x14ac:dyDescent="0.15">
      <c r="A37" s="8">
        <v>26</v>
      </c>
      <c r="B37" s="21">
        <v>8</v>
      </c>
      <c r="C37" s="6">
        <v>3</v>
      </c>
      <c r="D37" s="5">
        <v>11</v>
      </c>
    </row>
    <row r="38" spans="1:4" ht="18" customHeight="1" x14ac:dyDescent="0.15">
      <c r="A38" s="8">
        <v>27</v>
      </c>
      <c r="B38" s="21">
        <v>2</v>
      </c>
      <c r="C38" s="6">
        <v>1</v>
      </c>
      <c r="D38" s="5">
        <v>3</v>
      </c>
    </row>
    <row r="39" spans="1:4" ht="18" customHeight="1" x14ac:dyDescent="0.15">
      <c r="A39" s="8">
        <v>28</v>
      </c>
      <c r="B39" s="21">
        <v>4</v>
      </c>
      <c r="C39" s="6">
        <v>5</v>
      </c>
      <c r="D39" s="5">
        <v>9</v>
      </c>
    </row>
    <row r="40" spans="1:4" ht="18" customHeight="1" x14ac:dyDescent="0.15">
      <c r="A40" s="8">
        <v>29</v>
      </c>
      <c r="B40" s="21">
        <v>4</v>
      </c>
      <c r="C40" s="6">
        <v>2</v>
      </c>
      <c r="D40" s="5">
        <v>6</v>
      </c>
    </row>
    <row r="41" spans="1:4" ht="18" customHeight="1" x14ac:dyDescent="0.15">
      <c r="A41" s="8" t="s">
        <v>19</v>
      </c>
      <c r="B41" s="21">
        <v>24</v>
      </c>
      <c r="C41" s="6">
        <v>15</v>
      </c>
      <c r="D41" s="5">
        <v>39</v>
      </c>
    </row>
    <row r="42" spans="1:4" ht="18" customHeight="1" x14ac:dyDescent="0.15">
      <c r="A42" s="8">
        <v>30</v>
      </c>
      <c r="B42" s="21">
        <v>9</v>
      </c>
      <c r="C42" s="6">
        <v>5</v>
      </c>
      <c r="D42" s="5">
        <v>14</v>
      </c>
    </row>
    <row r="43" spans="1:4" ht="18" customHeight="1" x14ac:dyDescent="0.15">
      <c r="A43" s="8">
        <v>31</v>
      </c>
      <c r="B43" s="21">
        <v>4</v>
      </c>
      <c r="C43" s="6">
        <v>4</v>
      </c>
      <c r="D43" s="5">
        <v>8</v>
      </c>
    </row>
    <row r="44" spans="1:4" ht="18" customHeight="1" x14ac:dyDescent="0.15">
      <c r="A44" s="8">
        <v>32</v>
      </c>
      <c r="B44" s="21">
        <v>5</v>
      </c>
      <c r="C44" s="6">
        <v>3</v>
      </c>
      <c r="D44" s="5">
        <v>8</v>
      </c>
    </row>
    <row r="45" spans="1:4" ht="18" customHeight="1" x14ac:dyDescent="0.15">
      <c r="A45" s="8">
        <v>33</v>
      </c>
      <c r="B45" s="21">
        <v>6</v>
      </c>
      <c r="C45" s="6">
        <v>10</v>
      </c>
      <c r="D45" s="5">
        <v>16</v>
      </c>
    </row>
    <row r="46" spans="1:4" ht="18" customHeight="1" x14ac:dyDescent="0.15">
      <c r="A46" s="8">
        <v>34</v>
      </c>
      <c r="B46" s="21">
        <v>4</v>
      </c>
      <c r="C46" s="6">
        <v>6</v>
      </c>
      <c r="D46" s="5">
        <v>10</v>
      </c>
    </row>
    <row r="47" spans="1:4" ht="18" customHeight="1" x14ac:dyDescent="0.15">
      <c r="A47" s="8" t="s">
        <v>18</v>
      </c>
      <c r="B47" s="21">
        <v>28</v>
      </c>
      <c r="C47" s="6">
        <v>28</v>
      </c>
      <c r="D47" s="5">
        <v>56</v>
      </c>
    </row>
    <row r="48" spans="1:4" ht="18" customHeight="1" x14ac:dyDescent="0.15">
      <c r="A48" s="8">
        <v>35</v>
      </c>
      <c r="B48" s="21">
        <v>12</v>
      </c>
      <c r="C48" s="6">
        <v>5</v>
      </c>
      <c r="D48" s="5">
        <v>17</v>
      </c>
    </row>
    <row r="49" spans="1:4" ht="18" customHeight="1" x14ac:dyDescent="0.15">
      <c r="A49" s="8">
        <v>36</v>
      </c>
      <c r="B49" s="21">
        <v>5</v>
      </c>
      <c r="C49" s="6">
        <v>7</v>
      </c>
      <c r="D49" s="5">
        <v>12</v>
      </c>
    </row>
    <row r="50" spans="1:4" ht="18" customHeight="1" x14ac:dyDescent="0.15">
      <c r="A50" s="8">
        <v>37</v>
      </c>
      <c r="B50" s="21">
        <v>10</v>
      </c>
      <c r="C50" s="6">
        <v>5</v>
      </c>
      <c r="D50" s="5">
        <v>15</v>
      </c>
    </row>
    <row r="51" spans="1:4" ht="18" customHeight="1" x14ac:dyDescent="0.15">
      <c r="A51" s="8">
        <v>38</v>
      </c>
      <c r="B51" s="21">
        <v>8</v>
      </c>
      <c r="C51" s="6">
        <v>3</v>
      </c>
      <c r="D51" s="5">
        <v>11</v>
      </c>
    </row>
    <row r="52" spans="1:4" ht="18" customHeight="1" x14ac:dyDescent="0.15">
      <c r="A52" s="8">
        <v>39</v>
      </c>
      <c r="B52" s="21">
        <v>11</v>
      </c>
      <c r="C52" s="6">
        <v>7</v>
      </c>
      <c r="D52" s="5">
        <v>18</v>
      </c>
    </row>
    <row r="53" spans="1:4" ht="18" customHeight="1" x14ac:dyDescent="0.15">
      <c r="A53" s="8" t="s">
        <v>17</v>
      </c>
      <c r="B53" s="21">
        <v>46</v>
      </c>
      <c r="C53" s="6">
        <v>27</v>
      </c>
      <c r="D53" s="5">
        <v>73</v>
      </c>
    </row>
    <row r="54" spans="1:4" ht="18" customHeight="1" x14ac:dyDescent="0.15">
      <c r="A54" s="8">
        <v>40</v>
      </c>
      <c r="B54" s="21">
        <v>10</v>
      </c>
      <c r="C54" s="6">
        <v>12</v>
      </c>
      <c r="D54" s="5">
        <v>22</v>
      </c>
    </row>
    <row r="55" spans="1:4" ht="18" customHeight="1" x14ac:dyDescent="0.15">
      <c r="A55" s="8">
        <v>41</v>
      </c>
      <c r="B55" s="21">
        <v>9</v>
      </c>
      <c r="C55" s="6">
        <v>7</v>
      </c>
      <c r="D55" s="5">
        <v>16</v>
      </c>
    </row>
    <row r="56" spans="1:4" ht="18" customHeight="1" x14ac:dyDescent="0.15">
      <c r="A56" s="8">
        <v>42</v>
      </c>
      <c r="B56" s="21">
        <v>7</v>
      </c>
      <c r="C56" s="6">
        <v>7</v>
      </c>
      <c r="D56" s="5">
        <v>14</v>
      </c>
    </row>
    <row r="57" spans="1:4" ht="18" customHeight="1" x14ac:dyDescent="0.15">
      <c r="A57" s="8">
        <v>43</v>
      </c>
      <c r="B57" s="21">
        <v>8</v>
      </c>
      <c r="C57" s="6">
        <v>1</v>
      </c>
      <c r="D57" s="5">
        <v>9</v>
      </c>
    </row>
    <row r="58" spans="1:4" ht="18" customHeight="1" x14ac:dyDescent="0.15">
      <c r="A58" s="8">
        <v>44</v>
      </c>
      <c r="B58" s="21">
        <v>8</v>
      </c>
      <c r="C58" s="6">
        <v>9</v>
      </c>
      <c r="D58" s="5">
        <v>17</v>
      </c>
    </row>
    <row r="59" spans="1:4" ht="18" customHeight="1" x14ac:dyDescent="0.15">
      <c r="A59" s="8" t="s">
        <v>16</v>
      </c>
      <c r="B59" s="21">
        <v>42</v>
      </c>
      <c r="C59" s="6">
        <v>36</v>
      </c>
      <c r="D59" s="5">
        <v>78</v>
      </c>
    </row>
    <row r="60" spans="1:4" ht="18" customHeight="1" x14ac:dyDescent="0.15">
      <c r="A60" s="8">
        <v>45</v>
      </c>
      <c r="B60" s="21">
        <v>6</v>
      </c>
      <c r="C60" s="6">
        <v>3</v>
      </c>
      <c r="D60" s="5">
        <v>9</v>
      </c>
    </row>
    <row r="61" spans="1:4" ht="18" customHeight="1" x14ac:dyDescent="0.15">
      <c r="A61" s="8">
        <v>46</v>
      </c>
      <c r="B61" s="21">
        <v>14</v>
      </c>
      <c r="C61" s="6">
        <v>6</v>
      </c>
      <c r="D61" s="5">
        <v>20</v>
      </c>
    </row>
    <row r="62" spans="1:4" ht="18" customHeight="1" x14ac:dyDescent="0.15">
      <c r="A62" s="8">
        <v>47</v>
      </c>
      <c r="B62" s="21">
        <v>9</v>
      </c>
      <c r="C62" s="6">
        <v>14</v>
      </c>
      <c r="D62" s="5">
        <v>23</v>
      </c>
    </row>
    <row r="63" spans="1:4" ht="18" customHeight="1" x14ac:dyDescent="0.15">
      <c r="A63" s="8">
        <v>48</v>
      </c>
      <c r="B63" s="21">
        <v>13</v>
      </c>
      <c r="C63" s="6">
        <v>9</v>
      </c>
      <c r="D63" s="5">
        <v>22</v>
      </c>
    </row>
    <row r="64" spans="1:4" ht="18" customHeight="1" x14ac:dyDescent="0.15">
      <c r="A64" s="8">
        <v>49</v>
      </c>
      <c r="B64" s="21">
        <v>12</v>
      </c>
      <c r="C64" s="6">
        <v>9</v>
      </c>
      <c r="D64" s="5">
        <v>21</v>
      </c>
    </row>
    <row r="65" spans="1:4" ht="18" customHeight="1" x14ac:dyDescent="0.15">
      <c r="A65" s="8" t="s">
        <v>15</v>
      </c>
      <c r="B65" s="21">
        <v>54</v>
      </c>
      <c r="C65" s="6">
        <v>41</v>
      </c>
      <c r="D65" s="5">
        <v>95</v>
      </c>
    </row>
    <row r="66" spans="1:4" ht="18" customHeight="1" x14ac:dyDescent="0.15">
      <c r="A66" s="8">
        <v>50</v>
      </c>
      <c r="B66" s="21">
        <v>15</v>
      </c>
      <c r="C66" s="6">
        <v>9</v>
      </c>
      <c r="D66" s="5">
        <v>24</v>
      </c>
    </row>
    <row r="67" spans="1:4" ht="18" customHeight="1" x14ac:dyDescent="0.15">
      <c r="A67" s="8">
        <v>51</v>
      </c>
      <c r="B67" s="21">
        <v>15</v>
      </c>
      <c r="C67" s="6">
        <v>14</v>
      </c>
      <c r="D67" s="5">
        <v>29</v>
      </c>
    </row>
    <row r="68" spans="1:4" ht="18" customHeight="1" x14ac:dyDescent="0.15">
      <c r="A68" s="8">
        <v>52</v>
      </c>
      <c r="B68" s="21">
        <v>17</v>
      </c>
      <c r="C68" s="6">
        <v>17</v>
      </c>
      <c r="D68" s="5">
        <v>34</v>
      </c>
    </row>
    <row r="69" spans="1:4" ht="18" customHeight="1" x14ac:dyDescent="0.15">
      <c r="A69" s="8">
        <v>53</v>
      </c>
      <c r="B69" s="21">
        <v>13</v>
      </c>
      <c r="C69" s="6">
        <v>10</v>
      </c>
      <c r="D69" s="5">
        <v>23</v>
      </c>
    </row>
    <row r="70" spans="1:4" ht="18" customHeight="1" x14ac:dyDescent="0.15">
      <c r="A70" s="8">
        <v>54</v>
      </c>
      <c r="B70" s="21">
        <v>12</v>
      </c>
      <c r="C70" s="6">
        <v>12</v>
      </c>
      <c r="D70" s="5">
        <v>24</v>
      </c>
    </row>
    <row r="71" spans="1:4" ht="18" customHeight="1" x14ac:dyDescent="0.15">
      <c r="A71" s="8" t="s">
        <v>14</v>
      </c>
      <c r="B71" s="21">
        <v>72</v>
      </c>
      <c r="C71" s="6">
        <v>62</v>
      </c>
      <c r="D71" s="5">
        <v>134</v>
      </c>
    </row>
    <row r="72" spans="1:4" ht="18" customHeight="1" x14ac:dyDescent="0.15">
      <c r="A72" s="8">
        <v>55</v>
      </c>
      <c r="B72" s="21">
        <v>11</v>
      </c>
      <c r="C72" s="6">
        <v>14</v>
      </c>
      <c r="D72" s="5">
        <v>25</v>
      </c>
    </row>
    <row r="73" spans="1:4" ht="18" customHeight="1" x14ac:dyDescent="0.15">
      <c r="A73" s="8">
        <v>56</v>
      </c>
      <c r="B73" s="21">
        <v>13</v>
      </c>
      <c r="C73" s="6">
        <v>8</v>
      </c>
      <c r="D73" s="5">
        <v>21</v>
      </c>
    </row>
    <row r="74" spans="1:4" ht="18" customHeight="1" x14ac:dyDescent="0.15">
      <c r="A74" s="8">
        <v>57</v>
      </c>
      <c r="B74" s="21">
        <v>12</v>
      </c>
      <c r="C74" s="6">
        <v>9</v>
      </c>
      <c r="D74" s="5">
        <v>21</v>
      </c>
    </row>
    <row r="75" spans="1:4" ht="18" customHeight="1" x14ac:dyDescent="0.15">
      <c r="A75" s="8">
        <v>58</v>
      </c>
      <c r="B75" s="21">
        <v>14</v>
      </c>
      <c r="C75" s="6">
        <v>12</v>
      </c>
      <c r="D75" s="5">
        <v>26</v>
      </c>
    </row>
    <row r="76" spans="1:4" ht="18" customHeight="1" x14ac:dyDescent="0.15">
      <c r="A76" s="8">
        <v>59</v>
      </c>
      <c r="B76" s="21">
        <v>9</v>
      </c>
      <c r="C76" s="6">
        <v>10</v>
      </c>
      <c r="D76" s="5">
        <v>19</v>
      </c>
    </row>
    <row r="77" spans="1:4" ht="18" customHeight="1" x14ac:dyDescent="0.15">
      <c r="A77" s="8" t="s">
        <v>13</v>
      </c>
      <c r="B77" s="21">
        <v>59</v>
      </c>
      <c r="C77" s="6">
        <v>53</v>
      </c>
      <c r="D77" s="5">
        <v>112</v>
      </c>
    </row>
    <row r="78" spans="1:4" ht="18" customHeight="1" x14ac:dyDescent="0.15">
      <c r="A78" s="8">
        <v>60</v>
      </c>
      <c r="B78" s="21">
        <v>9</v>
      </c>
      <c r="C78" s="6">
        <v>14</v>
      </c>
      <c r="D78" s="5">
        <v>23</v>
      </c>
    </row>
    <row r="79" spans="1:4" ht="18" customHeight="1" x14ac:dyDescent="0.15">
      <c r="A79" s="8">
        <v>61</v>
      </c>
      <c r="B79" s="21">
        <v>10</v>
      </c>
      <c r="C79" s="6">
        <v>10</v>
      </c>
      <c r="D79" s="5">
        <v>20</v>
      </c>
    </row>
    <row r="80" spans="1:4" ht="18" customHeight="1" x14ac:dyDescent="0.15">
      <c r="A80" s="8">
        <v>62</v>
      </c>
      <c r="B80" s="21">
        <v>9</v>
      </c>
      <c r="C80" s="6">
        <v>12</v>
      </c>
      <c r="D80" s="5">
        <v>21</v>
      </c>
    </row>
    <row r="81" spans="1:4" ht="18" customHeight="1" x14ac:dyDescent="0.15">
      <c r="A81" s="8">
        <v>63</v>
      </c>
      <c r="B81" s="21">
        <v>7</v>
      </c>
      <c r="C81" s="6">
        <v>18</v>
      </c>
      <c r="D81" s="5">
        <v>25</v>
      </c>
    </row>
    <row r="82" spans="1:4" ht="18" customHeight="1" x14ac:dyDescent="0.15">
      <c r="A82" s="8">
        <v>64</v>
      </c>
      <c r="B82" s="21">
        <v>14</v>
      </c>
      <c r="C82" s="6">
        <v>11</v>
      </c>
      <c r="D82" s="5">
        <v>25</v>
      </c>
    </row>
    <row r="83" spans="1:4" ht="18" customHeight="1" x14ac:dyDescent="0.15">
      <c r="A83" s="8" t="s">
        <v>12</v>
      </c>
      <c r="B83" s="21">
        <v>49</v>
      </c>
      <c r="C83" s="6">
        <v>65</v>
      </c>
      <c r="D83" s="5">
        <v>114</v>
      </c>
    </row>
    <row r="84" spans="1:4" ht="18" customHeight="1" x14ac:dyDescent="0.15">
      <c r="A84" s="8" t="s">
        <v>11</v>
      </c>
      <c r="B84" s="21">
        <v>446</v>
      </c>
      <c r="C84" s="6">
        <v>373</v>
      </c>
      <c r="D84" s="5">
        <v>819</v>
      </c>
    </row>
    <row r="85" spans="1:4" ht="18" customHeight="1" x14ac:dyDescent="0.15">
      <c r="A85" s="8">
        <v>65</v>
      </c>
      <c r="B85" s="21">
        <v>17</v>
      </c>
      <c r="C85" s="6">
        <v>10</v>
      </c>
      <c r="D85" s="5">
        <v>27</v>
      </c>
    </row>
    <row r="86" spans="1:4" ht="18" customHeight="1" x14ac:dyDescent="0.15">
      <c r="A86" s="8">
        <v>66</v>
      </c>
      <c r="B86" s="21">
        <v>10</v>
      </c>
      <c r="C86" s="6">
        <v>10</v>
      </c>
      <c r="D86" s="5">
        <v>20</v>
      </c>
    </row>
    <row r="87" spans="1:4" ht="18" customHeight="1" x14ac:dyDescent="0.15">
      <c r="A87" s="8">
        <v>67</v>
      </c>
      <c r="B87" s="21">
        <v>15</v>
      </c>
      <c r="C87" s="6">
        <v>17</v>
      </c>
      <c r="D87" s="5">
        <v>32</v>
      </c>
    </row>
    <row r="88" spans="1:4" ht="18" customHeight="1" x14ac:dyDescent="0.15">
      <c r="A88" s="8">
        <v>68</v>
      </c>
      <c r="B88" s="21">
        <v>12</v>
      </c>
      <c r="C88" s="6">
        <v>14</v>
      </c>
      <c r="D88" s="5">
        <v>26</v>
      </c>
    </row>
    <row r="89" spans="1:4" ht="18" customHeight="1" x14ac:dyDescent="0.15">
      <c r="A89" s="8">
        <v>69</v>
      </c>
      <c r="B89" s="21">
        <v>13</v>
      </c>
      <c r="C89" s="6">
        <v>10</v>
      </c>
      <c r="D89" s="5">
        <v>23</v>
      </c>
    </row>
    <row r="90" spans="1:4" ht="18" customHeight="1" x14ac:dyDescent="0.15">
      <c r="A90" s="8" t="s">
        <v>10</v>
      </c>
      <c r="B90" s="21">
        <v>67</v>
      </c>
      <c r="C90" s="6">
        <v>61</v>
      </c>
      <c r="D90" s="5">
        <v>128</v>
      </c>
    </row>
    <row r="91" spans="1:4" ht="18" customHeight="1" x14ac:dyDescent="0.15">
      <c r="A91" s="8">
        <v>70</v>
      </c>
      <c r="B91" s="21">
        <v>14</v>
      </c>
      <c r="C91" s="6">
        <v>9</v>
      </c>
      <c r="D91" s="5">
        <v>23</v>
      </c>
    </row>
    <row r="92" spans="1:4" ht="18" customHeight="1" x14ac:dyDescent="0.15">
      <c r="A92" s="8">
        <v>71</v>
      </c>
      <c r="B92" s="21">
        <v>7</v>
      </c>
      <c r="C92" s="6">
        <v>16</v>
      </c>
      <c r="D92" s="5">
        <v>23</v>
      </c>
    </row>
    <row r="93" spans="1:4" ht="18" customHeight="1" x14ac:dyDescent="0.15">
      <c r="A93" s="8">
        <v>72</v>
      </c>
      <c r="B93" s="21">
        <v>12</v>
      </c>
      <c r="C93" s="6">
        <v>14</v>
      </c>
      <c r="D93" s="5">
        <v>26</v>
      </c>
    </row>
    <row r="94" spans="1:4" ht="18" customHeight="1" x14ac:dyDescent="0.15">
      <c r="A94" s="8">
        <v>73</v>
      </c>
      <c r="B94" s="21">
        <v>20</v>
      </c>
      <c r="C94" s="6">
        <v>20</v>
      </c>
      <c r="D94" s="5">
        <v>40</v>
      </c>
    </row>
    <row r="95" spans="1:4" ht="18" customHeight="1" x14ac:dyDescent="0.15">
      <c r="A95" s="8">
        <v>74</v>
      </c>
      <c r="B95" s="21">
        <v>22</v>
      </c>
      <c r="C95" s="6">
        <v>18</v>
      </c>
      <c r="D95" s="5">
        <v>40</v>
      </c>
    </row>
    <row r="96" spans="1:4" ht="18" customHeight="1" x14ac:dyDescent="0.15">
      <c r="A96" s="8" t="s">
        <v>9</v>
      </c>
      <c r="B96" s="21">
        <v>75</v>
      </c>
      <c r="C96" s="6">
        <v>77</v>
      </c>
      <c r="D96" s="5">
        <v>152</v>
      </c>
    </row>
    <row r="97" spans="1:4" ht="18" customHeight="1" x14ac:dyDescent="0.15">
      <c r="A97" s="8">
        <v>75</v>
      </c>
      <c r="B97" s="21">
        <v>17</v>
      </c>
      <c r="C97" s="6">
        <v>20</v>
      </c>
      <c r="D97" s="5">
        <v>37</v>
      </c>
    </row>
    <row r="98" spans="1:4" ht="18" customHeight="1" x14ac:dyDescent="0.15">
      <c r="A98" s="8">
        <v>76</v>
      </c>
      <c r="B98" s="21">
        <v>18</v>
      </c>
      <c r="C98" s="6">
        <v>25</v>
      </c>
      <c r="D98" s="5">
        <v>43</v>
      </c>
    </row>
    <row r="99" spans="1:4" ht="18" customHeight="1" x14ac:dyDescent="0.15">
      <c r="A99" s="8">
        <v>77</v>
      </c>
      <c r="B99" s="21">
        <v>21</v>
      </c>
      <c r="C99" s="6">
        <v>30</v>
      </c>
      <c r="D99" s="5">
        <v>51</v>
      </c>
    </row>
    <row r="100" spans="1:4" ht="18" customHeight="1" x14ac:dyDescent="0.15">
      <c r="A100" s="8">
        <v>78</v>
      </c>
      <c r="B100" s="21">
        <v>34</v>
      </c>
      <c r="C100" s="6">
        <v>32</v>
      </c>
      <c r="D100" s="5">
        <v>66</v>
      </c>
    </row>
    <row r="101" spans="1:4" ht="18" customHeight="1" x14ac:dyDescent="0.15">
      <c r="A101" s="8">
        <v>79</v>
      </c>
      <c r="B101" s="21">
        <v>7</v>
      </c>
      <c r="C101" s="6">
        <v>22</v>
      </c>
      <c r="D101" s="5">
        <v>29</v>
      </c>
    </row>
    <row r="102" spans="1:4" ht="18" customHeight="1" x14ac:dyDescent="0.15">
      <c r="A102" s="8" t="s">
        <v>8</v>
      </c>
      <c r="B102" s="21">
        <v>97</v>
      </c>
      <c r="C102" s="6">
        <v>129</v>
      </c>
      <c r="D102" s="5">
        <v>226</v>
      </c>
    </row>
    <row r="103" spans="1:4" ht="18" customHeight="1" x14ac:dyDescent="0.15">
      <c r="A103" s="8">
        <v>80</v>
      </c>
      <c r="B103" s="21">
        <v>11</v>
      </c>
      <c r="C103" s="6">
        <v>15</v>
      </c>
      <c r="D103" s="5">
        <v>26</v>
      </c>
    </row>
    <row r="104" spans="1:4" ht="18" customHeight="1" x14ac:dyDescent="0.15">
      <c r="A104" s="8">
        <v>81</v>
      </c>
      <c r="B104" s="21">
        <v>10</v>
      </c>
      <c r="C104" s="6">
        <v>10</v>
      </c>
      <c r="D104" s="5">
        <v>20</v>
      </c>
    </row>
    <row r="105" spans="1:4" ht="18" customHeight="1" x14ac:dyDescent="0.15">
      <c r="A105" s="8">
        <v>82</v>
      </c>
      <c r="B105" s="21">
        <v>12</v>
      </c>
      <c r="C105" s="6">
        <v>16</v>
      </c>
      <c r="D105" s="5">
        <v>28</v>
      </c>
    </row>
    <row r="106" spans="1:4" ht="18" customHeight="1" x14ac:dyDescent="0.15">
      <c r="A106" s="8">
        <v>83</v>
      </c>
      <c r="B106" s="21">
        <v>17</v>
      </c>
      <c r="C106" s="6">
        <v>17</v>
      </c>
      <c r="D106" s="5">
        <v>34</v>
      </c>
    </row>
    <row r="107" spans="1:4" ht="18" customHeight="1" x14ac:dyDescent="0.15">
      <c r="A107" s="8">
        <v>84</v>
      </c>
      <c r="B107" s="21">
        <v>12</v>
      </c>
      <c r="C107" s="6">
        <v>10</v>
      </c>
      <c r="D107" s="5">
        <v>22</v>
      </c>
    </row>
    <row r="108" spans="1:4" ht="18" customHeight="1" x14ac:dyDescent="0.15">
      <c r="A108" s="8" t="s">
        <v>7</v>
      </c>
      <c r="B108" s="21">
        <v>62</v>
      </c>
      <c r="C108" s="6">
        <v>68</v>
      </c>
      <c r="D108" s="5">
        <v>130</v>
      </c>
    </row>
    <row r="109" spans="1:4" ht="18" customHeight="1" x14ac:dyDescent="0.15">
      <c r="A109" s="8">
        <v>85</v>
      </c>
      <c r="B109" s="21">
        <v>7</v>
      </c>
      <c r="C109" s="6">
        <v>17</v>
      </c>
      <c r="D109" s="5">
        <v>24</v>
      </c>
    </row>
    <row r="110" spans="1:4" ht="18" customHeight="1" x14ac:dyDescent="0.15">
      <c r="A110" s="8">
        <v>86</v>
      </c>
      <c r="B110" s="21">
        <v>5</v>
      </c>
      <c r="C110" s="6">
        <v>12</v>
      </c>
      <c r="D110" s="5">
        <v>17</v>
      </c>
    </row>
    <row r="111" spans="1:4" ht="18" customHeight="1" x14ac:dyDescent="0.15">
      <c r="A111" s="8">
        <v>87</v>
      </c>
      <c r="B111" s="21">
        <v>4</v>
      </c>
      <c r="C111" s="6">
        <v>9</v>
      </c>
      <c r="D111" s="5">
        <v>13</v>
      </c>
    </row>
    <row r="112" spans="1:4" ht="18" customHeight="1" x14ac:dyDescent="0.15">
      <c r="A112" s="8">
        <v>88</v>
      </c>
      <c r="B112" s="21">
        <v>5</v>
      </c>
      <c r="C112" s="6">
        <v>7</v>
      </c>
      <c r="D112" s="5">
        <v>12</v>
      </c>
    </row>
    <row r="113" spans="1:4" ht="18" customHeight="1" x14ac:dyDescent="0.15">
      <c r="A113" s="8">
        <v>89</v>
      </c>
      <c r="B113" s="21">
        <v>6</v>
      </c>
      <c r="C113" s="6">
        <v>13</v>
      </c>
      <c r="D113" s="5">
        <v>19</v>
      </c>
    </row>
    <row r="114" spans="1:4" ht="18" customHeight="1" x14ac:dyDescent="0.15">
      <c r="A114" s="8" t="s">
        <v>6</v>
      </c>
      <c r="B114" s="21">
        <v>27</v>
      </c>
      <c r="C114" s="6">
        <v>58</v>
      </c>
      <c r="D114" s="5">
        <v>85</v>
      </c>
    </row>
    <row r="115" spans="1:4" ht="18" customHeight="1" x14ac:dyDescent="0.15">
      <c r="A115" s="8">
        <v>90</v>
      </c>
      <c r="B115" s="21">
        <v>3</v>
      </c>
      <c r="C115" s="6">
        <v>7</v>
      </c>
      <c r="D115" s="5">
        <v>10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2</v>
      </c>
      <c r="C117" s="6">
        <v>9</v>
      </c>
      <c r="D117" s="5">
        <v>11</v>
      </c>
    </row>
    <row r="118" spans="1:4" ht="18" customHeight="1" x14ac:dyDescent="0.15">
      <c r="A118" s="8">
        <v>93</v>
      </c>
      <c r="B118" s="21">
        <v>2</v>
      </c>
      <c r="C118" s="6">
        <v>3</v>
      </c>
      <c r="D118" s="5">
        <v>5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12</v>
      </c>
      <c r="C120" s="6">
        <v>31</v>
      </c>
      <c r="D120" s="5">
        <v>43</v>
      </c>
    </row>
    <row r="121" spans="1:4" ht="18" customHeight="1" x14ac:dyDescent="0.15">
      <c r="A121" s="8">
        <v>95</v>
      </c>
      <c r="B121" s="21">
        <v>2</v>
      </c>
      <c r="C121" s="6">
        <v>1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1</v>
      </c>
      <c r="C123" s="6">
        <v>0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5</v>
      </c>
      <c r="C126" s="6">
        <v>8</v>
      </c>
      <c r="D126" s="5">
        <v>1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345</v>
      </c>
      <c r="C130" s="6">
        <v>433</v>
      </c>
      <c r="D130" s="5">
        <v>778</v>
      </c>
    </row>
    <row r="131" spans="1:4" ht="18" customHeight="1" x14ac:dyDescent="0.15">
      <c r="A131" s="4" t="s">
        <v>0</v>
      </c>
      <c r="B131" s="20">
        <v>851</v>
      </c>
      <c r="C131" s="2">
        <v>868</v>
      </c>
      <c r="D131" s="1">
        <v>171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6BC37F-3399-448F-9C1F-F40C0EF75192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8</v>
      </c>
      <c r="D5" s="10">
        <v>19</v>
      </c>
    </row>
    <row r="6" spans="1:4" ht="18" customHeight="1" x14ac:dyDescent="0.15">
      <c r="A6" s="8">
        <v>1</v>
      </c>
      <c r="B6" s="21">
        <v>7</v>
      </c>
      <c r="C6" s="6">
        <v>11</v>
      </c>
      <c r="D6" s="5">
        <v>18</v>
      </c>
    </row>
    <row r="7" spans="1:4" ht="18" customHeight="1" x14ac:dyDescent="0.15">
      <c r="A7" s="8">
        <v>2</v>
      </c>
      <c r="B7" s="21">
        <v>7</v>
      </c>
      <c r="C7" s="6">
        <v>9</v>
      </c>
      <c r="D7" s="5">
        <v>16</v>
      </c>
    </row>
    <row r="8" spans="1:4" ht="18" customHeight="1" x14ac:dyDescent="0.15">
      <c r="A8" s="8">
        <v>3</v>
      </c>
      <c r="B8" s="21">
        <v>7</v>
      </c>
      <c r="C8" s="6">
        <v>11</v>
      </c>
      <c r="D8" s="5">
        <v>18</v>
      </c>
    </row>
    <row r="9" spans="1:4" ht="18" customHeight="1" x14ac:dyDescent="0.15">
      <c r="A9" s="8">
        <v>4</v>
      </c>
      <c r="B9" s="21">
        <v>10</v>
      </c>
      <c r="C9" s="6">
        <v>12</v>
      </c>
      <c r="D9" s="5">
        <v>22</v>
      </c>
    </row>
    <row r="10" spans="1:4" ht="18" customHeight="1" x14ac:dyDescent="0.15">
      <c r="A10" s="8" t="s">
        <v>25</v>
      </c>
      <c r="B10" s="21">
        <v>42</v>
      </c>
      <c r="C10" s="6">
        <v>51</v>
      </c>
      <c r="D10" s="5">
        <v>93</v>
      </c>
    </row>
    <row r="11" spans="1:4" ht="18" customHeight="1" x14ac:dyDescent="0.15">
      <c r="A11" s="8">
        <v>5</v>
      </c>
      <c r="B11" s="21">
        <v>13</v>
      </c>
      <c r="C11" s="6">
        <v>8</v>
      </c>
      <c r="D11" s="5">
        <v>21</v>
      </c>
    </row>
    <row r="12" spans="1:4" ht="18" customHeight="1" x14ac:dyDescent="0.15">
      <c r="A12" s="8">
        <v>6</v>
      </c>
      <c r="B12" s="21">
        <v>7</v>
      </c>
      <c r="C12" s="6">
        <v>10</v>
      </c>
      <c r="D12" s="5">
        <v>17</v>
      </c>
    </row>
    <row r="13" spans="1:4" ht="18" customHeight="1" x14ac:dyDescent="0.15">
      <c r="A13" s="8">
        <v>7</v>
      </c>
      <c r="B13" s="21">
        <v>14</v>
      </c>
      <c r="C13" s="6">
        <v>6</v>
      </c>
      <c r="D13" s="5">
        <v>20</v>
      </c>
    </row>
    <row r="14" spans="1:4" ht="18" customHeight="1" x14ac:dyDescent="0.15">
      <c r="A14" s="8">
        <v>8</v>
      </c>
      <c r="B14" s="21">
        <v>8</v>
      </c>
      <c r="C14" s="6">
        <v>8</v>
      </c>
      <c r="D14" s="5">
        <v>16</v>
      </c>
    </row>
    <row r="15" spans="1:4" ht="18" customHeight="1" x14ac:dyDescent="0.15">
      <c r="A15" s="8">
        <v>9</v>
      </c>
      <c r="B15" s="21">
        <v>8</v>
      </c>
      <c r="C15" s="6">
        <v>13</v>
      </c>
      <c r="D15" s="5">
        <v>21</v>
      </c>
    </row>
    <row r="16" spans="1:4" ht="18" customHeight="1" x14ac:dyDescent="0.15">
      <c r="A16" s="8" t="s">
        <v>24</v>
      </c>
      <c r="B16" s="21">
        <v>50</v>
      </c>
      <c r="C16" s="6">
        <v>45</v>
      </c>
      <c r="D16" s="5">
        <v>95</v>
      </c>
    </row>
    <row r="17" spans="1:4" ht="18" customHeight="1" x14ac:dyDescent="0.15">
      <c r="A17" s="8">
        <v>10</v>
      </c>
      <c r="B17" s="21">
        <v>19</v>
      </c>
      <c r="C17" s="6">
        <v>10</v>
      </c>
      <c r="D17" s="5">
        <v>29</v>
      </c>
    </row>
    <row r="18" spans="1:4" ht="18" customHeight="1" x14ac:dyDescent="0.15">
      <c r="A18" s="8">
        <v>11</v>
      </c>
      <c r="B18" s="21">
        <v>7</v>
      </c>
      <c r="C18" s="6">
        <v>11</v>
      </c>
      <c r="D18" s="5">
        <v>18</v>
      </c>
    </row>
    <row r="19" spans="1:4" ht="18" customHeight="1" x14ac:dyDescent="0.15">
      <c r="A19" s="8">
        <v>12</v>
      </c>
      <c r="B19" s="21">
        <v>12</v>
      </c>
      <c r="C19" s="6">
        <v>10</v>
      </c>
      <c r="D19" s="5">
        <v>22</v>
      </c>
    </row>
    <row r="20" spans="1:4" ht="18" customHeight="1" x14ac:dyDescent="0.15">
      <c r="A20" s="8">
        <v>13</v>
      </c>
      <c r="B20" s="21">
        <v>9</v>
      </c>
      <c r="C20" s="6">
        <v>10</v>
      </c>
      <c r="D20" s="5">
        <v>19</v>
      </c>
    </row>
    <row r="21" spans="1:4" ht="18" customHeight="1" x14ac:dyDescent="0.15">
      <c r="A21" s="8">
        <v>14</v>
      </c>
      <c r="B21" s="21">
        <v>15</v>
      </c>
      <c r="C21" s="6">
        <v>14</v>
      </c>
      <c r="D21" s="5">
        <v>29</v>
      </c>
    </row>
    <row r="22" spans="1:4" ht="18" customHeight="1" x14ac:dyDescent="0.15">
      <c r="A22" s="8" t="s">
        <v>23</v>
      </c>
      <c r="B22" s="21">
        <v>62</v>
      </c>
      <c r="C22" s="6">
        <v>55</v>
      </c>
      <c r="D22" s="5">
        <v>117</v>
      </c>
    </row>
    <row r="23" spans="1:4" ht="18" customHeight="1" x14ac:dyDescent="0.15">
      <c r="A23" s="8" t="s">
        <v>22</v>
      </c>
      <c r="B23" s="21">
        <v>154</v>
      </c>
      <c r="C23" s="6">
        <v>151</v>
      </c>
      <c r="D23" s="5">
        <v>305</v>
      </c>
    </row>
    <row r="24" spans="1:4" ht="18" customHeight="1" x14ac:dyDescent="0.15">
      <c r="A24" s="8">
        <v>15</v>
      </c>
      <c r="B24" s="21">
        <v>16</v>
      </c>
      <c r="C24" s="6">
        <v>5</v>
      </c>
      <c r="D24" s="5">
        <v>21</v>
      </c>
    </row>
    <row r="25" spans="1:4" ht="18" customHeight="1" x14ac:dyDescent="0.15">
      <c r="A25" s="8">
        <v>16</v>
      </c>
      <c r="B25" s="21">
        <v>10</v>
      </c>
      <c r="C25" s="6">
        <v>15</v>
      </c>
      <c r="D25" s="5">
        <v>25</v>
      </c>
    </row>
    <row r="26" spans="1:4" ht="18" customHeight="1" x14ac:dyDescent="0.15">
      <c r="A26" s="8">
        <v>17</v>
      </c>
      <c r="B26" s="21">
        <v>12</v>
      </c>
      <c r="C26" s="6">
        <v>18</v>
      </c>
      <c r="D26" s="5">
        <v>30</v>
      </c>
    </row>
    <row r="27" spans="1:4" ht="18" customHeight="1" x14ac:dyDescent="0.15">
      <c r="A27" s="8">
        <v>18</v>
      </c>
      <c r="B27" s="21">
        <v>16</v>
      </c>
      <c r="C27" s="6">
        <v>12</v>
      </c>
      <c r="D27" s="5">
        <v>28</v>
      </c>
    </row>
    <row r="28" spans="1:4" ht="18" customHeight="1" x14ac:dyDescent="0.15">
      <c r="A28" s="8">
        <v>19</v>
      </c>
      <c r="B28" s="21">
        <v>14</v>
      </c>
      <c r="C28" s="6">
        <v>9</v>
      </c>
      <c r="D28" s="5">
        <v>23</v>
      </c>
    </row>
    <row r="29" spans="1:4" ht="18" customHeight="1" x14ac:dyDescent="0.15">
      <c r="A29" s="8" t="s">
        <v>21</v>
      </c>
      <c r="B29" s="21">
        <v>68</v>
      </c>
      <c r="C29" s="6">
        <v>59</v>
      </c>
      <c r="D29" s="5">
        <v>127</v>
      </c>
    </row>
    <row r="30" spans="1:4" ht="18" customHeight="1" x14ac:dyDescent="0.15">
      <c r="A30" s="8">
        <v>20</v>
      </c>
      <c r="B30" s="21">
        <v>20</v>
      </c>
      <c r="C30" s="6">
        <v>12</v>
      </c>
      <c r="D30" s="5">
        <v>32</v>
      </c>
    </row>
    <row r="31" spans="1:4" ht="18" customHeight="1" x14ac:dyDescent="0.15">
      <c r="A31" s="8">
        <v>21</v>
      </c>
      <c r="B31" s="21">
        <v>12</v>
      </c>
      <c r="C31" s="6">
        <v>16</v>
      </c>
      <c r="D31" s="5">
        <v>28</v>
      </c>
    </row>
    <row r="32" spans="1:4" ht="18" customHeight="1" x14ac:dyDescent="0.15">
      <c r="A32" s="8">
        <v>22</v>
      </c>
      <c r="B32" s="21">
        <v>17</v>
      </c>
      <c r="C32" s="6">
        <v>15</v>
      </c>
      <c r="D32" s="5">
        <v>32</v>
      </c>
    </row>
    <row r="33" spans="1:4" ht="18" customHeight="1" x14ac:dyDescent="0.15">
      <c r="A33" s="8">
        <v>23</v>
      </c>
      <c r="B33" s="21">
        <v>16</v>
      </c>
      <c r="C33" s="6">
        <v>19</v>
      </c>
      <c r="D33" s="5">
        <v>35</v>
      </c>
    </row>
    <row r="34" spans="1:4" ht="18" customHeight="1" x14ac:dyDescent="0.15">
      <c r="A34" s="8">
        <v>24</v>
      </c>
      <c r="B34" s="21">
        <v>17</v>
      </c>
      <c r="C34" s="6">
        <v>16</v>
      </c>
      <c r="D34" s="5">
        <v>33</v>
      </c>
    </row>
    <row r="35" spans="1:4" ht="18" customHeight="1" x14ac:dyDescent="0.15">
      <c r="A35" s="8" t="s">
        <v>20</v>
      </c>
      <c r="B35" s="21">
        <v>82</v>
      </c>
      <c r="C35" s="6">
        <v>78</v>
      </c>
      <c r="D35" s="5">
        <v>160</v>
      </c>
    </row>
    <row r="36" spans="1:4" ht="18" customHeight="1" x14ac:dyDescent="0.15">
      <c r="A36" s="8">
        <v>25</v>
      </c>
      <c r="B36" s="21">
        <v>19</v>
      </c>
      <c r="C36" s="6">
        <v>17</v>
      </c>
      <c r="D36" s="5">
        <v>36</v>
      </c>
    </row>
    <row r="37" spans="1:4" ht="18" customHeight="1" x14ac:dyDescent="0.15">
      <c r="A37" s="8">
        <v>26</v>
      </c>
      <c r="B37" s="21">
        <v>16</v>
      </c>
      <c r="C37" s="6">
        <v>11</v>
      </c>
      <c r="D37" s="5">
        <v>27</v>
      </c>
    </row>
    <row r="38" spans="1:4" ht="18" customHeight="1" x14ac:dyDescent="0.15">
      <c r="A38" s="8">
        <v>27</v>
      </c>
      <c r="B38" s="21">
        <v>17</v>
      </c>
      <c r="C38" s="6">
        <v>10</v>
      </c>
      <c r="D38" s="5">
        <v>27</v>
      </c>
    </row>
    <row r="39" spans="1:4" ht="18" customHeight="1" x14ac:dyDescent="0.15">
      <c r="A39" s="8">
        <v>28</v>
      </c>
      <c r="B39" s="21">
        <v>19</v>
      </c>
      <c r="C39" s="6">
        <v>13</v>
      </c>
      <c r="D39" s="5">
        <v>32</v>
      </c>
    </row>
    <row r="40" spans="1:4" ht="18" customHeight="1" x14ac:dyDescent="0.15">
      <c r="A40" s="8">
        <v>29</v>
      </c>
      <c r="B40" s="21">
        <v>14</v>
      </c>
      <c r="C40" s="6">
        <v>14</v>
      </c>
      <c r="D40" s="5">
        <v>28</v>
      </c>
    </row>
    <row r="41" spans="1:4" ht="18" customHeight="1" x14ac:dyDescent="0.15">
      <c r="A41" s="8" t="s">
        <v>19</v>
      </c>
      <c r="B41" s="21">
        <v>85</v>
      </c>
      <c r="C41" s="6">
        <v>65</v>
      </c>
      <c r="D41" s="5">
        <v>150</v>
      </c>
    </row>
    <row r="42" spans="1:4" ht="18" customHeight="1" x14ac:dyDescent="0.15">
      <c r="A42" s="8">
        <v>30</v>
      </c>
      <c r="B42" s="21">
        <v>17</v>
      </c>
      <c r="C42" s="6">
        <v>12</v>
      </c>
      <c r="D42" s="5">
        <v>29</v>
      </c>
    </row>
    <row r="43" spans="1:4" ht="18" customHeight="1" x14ac:dyDescent="0.15">
      <c r="A43" s="8">
        <v>31</v>
      </c>
      <c r="B43" s="21">
        <v>14</v>
      </c>
      <c r="C43" s="6">
        <v>15</v>
      </c>
      <c r="D43" s="5">
        <v>29</v>
      </c>
    </row>
    <row r="44" spans="1:4" ht="18" customHeight="1" x14ac:dyDescent="0.15">
      <c r="A44" s="8">
        <v>32</v>
      </c>
      <c r="B44" s="21">
        <v>14</v>
      </c>
      <c r="C44" s="6">
        <v>19</v>
      </c>
      <c r="D44" s="5">
        <v>33</v>
      </c>
    </row>
    <row r="45" spans="1:4" ht="18" customHeight="1" x14ac:dyDescent="0.15">
      <c r="A45" s="8">
        <v>33</v>
      </c>
      <c r="B45" s="21">
        <v>17</v>
      </c>
      <c r="C45" s="6">
        <v>13</v>
      </c>
      <c r="D45" s="5">
        <v>30</v>
      </c>
    </row>
    <row r="46" spans="1:4" ht="18" customHeight="1" x14ac:dyDescent="0.15">
      <c r="A46" s="8">
        <v>34</v>
      </c>
      <c r="B46" s="21">
        <v>14</v>
      </c>
      <c r="C46" s="6">
        <v>22</v>
      </c>
      <c r="D46" s="5">
        <v>36</v>
      </c>
    </row>
    <row r="47" spans="1:4" ht="18" customHeight="1" x14ac:dyDescent="0.15">
      <c r="A47" s="8" t="s">
        <v>18</v>
      </c>
      <c r="B47" s="21">
        <v>76</v>
      </c>
      <c r="C47" s="6">
        <v>81</v>
      </c>
      <c r="D47" s="5">
        <v>157</v>
      </c>
    </row>
    <row r="48" spans="1:4" ht="18" customHeight="1" x14ac:dyDescent="0.15">
      <c r="A48" s="8">
        <v>35</v>
      </c>
      <c r="B48" s="21">
        <v>10</v>
      </c>
      <c r="C48" s="6">
        <v>17</v>
      </c>
      <c r="D48" s="5">
        <v>27</v>
      </c>
    </row>
    <row r="49" spans="1:4" ht="18" customHeight="1" x14ac:dyDescent="0.15">
      <c r="A49" s="8">
        <v>36</v>
      </c>
      <c r="B49" s="21">
        <v>18</v>
      </c>
      <c r="C49" s="6">
        <v>10</v>
      </c>
      <c r="D49" s="5">
        <v>28</v>
      </c>
    </row>
    <row r="50" spans="1:4" ht="18" customHeight="1" x14ac:dyDescent="0.15">
      <c r="A50" s="8">
        <v>37</v>
      </c>
      <c r="B50" s="21">
        <v>20</v>
      </c>
      <c r="C50" s="6">
        <v>22</v>
      </c>
      <c r="D50" s="5">
        <v>42</v>
      </c>
    </row>
    <row r="51" spans="1:4" ht="18" customHeight="1" x14ac:dyDescent="0.15">
      <c r="A51" s="8">
        <v>38</v>
      </c>
      <c r="B51" s="21">
        <v>12</v>
      </c>
      <c r="C51" s="6">
        <v>16</v>
      </c>
      <c r="D51" s="5">
        <v>28</v>
      </c>
    </row>
    <row r="52" spans="1:4" ht="18" customHeight="1" x14ac:dyDescent="0.15">
      <c r="A52" s="8">
        <v>39</v>
      </c>
      <c r="B52" s="21">
        <v>24</v>
      </c>
      <c r="C52" s="6">
        <v>19</v>
      </c>
      <c r="D52" s="5">
        <v>43</v>
      </c>
    </row>
    <row r="53" spans="1:4" ht="18" customHeight="1" x14ac:dyDescent="0.15">
      <c r="A53" s="8" t="s">
        <v>17</v>
      </c>
      <c r="B53" s="21">
        <v>84</v>
      </c>
      <c r="C53" s="6">
        <v>84</v>
      </c>
      <c r="D53" s="5">
        <v>168</v>
      </c>
    </row>
    <row r="54" spans="1:4" ht="18" customHeight="1" x14ac:dyDescent="0.15">
      <c r="A54" s="8">
        <v>40</v>
      </c>
      <c r="B54" s="21">
        <v>21</v>
      </c>
      <c r="C54" s="6">
        <v>13</v>
      </c>
      <c r="D54" s="5">
        <v>34</v>
      </c>
    </row>
    <row r="55" spans="1:4" ht="18" customHeight="1" x14ac:dyDescent="0.15">
      <c r="A55" s="8">
        <v>41</v>
      </c>
      <c r="B55" s="21">
        <v>22</v>
      </c>
      <c r="C55" s="6">
        <v>11</v>
      </c>
      <c r="D55" s="5">
        <v>33</v>
      </c>
    </row>
    <row r="56" spans="1:4" ht="18" customHeight="1" x14ac:dyDescent="0.15">
      <c r="A56" s="8">
        <v>42</v>
      </c>
      <c r="B56" s="21">
        <v>26</v>
      </c>
      <c r="C56" s="6">
        <v>17</v>
      </c>
      <c r="D56" s="5">
        <v>43</v>
      </c>
    </row>
    <row r="57" spans="1:4" ht="18" customHeight="1" x14ac:dyDescent="0.15">
      <c r="A57" s="8">
        <v>43</v>
      </c>
      <c r="B57" s="21">
        <v>17</v>
      </c>
      <c r="C57" s="6">
        <v>20</v>
      </c>
      <c r="D57" s="5">
        <v>37</v>
      </c>
    </row>
    <row r="58" spans="1:4" ht="18" customHeight="1" x14ac:dyDescent="0.15">
      <c r="A58" s="8">
        <v>44</v>
      </c>
      <c r="B58" s="21">
        <v>18</v>
      </c>
      <c r="C58" s="6">
        <v>11</v>
      </c>
      <c r="D58" s="5">
        <v>29</v>
      </c>
    </row>
    <row r="59" spans="1:4" ht="18" customHeight="1" x14ac:dyDescent="0.15">
      <c r="A59" s="8" t="s">
        <v>16</v>
      </c>
      <c r="B59" s="21">
        <v>104</v>
      </c>
      <c r="C59" s="6">
        <v>72</v>
      </c>
      <c r="D59" s="5">
        <v>176</v>
      </c>
    </row>
    <row r="60" spans="1:4" ht="18" customHeight="1" x14ac:dyDescent="0.15">
      <c r="A60" s="8">
        <v>45</v>
      </c>
      <c r="B60" s="21">
        <v>30</v>
      </c>
      <c r="C60" s="6">
        <v>15</v>
      </c>
      <c r="D60" s="5">
        <v>45</v>
      </c>
    </row>
    <row r="61" spans="1:4" ht="18" customHeight="1" x14ac:dyDescent="0.15">
      <c r="A61" s="8">
        <v>46</v>
      </c>
      <c r="B61" s="21">
        <v>20</v>
      </c>
      <c r="C61" s="6">
        <v>15</v>
      </c>
      <c r="D61" s="5">
        <v>35</v>
      </c>
    </row>
    <row r="62" spans="1:4" ht="18" customHeight="1" x14ac:dyDescent="0.15">
      <c r="A62" s="8">
        <v>47</v>
      </c>
      <c r="B62" s="21">
        <v>21</v>
      </c>
      <c r="C62" s="6">
        <v>16</v>
      </c>
      <c r="D62" s="5">
        <v>37</v>
      </c>
    </row>
    <row r="63" spans="1:4" ht="18" customHeight="1" x14ac:dyDescent="0.15">
      <c r="A63" s="8">
        <v>48</v>
      </c>
      <c r="B63" s="21">
        <v>35</v>
      </c>
      <c r="C63" s="6">
        <v>20</v>
      </c>
      <c r="D63" s="5">
        <v>55</v>
      </c>
    </row>
    <row r="64" spans="1:4" ht="18" customHeight="1" x14ac:dyDescent="0.15">
      <c r="A64" s="8">
        <v>49</v>
      </c>
      <c r="B64" s="21">
        <v>25</v>
      </c>
      <c r="C64" s="6">
        <v>25</v>
      </c>
      <c r="D64" s="5">
        <v>50</v>
      </c>
    </row>
    <row r="65" spans="1:4" ht="18" customHeight="1" x14ac:dyDescent="0.15">
      <c r="A65" s="8" t="s">
        <v>15</v>
      </c>
      <c r="B65" s="21">
        <v>131</v>
      </c>
      <c r="C65" s="6">
        <v>91</v>
      </c>
      <c r="D65" s="5">
        <v>222</v>
      </c>
    </row>
    <row r="66" spans="1:4" ht="18" customHeight="1" x14ac:dyDescent="0.15">
      <c r="A66" s="8">
        <v>50</v>
      </c>
      <c r="B66" s="21">
        <v>40</v>
      </c>
      <c r="C66" s="6">
        <v>24</v>
      </c>
      <c r="D66" s="5">
        <v>64</v>
      </c>
    </row>
    <row r="67" spans="1:4" ht="18" customHeight="1" x14ac:dyDescent="0.15">
      <c r="A67" s="8">
        <v>51</v>
      </c>
      <c r="B67" s="21">
        <v>32</v>
      </c>
      <c r="C67" s="6">
        <v>26</v>
      </c>
      <c r="D67" s="5">
        <v>58</v>
      </c>
    </row>
    <row r="68" spans="1:4" ht="18" customHeight="1" x14ac:dyDescent="0.15">
      <c r="A68" s="8">
        <v>52</v>
      </c>
      <c r="B68" s="21">
        <v>38</v>
      </c>
      <c r="C68" s="6">
        <v>27</v>
      </c>
      <c r="D68" s="5">
        <v>65</v>
      </c>
    </row>
    <row r="69" spans="1:4" ht="18" customHeight="1" x14ac:dyDescent="0.15">
      <c r="A69" s="8">
        <v>53</v>
      </c>
      <c r="B69" s="21">
        <v>25</v>
      </c>
      <c r="C69" s="6">
        <v>19</v>
      </c>
      <c r="D69" s="5">
        <v>44</v>
      </c>
    </row>
    <row r="70" spans="1:4" ht="18" customHeight="1" x14ac:dyDescent="0.15">
      <c r="A70" s="8">
        <v>54</v>
      </c>
      <c r="B70" s="21">
        <v>33</v>
      </c>
      <c r="C70" s="6">
        <v>24</v>
      </c>
      <c r="D70" s="5">
        <v>57</v>
      </c>
    </row>
    <row r="71" spans="1:4" ht="18" customHeight="1" x14ac:dyDescent="0.15">
      <c r="A71" s="8" t="s">
        <v>14</v>
      </c>
      <c r="B71" s="21">
        <v>168</v>
      </c>
      <c r="C71" s="6">
        <v>120</v>
      </c>
      <c r="D71" s="5">
        <v>288</v>
      </c>
    </row>
    <row r="72" spans="1:4" ht="18" customHeight="1" x14ac:dyDescent="0.15">
      <c r="A72" s="8">
        <v>55</v>
      </c>
      <c r="B72" s="21">
        <v>28</v>
      </c>
      <c r="C72" s="6">
        <v>27</v>
      </c>
      <c r="D72" s="5">
        <v>55</v>
      </c>
    </row>
    <row r="73" spans="1:4" ht="18" customHeight="1" x14ac:dyDescent="0.15">
      <c r="A73" s="8">
        <v>56</v>
      </c>
      <c r="B73" s="21">
        <v>25</v>
      </c>
      <c r="C73" s="6">
        <v>17</v>
      </c>
      <c r="D73" s="5">
        <v>42</v>
      </c>
    </row>
    <row r="74" spans="1:4" ht="18" customHeight="1" x14ac:dyDescent="0.15">
      <c r="A74" s="8">
        <v>57</v>
      </c>
      <c r="B74" s="21">
        <v>18</v>
      </c>
      <c r="C74" s="6">
        <v>18</v>
      </c>
      <c r="D74" s="5">
        <v>36</v>
      </c>
    </row>
    <row r="75" spans="1:4" ht="18" customHeight="1" x14ac:dyDescent="0.15">
      <c r="A75" s="8">
        <v>58</v>
      </c>
      <c r="B75" s="21">
        <v>25</v>
      </c>
      <c r="C75" s="6">
        <v>25</v>
      </c>
      <c r="D75" s="5">
        <v>50</v>
      </c>
    </row>
    <row r="76" spans="1:4" ht="18" customHeight="1" x14ac:dyDescent="0.15">
      <c r="A76" s="8">
        <v>59</v>
      </c>
      <c r="B76" s="21">
        <v>15</v>
      </c>
      <c r="C76" s="6">
        <v>12</v>
      </c>
      <c r="D76" s="5">
        <v>27</v>
      </c>
    </row>
    <row r="77" spans="1:4" ht="18" customHeight="1" x14ac:dyDescent="0.15">
      <c r="A77" s="8" t="s">
        <v>13</v>
      </c>
      <c r="B77" s="21">
        <v>111</v>
      </c>
      <c r="C77" s="6">
        <v>99</v>
      </c>
      <c r="D77" s="5">
        <v>210</v>
      </c>
    </row>
    <row r="78" spans="1:4" ht="18" customHeight="1" x14ac:dyDescent="0.15">
      <c r="A78" s="8">
        <v>60</v>
      </c>
      <c r="B78" s="21">
        <v>25</v>
      </c>
      <c r="C78" s="6">
        <v>26</v>
      </c>
      <c r="D78" s="5">
        <v>51</v>
      </c>
    </row>
    <row r="79" spans="1:4" ht="18" customHeight="1" x14ac:dyDescent="0.15">
      <c r="A79" s="8">
        <v>61</v>
      </c>
      <c r="B79" s="21">
        <v>24</v>
      </c>
      <c r="C79" s="6">
        <v>23</v>
      </c>
      <c r="D79" s="5">
        <v>47</v>
      </c>
    </row>
    <row r="80" spans="1:4" ht="18" customHeight="1" x14ac:dyDescent="0.15">
      <c r="A80" s="8">
        <v>62</v>
      </c>
      <c r="B80" s="21">
        <v>29</v>
      </c>
      <c r="C80" s="6">
        <v>20</v>
      </c>
      <c r="D80" s="5">
        <v>49</v>
      </c>
    </row>
    <row r="81" spans="1:4" ht="18" customHeight="1" x14ac:dyDescent="0.15">
      <c r="A81" s="8">
        <v>63</v>
      </c>
      <c r="B81" s="21">
        <v>23</v>
      </c>
      <c r="C81" s="6">
        <v>32</v>
      </c>
      <c r="D81" s="5">
        <v>55</v>
      </c>
    </row>
    <row r="82" spans="1:4" ht="18" customHeight="1" x14ac:dyDescent="0.15">
      <c r="A82" s="8">
        <v>64</v>
      </c>
      <c r="B82" s="21">
        <v>24</v>
      </c>
      <c r="C82" s="6">
        <v>21</v>
      </c>
      <c r="D82" s="5">
        <v>45</v>
      </c>
    </row>
    <row r="83" spans="1:4" ht="18" customHeight="1" x14ac:dyDescent="0.15">
      <c r="A83" s="8" t="s">
        <v>12</v>
      </c>
      <c r="B83" s="21">
        <v>125</v>
      </c>
      <c r="C83" s="6">
        <v>122</v>
      </c>
      <c r="D83" s="5">
        <v>247</v>
      </c>
    </row>
    <row r="84" spans="1:4" ht="18" customHeight="1" x14ac:dyDescent="0.15">
      <c r="A84" s="8" t="s">
        <v>11</v>
      </c>
      <c r="B84" s="21">
        <v>1034</v>
      </c>
      <c r="C84" s="6">
        <v>871</v>
      </c>
      <c r="D84" s="5">
        <v>1905</v>
      </c>
    </row>
    <row r="85" spans="1:4" ht="18" customHeight="1" x14ac:dyDescent="0.15">
      <c r="A85" s="8">
        <v>65</v>
      </c>
      <c r="B85" s="21">
        <v>25</v>
      </c>
      <c r="C85" s="6">
        <v>22</v>
      </c>
      <c r="D85" s="5">
        <v>47</v>
      </c>
    </row>
    <row r="86" spans="1:4" ht="18" customHeight="1" x14ac:dyDescent="0.15">
      <c r="A86" s="8">
        <v>66</v>
      </c>
      <c r="B86" s="21">
        <v>27</v>
      </c>
      <c r="C86" s="6">
        <v>21</v>
      </c>
      <c r="D86" s="5">
        <v>48</v>
      </c>
    </row>
    <row r="87" spans="1:4" ht="18" customHeight="1" x14ac:dyDescent="0.15">
      <c r="A87" s="8">
        <v>67</v>
      </c>
      <c r="B87" s="21">
        <v>22</v>
      </c>
      <c r="C87" s="6">
        <v>31</v>
      </c>
      <c r="D87" s="5">
        <v>53</v>
      </c>
    </row>
    <row r="88" spans="1:4" ht="18" customHeight="1" x14ac:dyDescent="0.15">
      <c r="A88" s="8">
        <v>68</v>
      </c>
      <c r="B88" s="21">
        <v>24</v>
      </c>
      <c r="C88" s="6">
        <v>24</v>
      </c>
      <c r="D88" s="5">
        <v>48</v>
      </c>
    </row>
    <row r="89" spans="1:4" ht="18" customHeight="1" x14ac:dyDescent="0.15">
      <c r="A89" s="8">
        <v>69</v>
      </c>
      <c r="B89" s="21">
        <v>22</v>
      </c>
      <c r="C89" s="6">
        <v>35</v>
      </c>
      <c r="D89" s="5">
        <v>57</v>
      </c>
    </row>
    <row r="90" spans="1:4" ht="18" customHeight="1" x14ac:dyDescent="0.15">
      <c r="A90" s="8" t="s">
        <v>10</v>
      </c>
      <c r="B90" s="21">
        <v>120</v>
      </c>
      <c r="C90" s="6">
        <v>133</v>
      </c>
      <c r="D90" s="5">
        <v>253</v>
      </c>
    </row>
    <row r="91" spans="1:4" ht="18" customHeight="1" x14ac:dyDescent="0.15">
      <c r="A91" s="8">
        <v>70</v>
      </c>
      <c r="B91" s="21">
        <v>29</v>
      </c>
      <c r="C91" s="6">
        <v>30</v>
      </c>
      <c r="D91" s="5">
        <v>59</v>
      </c>
    </row>
    <row r="92" spans="1:4" ht="18" customHeight="1" x14ac:dyDescent="0.15">
      <c r="A92" s="8">
        <v>71</v>
      </c>
      <c r="B92" s="21">
        <v>28</v>
      </c>
      <c r="C92" s="6">
        <v>28</v>
      </c>
      <c r="D92" s="5">
        <v>56</v>
      </c>
    </row>
    <row r="93" spans="1:4" ht="18" customHeight="1" x14ac:dyDescent="0.15">
      <c r="A93" s="8">
        <v>72</v>
      </c>
      <c r="B93" s="21">
        <v>25</v>
      </c>
      <c r="C93" s="6">
        <v>30</v>
      </c>
      <c r="D93" s="5">
        <v>55</v>
      </c>
    </row>
    <row r="94" spans="1:4" ht="18" customHeight="1" x14ac:dyDescent="0.15">
      <c r="A94" s="8">
        <v>73</v>
      </c>
      <c r="B94" s="21">
        <v>23</v>
      </c>
      <c r="C94" s="6">
        <v>32</v>
      </c>
      <c r="D94" s="5">
        <v>55</v>
      </c>
    </row>
    <row r="95" spans="1:4" ht="18" customHeight="1" x14ac:dyDescent="0.15">
      <c r="A95" s="8">
        <v>74</v>
      </c>
      <c r="B95" s="21">
        <v>33</v>
      </c>
      <c r="C95" s="6">
        <v>23</v>
      </c>
      <c r="D95" s="5">
        <v>56</v>
      </c>
    </row>
    <row r="96" spans="1:4" ht="18" customHeight="1" x14ac:dyDescent="0.15">
      <c r="A96" s="8" t="s">
        <v>9</v>
      </c>
      <c r="B96" s="21">
        <v>138</v>
      </c>
      <c r="C96" s="6">
        <v>143</v>
      </c>
      <c r="D96" s="5">
        <v>281</v>
      </c>
    </row>
    <row r="97" spans="1:4" ht="18" customHeight="1" x14ac:dyDescent="0.15">
      <c r="A97" s="8">
        <v>75</v>
      </c>
      <c r="B97" s="21">
        <v>34</v>
      </c>
      <c r="C97" s="6">
        <v>42</v>
      </c>
      <c r="D97" s="5">
        <v>76</v>
      </c>
    </row>
    <row r="98" spans="1:4" ht="18" customHeight="1" x14ac:dyDescent="0.15">
      <c r="A98" s="8">
        <v>76</v>
      </c>
      <c r="B98" s="21">
        <v>52</v>
      </c>
      <c r="C98" s="6">
        <v>51</v>
      </c>
      <c r="D98" s="5">
        <v>103</v>
      </c>
    </row>
    <row r="99" spans="1:4" ht="18" customHeight="1" x14ac:dyDescent="0.15">
      <c r="A99" s="8">
        <v>77</v>
      </c>
      <c r="B99" s="21">
        <v>39</v>
      </c>
      <c r="C99" s="6">
        <v>44</v>
      </c>
      <c r="D99" s="5">
        <v>83</v>
      </c>
    </row>
    <row r="100" spans="1:4" ht="18" customHeight="1" x14ac:dyDescent="0.15">
      <c r="A100" s="8">
        <v>78</v>
      </c>
      <c r="B100" s="21">
        <v>43</v>
      </c>
      <c r="C100" s="6">
        <v>50</v>
      </c>
      <c r="D100" s="5">
        <v>93</v>
      </c>
    </row>
    <row r="101" spans="1:4" ht="18" customHeight="1" x14ac:dyDescent="0.15">
      <c r="A101" s="8">
        <v>79</v>
      </c>
      <c r="B101" s="21">
        <v>23</v>
      </c>
      <c r="C101" s="6">
        <v>30</v>
      </c>
      <c r="D101" s="5">
        <v>53</v>
      </c>
    </row>
    <row r="102" spans="1:4" ht="18" customHeight="1" x14ac:dyDescent="0.15">
      <c r="A102" s="8" t="s">
        <v>8</v>
      </c>
      <c r="B102" s="21">
        <v>191</v>
      </c>
      <c r="C102" s="6">
        <v>217</v>
      </c>
      <c r="D102" s="5">
        <v>408</v>
      </c>
    </row>
    <row r="103" spans="1:4" ht="18" customHeight="1" x14ac:dyDescent="0.15">
      <c r="A103" s="8">
        <v>80</v>
      </c>
      <c r="B103" s="21">
        <v>21</v>
      </c>
      <c r="C103" s="6">
        <v>15</v>
      </c>
      <c r="D103" s="5">
        <v>36</v>
      </c>
    </row>
    <row r="104" spans="1:4" ht="18" customHeight="1" x14ac:dyDescent="0.15">
      <c r="A104" s="8">
        <v>81</v>
      </c>
      <c r="B104" s="21">
        <v>16</v>
      </c>
      <c r="C104" s="6">
        <v>27</v>
      </c>
      <c r="D104" s="5">
        <v>43</v>
      </c>
    </row>
    <row r="105" spans="1:4" ht="18" customHeight="1" x14ac:dyDescent="0.15">
      <c r="A105" s="8">
        <v>82</v>
      </c>
      <c r="B105" s="21">
        <v>20</v>
      </c>
      <c r="C105" s="6">
        <v>36</v>
      </c>
      <c r="D105" s="5">
        <v>56</v>
      </c>
    </row>
    <row r="106" spans="1:4" ht="18" customHeight="1" x14ac:dyDescent="0.15">
      <c r="A106" s="8">
        <v>83</v>
      </c>
      <c r="B106" s="21">
        <v>28</v>
      </c>
      <c r="C106" s="6">
        <v>33</v>
      </c>
      <c r="D106" s="5">
        <v>61</v>
      </c>
    </row>
    <row r="107" spans="1:4" ht="18" customHeight="1" x14ac:dyDescent="0.15">
      <c r="A107" s="8">
        <v>84</v>
      </c>
      <c r="B107" s="21">
        <v>16</v>
      </c>
      <c r="C107" s="6">
        <v>32</v>
      </c>
      <c r="D107" s="5">
        <v>48</v>
      </c>
    </row>
    <row r="108" spans="1:4" ht="18" customHeight="1" x14ac:dyDescent="0.15">
      <c r="A108" s="8" t="s">
        <v>7</v>
      </c>
      <c r="B108" s="21">
        <v>101</v>
      </c>
      <c r="C108" s="6">
        <v>143</v>
      </c>
      <c r="D108" s="5">
        <v>244</v>
      </c>
    </row>
    <row r="109" spans="1:4" ht="18" customHeight="1" x14ac:dyDescent="0.15">
      <c r="A109" s="8">
        <v>85</v>
      </c>
      <c r="B109" s="21">
        <v>18</v>
      </c>
      <c r="C109" s="6">
        <v>33</v>
      </c>
      <c r="D109" s="5">
        <v>51</v>
      </c>
    </row>
    <row r="110" spans="1:4" ht="18" customHeight="1" x14ac:dyDescent="0.15">
      <c r="A110" s="8">
        <v>86</v>
      </c>
      <c r="B110" s="21">
        <v>6</v>
      </c>
      <c r="C110" s="6">
        <v>15</v>
      </c>
      <c r="D110" s="5">
        <v>21</v>
      </c>
    </row>
    <row r="111" spans="1:4" ht="18" customHeight="1" x14ac:dyDescent="0.15">
      <c r="A111" s="8">
        <v>87</v>
      </c>
      <c r="B111" s="21">
        <v>9</v>
      </c>
      <c r="C111" s="6">
        <v>25</v>
      </c>
      <c r="D111" s="5">
        <v>34</v>
      </c>
    </row>
    <row r="112" spans="1:4" ht="18" customHeight="1" x14ac:dyDescent="0.15">
      <c r="A112" s="8">
        <v>88</v>
      </c>
      <c r="B112" s="21">
        <v>8</v>
      </c>
      <c r="C112" s="6">
        <v>14</v>
      </c>
      <c r="D112" s="5">
        <v>22</v>
      </c>
    </row>
    <row r="113" spans="1:4" ht="18" customHeight="1" x14ac:dyDescent="0.15">
      <c r="A113" s="8">
        <v>89</v>
      </c>
      <c r="B113" s="21">
        <v>4</v>
      </c>
      <c r="C113" s="6">
        <v>15</v>
      </c>
      <c r="D113" s="5">
        <v>19</v>
      </c>
    </row>
    <row r="114" spans="1:4" ht="18" customHeight="1" x14ac:dyDescent="0.15">
      <c r="A114" s="8" t="s">
        <v>6</v>
      </c>
      <c r="B114" s="21">
        <v>45</v>
      </c>
      <c r="C114" s="6">
        <v>102</v>
      </c>
      <c r="D114" s="5">
        <v>147</v>
      </c>
    </row>
    <row r="115" spans="1:4" ht="18" customHeight="1" x14ac:dyDescent="0.15">
      <c r="A115" s="8">
        <v>90</v>
      </c>
      <c r="B115" s="21">
        <v>6</v>
      </c>
      <c r="C115" s="6">
        <v>14</v>
      </c>
      <c r="D115" s="5">
        <v>20</v>
      </c>
    </row>
    <row r="116" spans="1:4" ht="18" customHeight="1" x14ac:dyDescent="0.15">
      <c r="A116" s="8">
        <v>91</v>
      </c>
      <c r="B116" s="21">
        <v>8</v>
      </c>
      <c r="C116" s="6">
        <v>15</v>
      </c>
      <c r="D116" s="5">
        <v>23</v>
      </c>
    </row>
    <row r="117" spans="1:4" ht="18" customHeight="1" x14ac:dyDescent="0.15">
      <c r="A117" s="8">
        <v>92</v>
      </c>
      <c r="B117" s="21">
        <v>3</v>
      </c>
      <c r="C117" s="6">
        <v>16</v>
      </c>
      <c r="D117" s="5">
        <v>19</v>
      </c>
    </row>
    <row r="118" spans="1:4" ht="18" customHeight="1" x14ac:dyDescent="0.15">
      <c r="A118" s="8">
        <v>93</v>
      </c>
      <c r="B118" s="21">
        <v>1</v>
      </c>
      <c r="C118" s="6">
        <v>13</v>
      </c>
      <c r="D118" s="5">
        <v>14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20</v>
      </c>
      <c r="C120" s="6">
        <v>64</v>
      </c>
      <c r="D120" s="5">
        <v>84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0</v>
      </c>
      <c r="C122" s="6">
        <v>5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5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4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6</v>
      </c>
      <c r="D129" s="5">
        <v>7</v>
      </c>
    </row>
    <row r="130" spans="1:4" ht="18" customHeight="1" x14ac:dyDescent="0.15">
      <c r="A130" s="8" t="s">
        <v>1</v>
      </c>
      <c r="B130" s="21">
        <v>617</v>
      </c>
      <c r="C130" s="6">
        <v>832</v>
      </c>
      <c r="D130" s="5">
        <v>1449</v>
      </c>
    </row>
    <row r="131" spans="1:4" ht="18" customHeight="1" x14ac:dyDescent="0.15">
      <c r="A131" s="4" t="s">
        <v>0</v>
      </c>
      <c r="B131" s="20">
        <v>1805</v>
      </c>
      <c r="C131" s="2">
        <v>1854</v>
      </c>
      <c r="D131" s="1">
        <v>36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F2FDF2-FED5-43D6-8384-D780751A73A3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4</v>
      </c>
      <c r="D5" s="10">
        <v>5</v>
      </c>
    </row>
    <row r="6" spans="1:4" ht="18" customHeight="1" x14ac:dyDescent="0.15">
      <c r="A6" s="8">
        <v>1</v>
      </c>
      <c r="B6" s="21">
        <v>3</v>
      </c>
      <c r="C6" s="6">
        <v>0</v>
      </c>
      <c r="D6" s="5">
        <v>3</v>
      </c>
    </row>
    <row r="7" spans="1:4" ht="18" customHeight="1" x14ac:dyDescent="0.15">
      <c r="A7" s="8">
        <v>2</v>
      </c>
      <c r="B7" s="21">
        <v>1</v>
      </c>
      <c r="C7" s="6">
        <v>4</v>
      </c>
      <c r="D7" s="5">
        <v>5</v>
      </c>
    </row>
    <row r="8" spans="1:4" ht="18" customHeight="1" x14ac:dyDescent="0.15">
      <c r="A8" s="8">
        <v>3</v>
      </c>
      <c r="B8" s="21">
        <v>2</v>
      </c>
      <c r="C8" s="6">
        <v>4</v>
      </c>
      <c r="D8" s="5">
        <v>6</v>
      </c>
    </row>
    <row r="9" spans="1:4" ht="18" customHeight="1" x14ac:dyDescent="0.15">
      <c r="A9" s="8">
        <v>4</v>
      </c>
      <c r="B9" s="21">
        <v>3</v>
      </c>
      <c r="C9" s="6">
        <v>1</v>
      </c>
      <c r="D9" s="5">
        <v>4</v>
      </c>
    </row>
    <row r="10" spans="1:4" ht="18" customHeight="1" x14ac:dyDescent="0.15">
      <c r="A10" s="8" t="s">
        <v>25</v>
      </c>
      <c r="B10" s="21">
        <v>10</v>
      </c>
      <c r="C10" s="6">
        <v>13</v>
      </c>
      <c r="D10" s="5">
        <v>23</v>
      </c>
    </row>
    <row r="11" spans="1:4" ht="18" customHeight="1" x14ac:dyDescent="0.15">
      <c r="A11" s="8">
        <v>5</v>
      </c>
      <c r="B11" s="21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1">
        <v>5</v>
      </c>
      <c r="C12" s="6">
        <v>8</v>
      </c>
      <c r="D12" s="5">
        <v>13</v>
      </c>
    </row>
    <row r="13" spans="1:4" ht="18" customHeight="1" x14ac:dyDescent="0.15">
      <c r="A13" s="8">
        <v>7</v>
      </c>
      <c r="B13" s="21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1">
        <v>5</v>
      </c>
      <c r="C14" s="6">
        <v>8</v>
      </c>
      <c r="D14" s="5">
        <v>13</v>
      </c>
    </row>
    <row r="15" spans="1:4" ht="18" customHeight="1" x14ac:dyDescent="0.15">
      <c r="A15" s="8">
        <v>9</v>
      </c>
      <c r="B15" s="21">
        <v>3</v>
      </c>
      <c r="C15" s="6">
        <v>7</v>
      </c>
      <c r="D15" s="5">
        <v>10</v>
      </c>
    </row>
    <row r="16" spans="1:4" ht="18" customHeight="1" x14ac:dyDescent="0.15">
      <c r="A16" s="8" t="s">
        <v>24</v>
      </c>
      <c r="B16" s="21">
        <v>17</v>
      </c>
      <c r="C16" s="6">
        <v>26</v>
      </c>
      <c r="D16" s="5">
        <v>43</v>
      </c>
    </row>
    <row r="17" spans="1:4" ht="18" customHeight="1" x14ac:dyDescent="0.15">
      <c r="A17" s="8">
        <v>10</v>
      </c>
      <c r="B17" s="21">
        <v>4</v>
      </c>
      <c r="C17" s="6">
        <v>3</v>
      </c>
      <c r="D17" s="5">
        <v>7</v>
      </c>
    </row>
    <row r="18" spans="1:4" ht="18" customHeight="1" x14ac:dyDescent="0.15">
      <c r="A18" s="8">
        <v>11</v>
      </c>
      <c r="B18" s="21">
        <v>5</v>
      </c>
      <c r="C18" s="6">
        <v>4</v>
      </c>
      <c r="D18" s="5">
        <v>9</v>
      </c>
    </row>
    <row r="19" spans="1:4" ht="18" customHeight="1" x14ac:dyDescent="0.15">
      <c r="A19" s="8">
        <v>12</v>
      </c>
      <c r="B19" s="21">
        <v>3</v>
      </c>
      <c r="C19" s="6">
        <v>3</v>
      </c>
      <c r="D19" s="5">
        <v>6</v>
      </c>
    </row>
    <row r="20" spans="1:4" ht="18" customHeight="1" x14ac:dyDescent="0.15">
      <c r="A20" s="8">
        <v>13</v>
      </c>
      <c r="B20" s="21">
        <v>3</v>
      </c>
      <c r="C20" s="6">
        <v>4</v>
      </c>
      <c r="D20" s="5">
        <v>7</v>
      </c>
    </row>
    <row r="21" spans="1:4" ht="18" customHeight="1" x14ac:dyDescent="0.15">
      <c r="A21" s="8">
        <v>14</v>
      </c>
      <c r="B21" s="21">
        <v>8</v>
      </c>
      <c r="C21" s="6">
        <v>3</v>
      </c>
      <c r="D21" s="5">
        <v>11</v>
      </c>
    </row>
    <row r="22" spans="1:4" ht="18" customHeight="1" x14ac:dyDescent="0.15">
      <c r="A22" s="8" t="s">
        <v>23</v>
      </c>
      <c r="B22" s="21">
        <v>23</v>
      </c>
      <c r="C22" s="6">
        <v>17</v>
      </c>
      <c r="D22" s="5">
        <v>40</v>
      </c>
    </row>
    <row r="23" spans="1:4" ht="18" customHeight="1" x14ac:dyDescent="0.15">
      <c r="A23" s="8" t="s">
        <v>22</v>
      </c>
      <c r="B23" s="21">
        <v>50</v>
      </c>
      <c r="C23" s="6">
        <v>56</v>
      </c>
      <c r="D23" s="5">
        <v>106</v>
      </c>
    </row>
    <row r="24" spans="1:4" ht="18" customHeight="1" x14ac:dyDescent="0.15">
      <c r="A24" s="8">
        <v>15</v>
      </c>
      <c r="B24" s="21">
        <v>6</v>
      </c>
      <c r="C24" s="6">
        <v>4</v>
      </c>
      <c r="D24" s="5">
        <v>10</v>
      </c>
    </row>
    <row r="25" spans="1:4" ht="18" customHeight="1" x14ac:dyDescent="0.15">
      <c r="A25" s="8">
        <v>16</v>
      </c>
      <c r="B25" s="21">
        <v>10</v>
      </c>
      <c r="C25" s="6">
        <v>9</v>
      </c>
      <c r="D25" s="5">
        <v>19</v>
      </c>
    </row>
    <row r="26" spans="1:4" ht="18" customHeight="1" x14ac:dyDescent="0.15">
      <c r="A26" s="8">
        <v>17</v>
      </c>
      <c r="B26" s="21">
        <v>15</v>
      </c>
      <c r="C26" s="6">
        <v>10</v>
      </c>
      <c r="D26" s="5">
        <v>25</v>
      </c>
    </row>
    <row r="27" spans="1:4" ht="18" customHeight="1" x14ac:dyDescent="0.15">
      <c r="A27" s="8">
        <v>18</v>
      </c>
      <c r="B27" s="21">
        <v>4</v>
      </c>
      <c r="C27" s="6">
        <v>6</v>
      </c>
      <c r="D27" s="5">
        <v>10</v>
      </c>
    </row>
    <row r="28" spans="1:4" ht="18" customHeight="1" x14ac:dyDescent="0.15">
      <c r="A28" s="8">
        <v>19</v>
      </c>
      <c r="B28" s="21">
        <v>11</v>
      </c>
      <c r="C28" s="6">
        <v>14</v>
      </c>
      <c r="D28" s="5">
        <v>25</v>
      </c>
    </row>
    <row r="29" spans="1:4" ht="18" customHeight="1" x14ac:dyDescent="0.15">
      <c r="A29" s="8" t="s">
        <v>21</v>
      </c>
      <c r="B29" s="21">
        <v>46</v>
      </c>
      <c r="C29" s="6">
        <v>43</v>
      </c>
      <c r="D29" s="5">
        <v>89</v>
      </c>
    </row>
    <row r="30" spans="1:4" ht="18" customHeight="1" x14ac:dyDescent="0.15">
      <c r="A30" s="8">
        <v>20</v>
      </c>
      <c r="B30" s="21">
        <v>17</v>
      </c>
      <c r="C30" s="6">
        <v>10</v>
      </c>
      <c r="D30" s="5">
        <v>27</v>
      </c>
    </row>
    <row r="31" spans="1:4" ht="18" customHeight="1" x14ac:dyDescent="0.15">
      <c r="A31" s="8">
        <v>21</v>
      </c>
      <c r="B31" s="21">
        <v>15</v>
      </c>
      <c r="C31" s="6">
        <v>17</v>
      </c>
      <c r="D31" s="5">
        <v>32</v>
      </c>
    </row>
    <row r="32" spans="1:4" ht="18" customHeight="1" x14ac:dyDescent="0.15">
      <c r="A32" s="8">
        <v>22</v>
      </c>
      <c r="B32" s="21">
        <v>12</v>
      </c>
      <c r="C32" s="6">
        <v>14</v>
      </c>
      <c r="D32" s="5">
        <v>26</v>
      </c>
    </row>
    <row r="33" spans="1:4" ht="18" customHeight="1" x14ac:dyDescent="0.15">
      <c r="A33" s="8">
        <v>23</v>
      </c>
      <c r="B33" s="21">
        <v>9</v>
      </c>
      <c r="C33" s="6">
        <v>10</v>
      </c>
      <c r="D33" s="5">
        <v>19</v>
      </c>
    </row>
    <row r="34" spans="1:4" ht="18" customHeight="1" x14ac:dyDescent="0.15">
      <c r="A34" s="8">
        <v>24</v>
      </c>
      <c r="B34" s="21">
        <v>11</v>
      </c>
      <c r="C34" s="6">
        <v>15</v>
      </c>
      <c r="D34" s="5">
        <v>26</v>
      </c>
    </row>
    <row r="35" spans="1:4" ht="18" customHeight="1" x14ac:dyDescent="0.15">
      <c r="A35" s="8" t="s">
        <v>20</v>
      </c>
      <c r="B35" s="21">
        <v>64</v>
      </c>
      <c r="C35" s="6">
        <v>66</v>
      </c>
      <c r="D35" s="5">
        <v>130</v>
      </c>
    </row>
    <row r="36" spans="1:4" ht="18" customHeight="1" x14ac:dyDescent="0.15">
      <c r="A36" s="8">
        <v>25</v>
      </c>
      <c r="B36" s="21">
        <v>16</v>
      </c>
      <c r="C36" s="6">
        <v>3</v>
      </c>
      <c r="D36" s="5">
        <v>19</v>
      </c>
    </row>
    <row r="37" spans="1:4" ht="18" customHeight="1" x14ac:dyDescent="0.15">
      <c r="A37" s="8">
        <v>26</v>
      </c>
      <c r="B37" s="21">
        <v>7</v>
      </c>
      <c r="C37" s="6">
        <v>5</v>
      </c>
      <c r="D37" s="5">
        <v>12</v>
      </c>
    </row>
    <row r="38" spans="1:4" ht="18" customHeight="1" x14ac:dyDescent="0.15">
      <c r="A38" s="8">
        <v>27</v>
      </c>
      <c r="B38" s="21">
        <v>8</v>
      </c>
      <c r="C38" s="6">
        <v>3</v>
      </c>
      <c r="D38" s="5">
        <v>11</v>
      </c>
    </row>
    <row r="39" spans="1:4" ht="18" customHeight="1" x14ac:dyDescent="0.15">
      <c r="A39" s="8">
        <v>28</v>
      </c>
      <c r="B39" s="21">
        <v>6</v>
      </c>
      <c r="C39" s="6">
        <v>7</v>
      </c>
      <c r="D39" s="5">
        <v>13</v>
      </c>
    </row>
    <row r="40" spans="1:4" ht="18" customHeight="1" x14ac:dyDescent="0.15">
      <c r="A40" s="8">
        <v>29</v>
      </c>
      <c r="B40" s="21">
        <v>3</v>
      </c>
      <c r="C40" s="6">
        <v>7</v>
      </c>
      <c r="D40" s="5">
        <v>10</v>
      </c>
    </row>
    <row r="41" spans="1:4" ht="18" customHeight="1" x14ac:dyDescent="0.15">
      <c r="A41" s="8" t="s">
        <v>19</v>
      </c>
      <c r="B41" s="21">
        <v>40</v>
      </c>
      <c r="C41" s="6">
        <v>25</v>
      </c>
      <c r="D41" s="5">
        <v>65</v>
      </c>
    </row>
    <row r="42" spans="1:4" ht="18" customHeight="1" x14ac:dyDescent="0.15">
      <c r="A42" s="8">
        <v>30</v>
      </c>
      <c r="B42" s="21">
        <v>6</v>
      </c>
      <c r="C42" s="6">
        <v>4</v>
      </c>
      <c r="D42" s="5">
        <v>10</v>
      </c>
    </row>
    <row r="43" spans="1:4" ht="18" customHeight="1" x14ac:dyDescent="0.15">
      <c r="A43" s="8">
        <v>31</v>
      </c>
      <c r="B43" s="21">
        <v>5</v>
      </c>
      <c r="C43" s="6">
        <v>4</v>
      </c>
      <c r="D43" s="5">
        <v>9</v>
      </c>
    </row>
    <row r="44" spans="1:4" ht="18" customHeight="1" x14ac:dyDescent="0.15">
      <c r="A44" s="8">
        <v>32</v>
      </c>
      <c r="B44" s="21">
        <v>5</v>
      </c>
      <c r="C44" s="6">
        <v>3</v>
      </c>
      <c r="D44" s="5">
        <v>8</v>
      </c>
    </row>
    <row r="45" spans="1:4" ht="18" customHeight="1" x14ac:dyDescent="0.15">
      <c r="A45" s="8">
        <v>33</v>
      </c>
      <c r="B45" s="21">
        <v>3</v>
      </c>
      <c r="C45" s="6">
        <v>3</v>
      </c>
      <c r="D45" s="5">
        <v>6</v>
      </c>
    </row>
    <row r="46" spans="1:4" ht="18" customHeight="1" x14ac:dyDescent="0.15">
      <c r="A46" s="8">
        <v>34</v>
      </c>
      <c r="B46" s="21">
        <v>6</v>
      </c>
      <c r="C46" s="6">
        <v>1</v>
      </c>
      <c r="D46" s="5">
        <v>7</v>
      </c>
    </row>
    <row r="47" spans="1:4" ht="18" customHeight="1" x14ac:dyDescent="0.15">
      <c r="A47" s="8" t="s">
        <v>18</v>
      </c>
      <c r="B47" s="21">
        <v>25</v>
      </c>
      <c r="C47" s="6">
        <v>15</v>
      </c>
      <c r="D47" s="5">
        <v>40</v>
      </c>
    </row>
    <row r="48" spans="1:4" ht="18" customHeight="1" x14ac:dyDescent="0.15">
      <c r="A48" s="8">
        <v>35</v>
      </c>
      <c r="B48" s="21">
        <v>4</v>
      </c>
      <c r="C48" s="6">
        <v>5</v>
      </c>
      <c r="D48" s="5">
        <v>9</v>
      </c>
    </row>
    <row r="49" spans="1:4" ht="18" customHeight="1" x14ac:dyDescent="0.15">
      <c r="A49" s="8">
        <v>36</v>
      </c>
      <c r="B49" s="21">
        <v>4</v>
      </c>
      <c r="C49" s="6">
        <v>7</v>
      </c>
      <c r="D49" s="5">
        <v>11</v>
      </c>
    </row>
    <row r="50" spans="1:4" ht="18" customHeight="1" x14ac:dyDescent="0.15">
      <c r="A50" s="8">
        <v>37</v>
      </c>
      <c r="B50" s="21">
        <v>5</v>
      </c>
      <c r="C50" s="6">
        <v>3</v>
      </c>
      <c r="D50" s="5">
        <v>8</v>
      </c>
    </row>
    <row r="51" spans="1:4" ht="18" customHeight="1" x14ac:dyDescent="0.15">
      <c r="A51" s="8">
        <v>38</v>
      </c>
      <c r="B51" s="21">
        <v>6</v>
      </c>
      <c r="C51" s="6">
        <v>5</v>
      </c>
      <c r="D51" s="5">
        <v>11</v>
      </c>
    </row>
    <row r="52" spans="1:4" ht="18" customHeight="1" x14ac:dyDescent="0.15">
      <c r="A52" s="8">
        <v>39</v>
      </c>
      <c r="B52" s="21">
        <v>11</v>
      </c>
      <c r="C52" s="6">
        <v>6</v>
      </c>
      <c r="D52" s="5">
        <v>17</v>
      </c>
    </row>
    <row r="53" spans="1:4" ht="18" customHeight="1" x14ac:dyDescent="0.15">
      <c r="A53" s="8" t="s">
        <v>17</v>
      </c>
      <c r="B53" s="21">
        <v>30</v>
      </c>
      <c r="C53" s="6">
        <v>26</v>
      </c>
      <c r="D53" s="5">
        <v>56</v>
      </c>
    </row>
    <row r="54" spans="1:4" ht="18" customHeight="1" x14ac:dyDescent="0.15">
      <c r="A54" s="8">
        <v>40</v>
      </c>
      <c r="B54" s="21">
        <v>3</v>
      </c>
      <c r="C54" s="6">
        <v>5</v>
      </c>
      <c r="D54" s="5">
        <v>8</v>
      </c>
    </row>
    <row r="55" spans="1:4" ht="18" customHeight="1" x14ac:dyDescent="0.15">
      <c r="A55" s="8">
        <v>41</v>
      </c>
      <c r="B55" s="21">
        <v>7</v>
      </c>
      <c r="C55" s="6">
        <v>6</v>
      </c>
      <c r="D55" s="5">
        <v>13</v>
      </c>
    </row>
    <row r="56" spans="1:4" ht="18" customHeight="1" x14ac:dyDescent="0.15">
      <c r="A56" s="8">
        <v>42</v>
      </c>
      <c r="B56" s="21">
        <v>8</v>
      </c>
      <c r="C56" s="6">
        <v>4</v>
      </c>
      <c r="D56" s="5">
        <v>12</v>
      </c>
    </row>
    <row r="57" spans="1:4" ht="18" customHeight="1" x14ac:dyDescent="0.15">
      <c r="A57" s="8">
        <v>43</v>
      </c>
      <c r="B57" s="21">
        <v>4</v>
      </c>
      <c r="C57" s="6">
        <v>4</v>
      </c>
      <c r="D57" s="5">
        <v>8</v>
      </c>
    </row>
    <row r="58" spans="1:4" ht="18" customHeight="1" x14ac:dyDescent="0.15">
      <c r="A58" s="8">
        <v>44</v>
      </c>
      <c r="B58" s="21">
        <v>5</v>
      </c>
      <c r="C58" s="6">
        <v>5</v>
      </c>
      <c r="D58" s="5">
        <v>10</v>
      </c>
    </row>
    <row r="59" spans="1:4" ht="18" customHeight="1" x14ac:dyDescent="0.15">
      <c r="A59" s="8" t="s">
        <v>16</v>
      </c>
      <c r="B59" s="21">
        <v>27</v>
      </c>
      <c r="C59" s="6">
        <v>24</v>
      </c>
      <c r="D59" s="5">
        <v>51</v>
      </c>
    </row>
    <row r="60" spans="1:4" ht="18" customHeight="1" x14ac:dyDescent="0.15">
      <c r="A60" s="8">
        <v>45</v>
      </c>
      <c r="B60" s="21">
        <v>9</v>
      </c>
      <c r="C60" s="6">
        <v>9</v>
      </c>
      <c r="D60" s="5">
        <v>18</v>
      </c>
    </row>
    <row r="61" spans="1:4" ht="18" customHeight="1" x14ac:dyDescent="0.15">
      <c r="A61" s="8">
        <v>46</v>
      </c>
      <c r="B61" s="21">
        <v>5</v>
      </c>
      <c r="C61" s="6">
        <v>9</v>
      </c>
      <c r="D61" s="5">
        <v>14</v>
      </c>
    </row>
    <row r="62" spans="1:4" ht="18" customHeight="1" x14ac:dyDescent="0.15">
      <c r="A62" s="8">
        <v>47</v>
      </c>
      <c r="B62" s="21">
        <v>9</v>
      </c>
      <c r="C62" s="6">
        <v>15</v>
      </c>
      <c r="D62" s="5">
        <v>24</v>
      </c>
    </row>
    <row r="63" spans="1:4" ht="18" customHeight="1" x14ac:dyDescent="0.15">
      <c r="A63" s="8">
        <v>48</v>
      </c>
      <c r="B63" s="21">
        <v>13</v>
      </c>
      <c r="C63" s="6">
        <v>13</v>
      </c>
      <c r="D63" s="5">
        <v>26</v>
      </c>
    </row>
    <row r="64" spans="1:4" ht="18" customHeight="1" x14ac:dyDescent="0.15">
      <c r="A64" s="8">
        <v>49</v>
      </c>
      <c r="B64" s="21">
        <v>21</v>
      </c>
      <c r="C64" s="6">
        <v>18</v>
      </c>
      <c r="D64" s="5">
        <v>39</v>
      </c>
    </row>
    <row r="65" spans="1:4" ht="18" customHeight="1" x14ac:dyDescent="0.15">
      <c r="A65" s="8" t="s">
        <v>15</v>
      </c>
      <c r="B65" s="21">
        <v>57</v>
      </c>
      <c r="C65" s="6">
        <v>64</v>
      </c>
      <c r="D65" s="5">
        <v>121</v>
      </c>
    </row>
    <row r="66" spans="1:4" ht="18" customHeight="1" x14ac:dyDescent="0.15">
      <c r="A66" s="8">
        <v>50</v>
      </c>
      <c r="B66" s="21">
        <v>26</v>
      </c>
      <c r="C66" s="6">
        <v>18</v>
      </c>
      <c r="D66" s="5">
        <v>44</v>
      </c>
    </row>
    <row r="67" spans="1:4" ht="18" customHeight="1" x14ac:dyDescent="0.15">
      <c r="A67" s="8">
        <v>51</v>
      </c>
      <c r="B67" s="21">
        <v>28</v>
      </c>
      <c r="C67" s="6">
        <v>12</v>
      </c>
      <c r="D67" s="5">
        <v>40</v>
      </c>
    </row>
    <row r="68" spans="1:4" ht="18" customHeight="1" x14ac:dyDescent="0.15">
      <c r="A68" s="8">
        <v>52</v>
      </c>
      <c r="B68" s="21">
        <v>20</v>
      </c>
      <c r="C68" s="6">
        <v>21</v>
      </c>
      <c r="D68" s="5">
        <v>41</v>
      </c>
    </row>
    <row r="69" spans="1:4" ht="18" customHeight="1" x14ac:dyDescent="0.15">
      <c r="A69" s="8">
        <v>53</v>
      </c>
      <c r="B69" s="21">
        <v>23</v>
      </c>
      <c r="C69" s="6">
        <v>16</v>
      </c>
      <c r="D69" s="5">
        <v>39</v>
      </c>
    </row>
    <row r="70" spans="1:4" ht="18" customHeight="1" x14ac:dyDescent="0.15">
      <c r="A70" s="8">
        <v>54</v>
      </c>
      <c r="B70" s="21">
        <v>20</v>
      </c>
      <c r="C70" s="6">
        <v>14</v>
      </c>
      <c r="D70" s="5">
        <v>34</v>
      </c>
    </row>
    <row r="71" spans="1:4" ht="18" customHeight="1" x14ac:dyDescent="0.15">
      <c r="A71" s="8" t="s">
        <v>14</v>
      </c>
      <c r="B71" s="21">
        <v>117</v>
      </c>
      <c r="C71" s="6">
        <v>81</v>
      </c>
      <c r="D71" s="5">
        <v>198</v>
      </c>
    </row>
    <row r="72" spans="1:4" ht="18" customHeight="1" x14ac:dyDescent="0.15">
      <c r="A72" s="8">
        <v>55</v>
      </c>
      <c r="B72" s="21">
        <v>14</v>
      </c>
      <c r="C72" s="6">
        <v>23</v>
      </c>
      <c r="D72" s="5">
        <v>37</v>
      </c>
    </row>
    <row r="73" spans="1:4" ht="18" customHeight="1" x14ac:dyDescent="0.15">
      <c r="A73" s="8">
        <v>56</v>
      </c>
      <c r="B73" s="21">
        <v>11</v>
      </c>
      <c r="C73" s="6">
        <v>15</v>
      </c>
      <c r="D73" s="5">
        <v>26</v>
      </c>
    </row>
    <row r="74" spans="1:4" ht="18" customHeight="1" x14ac:dyDescent="0.15">
      <c r="A74" s="8">
        <v>57</v>
      </c>
      <c r="B74" s="21">
        <v>23</v>
      </c>
      <c r="C74" s="6">
        <v>15</v>
      </c>
      <c r="D74" s="5">
        <v>38</v>
      </c>
    </row>
    <row r="75" spans="1:4" ht="18" customHeight="1" x14ac:dyDescent="0.15">
      <c r="A75" s="8">
        <v>58</v>
      </c>
      <c r="B75" s="21">
        <v>10</v>
      </c>
      <c r="C75" s="6">
        <v>13</v>
      </c>
      <c r="D75" s="5">
        <v>23</v>
      </c>
    </row>
    <row r="76" spans="1:4" ht="18" customHeight="1" x14ac:dyDescent="0.15">
      <c r="A76" s="8">
        <v>59</v>
      </c>
      <c r="B76" s="21">
        <v>9</v>
      </c>
      <c r="C76" s="6">
        <v>8</v>
      </c>
      <c r="D76" s="5">
        <v>17</v>
      </c>
    </row>
    <row r="77" spans="1:4" ht="18" customHeight="1" x14ac:dyDescent="0.15">
      <c r="A77" s="8" t="s">
        <v>13</v>
      </c>
      <c r="B77" s="21">
        <v>67</v>
      </c>
      <c r="C77" s="6">
        <v>74</v>
      </c>
      <c r="D77" s="5">
        <v>141</v>
      </c>
    </row>
    <row r="78" spans="1:4" ht="18" customHeight="1" x14ac:dyDescent="0.15">
      <c r="A78" s="8">
        <v>60</v>
      </c>
      <c r="B78" s="21">
        <v>13</v>
      </c>
      <c r="C78" s="6">
        <v>8</v>
      </c>
      <c r="D78" s="5">
        <v>21</v>
      </c>
    </row>
    <row r="79" spans="1:4" ht="18" customHeight="1" x14ac:dyDescent="0.15">
      <c r="A79" s="8">
        <v>61</v>
      </c>
      <c r="B79" s="21">
        <v>10</v>
      </c>
      <c r="C79" s="6">
        <v>6</v>
      </c>
      <c r="D79" s="5">
        <v>16</v>
      </c>
    </row>
    <row r="80" spans="1:4" ht="18" customHeight="1" x14ac:dyDescent="0.15">
      <c r="A80" s="8">
        <v>62</v>
      </c>
      <c r="B80" s="21">
        <v>8</v>
      </c>
      <c r="C80" s="6">
        <v>7</v>
      </c>
      <c r="D80" s="5">
        <v>15</v>
      </c>
    </row>
    <row r="81" spans="1:4" ht="18" customHeight="1" x14ac:dyDescent="0.15">
      <c r="A81" s="8">
        <v>63</v>
      </c>
      <c r="B81" s="21">
        <v>3</v>
      </c>
      <c r="C81" s="6">
        <v>11</v>
      </c>
      <c r="D81" s="5">
        <v>14</v>
      </c>
    </row>
    <row r="82" spans="1:4" ht="18" customHeight="1" x14ac:dyDescent="0.15">
      <c r="A82" s="8">
        <v>64</v>
      </c>
      <c r="B82" s="21">
        <v>11</v>
      </c>
      <c r="C82" s="6">
        <v>10</v>
      </c>
      <c r="D82" s="5">
        <v>21</v>
      </c>
    </row>
    <row r="83" spans="1:4" ht="18" customHeight="1" x14ac:dyDescent="0.15">
      <c r="A83" s="8" t="s">
        <v>12</v>
      </c>
      <c r="B83" s="21">
        <v>45</v>
      </c>
      <c r="C83" s="6">
        <v>42</v>
      </c>
      <c r="D83" s="5">
        <v>87</v>
      </c>
    </row>
    <row r="84" spans="1:4" ht="18" customHeight="1" x14ac:dyDescent="0.15">
      <c r="A84" s="8" t="s">
        <v>11</v>
      </c>
      <c r="B84" s="21">
        <v>518</v>
      </c>
      <c r="C84" s="6">
        <v>460</v>
      </c>
      <c r="D84" s="5">
        <v>978</v>
      </c>
    </row>
    <row r="85" spans="1:4" ht="18" customHeight="1" x14ac:dyDescent="0.15">
      <c r="A85" s="8">
        <v>65</v>
      </c>
      <c r="B85" s="21">
        <v>12</v>
      </c>
      <c r="C85" s="6">
        <v>12</v>
      </c>
      <c r="D85" s="5">
        <v>24</v>
      </c>
    </row>
    <row r="86" spans="1:4" ht="18" customHeight="1" x14ac:dyDescent="0.15">
      <c r="A86" s="8">
        <v>66</v>
      </c>
      <c r="B86" s="21">
        <v>13</v>
      </c>
      <c r="C86" s="6">
        <v>4</v>
      </c>
      <c r="D86" s="5">
        <v>17</v>
      </c>
    </row>
    <row r="87" spans="1:4" ht="18" customHeight="1" x14ac:dyDescent="0.15">
      <c r="A87" s="8">
        <v>67</v>
      </c>
      <c r="B87" s="21">
        <v>9</v>
      </c>
      <c r="C87" s="6">
        <v>14</v>
      </c>
      <c r="D87" s="5">
        <v>23</v>
      </c>
    </row>
    <row r="88" spans="1:4" ht="18" customHeight="1" x14ac:dyDescent="0.15">
      <c r="A88" s="8">
        <v>68</v>
      </c>
      <c r="B88" s="21">
        <v>7</v>
      </c>
      <c r="C88" s="6">
        <v>9</v>
      </c>
      <c r="D88" s="5">
        <v>16</v>
      </c>
    </row>
    <row r="89" spans="1:4" ht="18" customHeight="1" x14ac:dyDescent="0.15">
      <c r="A89" s="8">
        <v>69</v>
      </c>
      <c r="B89" s="21">
        <v>6</v>
      </c>
      <c r="C89" s="6">
        <v>7</v>
      </c>
      <c r="D89" s="5">
        <v>13</v>
      </c>
    </row>
    <row r="90" spans="1:4" ht="18" customHeight="1" x14ac:dyDescent="0.15">
      <c r="A90" s="8" t="s">
        <v>10</v>
      </c>
      <c r="B90" s="21">
        <v>47</v>
      </c>
      <c r="C90" s="6">
        <v>46</v>
      </c>
      <c r="D90" s="5">
        <v>93</v>
      </c>
    </row>
    <row r="91" spans="1:4" ht="18" customHeight="1" x14ac:dyDescent="0.15">
      <c r="A91" s="8">
        <v>70</v>
      </c>
      <c r="B91" s="21">
        <v>8</v>
      </c>
      <c r="C91" s="6">
        <v>4</v>
      </c>
      <c r="D91" s="5">
        <v>12</v>
      </c>
    </row>
    <row r="92" spans="1:4" ht="18" customHeight="1" x14ac:dyDescent="0.15">
      <c r="A92" s="8">
        <v>71</v>
      </c>
      <c r="B92" s="21">
        <v>7</v>
      </c>
      <c r="C92" s="6">
        <v>8</v>
      </c>
      <c r="D92" s="5">
        <v>15</v>
      </c>
    </row>
    <row r="93" spans="1:4" ht="18" customHeight="1" x14ac:dyDescent="0.15">
      <c r="A93" s="8">
        <v>72</v>
      </c>
      <c r="B93" s="21">
        <v>7</v>
      </c>
      <c r="C93" s="6">
        <v>18</v>
      </c>
      <c r="D93" s="5">
        <v>25</v>
      </c>
    </row>
    <row r="94" spans="1:4" ht="18" customHeight="1" x14ac:dyDescent="0.15">
      <c r="A94" s="8">
        <v>73</v>
      </c>
      <c r="B94" s="21">
        <v>10</v>
      </c>
      <c r="C94" s="6">
        <v>12</v>
      </c>
      <c r="D94" s="5">
        <v>22</v>
      </c>
    </row>
    <row r="95" spans="1:4" ht="18" customHeight="1" x14ac:dyDescent="0.15">
      <c r="A95" s="8">
        <v>74</v>
      </c>
      <c r="B95" s="21">
        <v>9</v>
      </c>
      <c r="C95" s="6">
        <v>8</v>
      </c>
      <c r="D95" s="5">
        <v>17</v>
      </c>
    </row>
    <row r="96" spans="1:4" ht="18" customHeight="1" x14ac:dyDescent="0.15">
      <c r="A96" s="8" t="s">
        <v>9</v>
      </c>
      <c r="B96" s="21">
        <v>41</v>
      </c>
      <c r="C96" s="6">
        <v>50</v>
      </c>
      <c r="D96" s="5">
        <v>91</v>
      </c>
    </row>
    <row r="97" spans="1:4" ht="18" customHeight="1" x14ac:dyDescent="0.15">
      <c r="A97" s="8">
        <v>75</v>
      </c>
      <c r="B97" s="21">
        <v>14</v>
      </c>
      <c r="C97" s="6">
        <v>8</v>
      </c>
      <c r="D97" s="5">
        <v>22</v>
      </c>
    </row>
    <row r="98" spans="1:4" ht="18" customHeight="1" x14ac:dyDescent="0.15">
      <c r="A98" s="8">
        <v>76</v>
      </c>
      <c r="B98" s="21">
        <v>14</v>
      </c>
      <c r="C98" s="6">
        <v>16</v>
      </c>
      <c r="D98" s="5">
        <v>30</v>
      </c>
    </row>
    <row r="99" spans="1:4" ht="18" customHeight="1" x14ac:dyDescent="0.15">
      <c r="A99" s="8">
        <v>77</v>
      </c>
      <c r="B99" s="21">
        <v>7</v>
      </c>
      <c r="C99" s="6">
        <v>12</v>
      </c>
      <c r="D99" s="5">
        <v>19</v>
      </c>
    </row>
    <row r="100" spans="1:4" ht="18" customHeight="1" x14ac:dyDescent="0.15">
      <c r="A100" s="8">
        <v>78</v>
      </c>
      <c r="B100" s="21">
        <v>8</v>
      </c>
      <c r="C100" s="6">
        <v>15</v>
      </c>
      <c r="D100" s="5">
        <v>23</v>
      </c>
    </row>
    <row r="101" spans="1:4" ht="18" customHeight="1" x14ac:dyDescent="0.15">
      <c r="A101" s="8">
        <v>79</v>
      </c>
      <c r="B101" s="21">
        <v>9</v>
      </c>
      <c r="C101" s="6">
        <v>5</v>
      </c>
      <c r="D101" s="5">
        <v>14</v>
      </c>
    </row>
    <row r="102" spans="1:4" ht="18" customHeight="1" x14ac:dyDescent="0.15">
      <c r="A102" s="8" t="s">
        <v>8</v>
      </c>
      <c r="B102" s="21">
        <v>52</v>
      </c>
      <c r="C102" s="6">
        <v>56</v>
      </c>
      <c r="D102" s="5">
        <v>108</v>
      </c>
    </row>
    <row r="103" spans="1:4" ht="18" customHeight="1" x14ac:dyDescent="0.15">
      <c r="A103" s="8">
        <v>80</v>
      </c>
      <c r="B103" s="21">
        <v>6</v>
      </c>
      <c r="C103" s="6">
        <v>12</v>
      </c>
      <c r="D103" s="5">
        <v>18</v>
      </c>
    </row>
    <row r="104" spans="1:4" ht="18" customHeight="1" x14ac:dyDescent="0.15">
      <c r="A104" s="8">
        <v>81</v>
      </c>
      <c r="B104" s="21">
        <v>10</v>
      </c>
      <c r="C104" s="6">
        <v>8</v>
      </c>
      <c r="D104" s="5">
        <v>18</v>
      </c>
    </row>
    <row r="105" spans="1:4" ht="18" customHeight="1" x14ac:dyDescent="0.15">
      <c r="A105" s="8">
        <v>82</v>
      </c>
      <c r="B105" s="21">
        <v>5</v>
      </c>
      <c r="C105" s="6">
        <v>14</v>
      </c>
      <c r="D105" s="5">
        <v>19</v>
      </c>
    </row>
    <row r="106" spans="1:4" ht="18" customHeight="1" x14ac:dyDescent="0.15">
      <c r="A106" s="8">
        <v>83</v>
      </c>
      <c r="B106" s="21">
        <v>2</v>
      </c>
      <c r="C106" s="6">
        <v>10</v>
      </c>
      <c r="D106" s="5">
        <v>12</v>
      </c>
    </row>
    <row r="107" spans="1:4" ht="18" customHeight="1" x14ac:dyDescent="0.15">
      <c r="A107" s="8">
        <v>84</v>
      </c>
      <c r="B107" s="21">
        <v>7</v>
      </c>
      <c r="C107" s="6">
        <v>10</v>
      </c>
      <c r="D107" s="5">
        <v>17</v>
      </c>
    </row>
    <row r="108" spans="1:4" ht="18" customHeight="1" x14ac:dyDescent="0.15">
      <c r="A108" s="8" t="s">
        <v>7</v>
      </c>
      <c r="B108" s="21">
        <v>30</v>
      </c>
      <c r="C108" s="6">
        <v>54</v>
      </c>
      <c r="D108" s="5">
        <v>84</v>
      </c>
    </row>
    <row r="109" spans="1:4" ht="18" customHeight="1" x14ac:dyDescent="0.15">
      <c r="A109" s="8">
        <v>85</v>
      </c>
      <c r="B109" s="21">
        <v>3</v>
      </c>
      <c r="C109" s="6">
        <v>11</v>
      </c>
      <c r="D109" s="5">
        <v>14</v>
      </c>
    </row>
    <row r="110" spans="1:4" ht="18" customHeight="1" x14ac:dyDescent="0.15">
      <c r="A110" s="8">
        <v>86</v>
      </c>
      <c r="B110" s="21">
        <v>8</v>
      </c>
      <c r="C110" s="6">
        <v>1</v>
      </c>
      <c r="D110" s="5">
        <v>9</v>
      </c>
    </row>
    <row r="111" spans="1:4" ht="18" customHeight="1" x14ac:dyDescent="0.15">
      <c r="A111" s="8">
        <v>87</v>
      </c>
      <c r="B111" s="21">
        <v>2</v>
      </c>
      <c r="C111" s="6">
        <v>3</v>
      </c>
      <c r="D111" s="5">
        <v>5</v>
      </c>
    </row>
    <row r="112" spans="1:4" ht="18" customHeight="1" x14ac:dyDescent="0.15">
      <c r="A112" s="8">
        <v>88</v>
      </c>
      <c r="B112" s="21">
        <v>3</v>
      </c>
      <c r="C112" s="6">
        <v>8</v>
      </c>
      <c r="D112" s="5">
        <v>11</v>
      </c>
    </row>
    <row r="113" spans="1:4" ht="18" customHeight="1" x14ac:dyDescent="0.15">
      <c r="A113" s="8">
        <v>89</v>
      </c>
      <c r="B113" s="21">
        <v>1</v>
      </c>
      <c r="C113" s="6">
        <v>5</v>
      </c>
      <c r="D113" s="5">
        <v>6</v>
      </c>
    </row>
    <row r="114" spans="1:4" ht="18" customHeight="1" x14ac:dyDescent="0.15">
      <c r="A114" s="8" t="s">
        <v>6</v>
      </c>
      <c r="B114" s="21">
        <v>17</v>
      </c>
      <c r="C114" s="6">
        <v>28</v>
      </c>
      <c r="D114" s="5">
        <v>45</v>
      </c>
    </row>
    <row r="115" spans="1:4" ht="18" customHeight="1" x14ac:dyDescent="0.15">
      <c r="A115" s="8">
        <v>90</v>
      </c>
      <c r="B115" s="21">
        <v>1</v>
      </c>
      <c r="C115" s="6">
        <v>6</v>
      </c>
      <c r="D115" s="5">
        <v>7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2</v>
      </c>
      <c r="C117" s="6">
        <v>3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8</v>
      </c>
      <c r="C120" s="6">
        <v>22</v>
      </c>
      <c r="D120" s="5">
        <v>30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2</v>
      </c>
      <c r="D126" s="5">
        <v>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2</v>
      </c>
      <c r="D129" s="5">
        <v>3</v>
      </c>
    </row>
    <row r="130" spans="1:4" ht="18" customHeight="1" x14ac:dyDescent="0.15">
      <c r="A130" s="8" t="s">
        <v>1</v>
      </c>
      <c r="B130" s="21">
        <v>196</v>
      </c>
      <c r="C130" s="6">
        <v>260</v>
      </c>
      <c r="D130" s="5">
        <v>456</v>
      </c>
    </row>
    <row r="131" spans="1:4" ht="18" customHeight="1" x14ac:dyDescent="0.15">
      <c r="A131" s="4" t="s">
        <v>0</v>
      </c>
      <c r="B131" s="20">
        <v>764</v>
      </c>
      <c r="C131" s="2">
        <v>776</v>
      </c>
      <c r="D131" s="1">
        <v>15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0AA8F98-C134-46E0-AE7E-C94DBCE25700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1</v>
      </c>
      <c r="D5" s="10">
        <v>5</v>
      </c>
    </row>
    <row r="6" spans="1:4" ht="18" customHeight="1" x14ac:dyDescent="0.15">
      <c r="A6" s="8">
        <v>1</v>
      </c>
      <c r="B6" s="21">
        <v>4</v>
      </c>
      <c r="C6" s="6">
        <v>2</v>
      </c>
      <c r="D6" s="5">
        <v>6</v>
      </c>
    </row>
    <row r="7" spans="1:4" ht="18" customHeight="1" x14ac:dyDescent="0.15">
      <c r="A7" s="8">
        <v>2</v>
      </c>
      <c r="B7" s="21">
        <v>3</v>
      </c>
      <c r="C7" s="6">
        <v>0</v>
      </c>
      <c r="D7" s="5">
        <v>3</v>
      </c>
    </row>
    <row r="8" spans="1:4" ht="18" customHeight="1" x14ac:dyDescent="0.15">
      <c r="A8" s="8">
        <v>3</v>
      </c>
      <c r="B8" s="21">
        <v>3</v>
      </c>
      <c r="C8" s="6">
        <v>2</v>
      </c>
      <c r="D8" s="5">
        <v>5</v>
      </c>
    </row>
    <row r="9" spans="1:4" ht="18" customHeight="1" x14ac:dyDescent="0.15">
      <c r="A9" s="8">
        <v>4</v>
      </c>
      <c r="B9" s="21">
        <v>6</v>
      </c>
      <c r="C9" s="6">
        <v>2</v>
      </c>
      <c r="D9" s="5">
        <v>8</v>
      </c>
    </row>
    <row r="10" spans="1:4" ht="18" customHeight="1" x14ac:dyDescent="0.15">
      <c r="A10" s="8" t="s">
        <v>25</v>
      </c>
      <c r="B10" s="21">
        <v>20</v>
      </c>
      <c r="C10" s="6">
        <v>7</v>
      </c>
      <c r="D10" s="5">
        <v>27</v>
      </c>
    </row>
    <row r="11" spans="1:4" ht="18" customHeight="1" x14ac:dyDescent="0.15">
      <c r="A11" s="8">
        <v>5</v>
      </c>
      <c r="B11" s="21">
        <v>8</v>
      </c>
      <c r="C11" s="6">
        <v>0</v>
      </c>
      <c r="D11" s="5">
        <v>8</v>
      </c>
    </row>
    <row r="12" spans="1:4" ht="18" customHeight="1" x14ac:dyDescent="0.15">
      <c r="A12" s="8">
        <v>6</v>
      </c>
      <c r="B12" s="21">
        <v>1</v>
      </c>
      <c r="C12" s="6">
        <v>4</v>
      </c>
      <c r="D12" s="5">
        <v>5</v>
      </c>
    </row>
    <row r="13" spans="1:4" ht="18" customHeight="1" x14ac:dyDescent="0.15">
      <c r="A13" s="8">
        <v>7</v>
      </c>
      <c r="B13" s="21">
        <v>4</v>
      </c>
      <c r="C13" s="6">
        <v>2</v>
      </c>
      <c r="D13" s="5">
        <v>6</v>
      </c>
    </row>
    <row r="14" spans="1:4" ht="18" customHeight="1" x14ac:dyDescent="0.15">
      <c r="A14" s="8">
        <v>8</v>
      </c>
      <c r="B14" s="21">
        <v>3</v>
      </c>
      <c r="C14" s="6">
        <v>5</v>
      </c>
      <c r="D14" s="5">
        <v>8</v>
      </c>
    </row>
    <row r="15" spans="1:4" ht="18" customHeight="1" x14ac:dyDescent="0.15">
      <c r="A15" s="8">
        <v>9</v>
      </c>
      <c r="B15" s="21">
        <v>6</v>
      </c>
      <c r="C15" s="6">
        <v>7</v>
      </c>
      <c r="D15" s="5">
        <v>13</v>
      </c>
    </row>
    <row r="16" spans="1:4" ht="18" customHeight="1" x14ac:dyDescent="0.15">
      <c r="A16" s="8" t="s">
        <v>24</v>
      </c>
      <c r="B16" s="21">
        <v>22</v>
      </c>
      <c r="C16" s="6">
        <v>18</v>
      </c>
      <c r="D16" s="5">
        <v>40</v>
      </c>
    </row>
    <row r="17" spans="1:4" ht="18" customHeight="1" x14ac:dyDescent="0.15">
      <c r="A17" s="8">
        <v>10</v>
      </c>
      <c r="B17" s="21">
        <v>2</v>
      </c>
      <c r="C17" s="6">
        <v>6</v>
      </c>
      <c r="D17" s="5">
        <v>8</v>
      </c>
    </row>
    <row r="18" spans="1:4" ht="18" customHeight="1" x14ac:dyDescent="0.15">
      <c r="A18" s="8">
        <v>11</v>
      </c>
      <c r="B18" s="21">
        <v>6</v>
      </c>
      <c r="C18" s="6">
        <v>5</v>
      </c>
      <c r="D18" s="5">
        <v>11</v>
      </c>
    </row>
    <row r="19" spans="1:4" ht="18" customHeight="1" x14ac:dyDescent="0.15">
      <c r="A19" s="8">
        <v>12</v>
      </c>
      <c r="B19" s="21">
        <v>10</v>
      </c>
      <c r="C19" s="6">
        <v>3</v>
      </c>
      <c r="D19" s="5">
        <v>13</v>
      </c>
    </row>
    <row r="20" spans="1:4" ht="18" customHeight="1" x14ac:dyDescent="0.15">
      <c r="A20" s="8">
        <v>13</v>
      </c>
      <c r="B20" s="21">
        <v>5</v>
      </c>
      <c r="C20" s="6">
        <v>6</v>
      </c>
      <c r="D20" s="5">
        <v>11</v>
      </c>
    </row>
    <row r="21" spans="1:4" ht="18" customHeight="1" x14ac:dyDescent="0.15">
      <c r="A21" s="8">
        <v>14</v>
      </c>
      <c r="B21" s="21">
        <v>6</v>
      </c>
      <c r="C21" s="6">
        <v>7</v>
      </c>
      <c r="D21" s="5">
        <v>13</v>
      </c>
    </row>
    <row r="22" spans="1:4" ht="18" customHeight="1" x14ac:dyDescent="0.15">
      <c r="A22" s="8" t="s">
        <v>23</v>
      </c>
      <c r="B22" s="21">
        <v>29</v>
      </c>
      <c r="C22" s="6">
        <v>27</v>
      </c>
      <c r="D22" s="5">
        <v>56</v>
      </c>
    </row>
    <row r="23" spans="1:4" ht="18" customHeight="1" x14ac:dyDescent="0.15">
      <c r="A23" s="8" t="s">
        <v>22</v>
      </c>
      <c r="B23" s="21">
        <v>71</v>
      </c>
      <c r="C23" s="6">
        <v>52</v>
      </c>
      <c r="D23" s="5">
        <v>123</v>
      </c>
    </row>
    <row r="24" spans="1:4" ht="18" customHeight="1" x14ac:dyDescent="0.15">
      <c r="A24" s="8">
        <v>15</v>
      </c>
      <c r="B24" s="21">
        <v>7</v>
      </c>
      <c r="C24" s="6">
        <v>11</v>
      </c>
      <c r="D24" s="5">
        <v>18</v>
      </c>
    </row>
    <row r="25" spans="1:4" ht="18" customHeight="1" x14ac:dyDescent="0.15">
      <c r="A25" s="8">
        <v>16</v>
      </c>
      <c r="B25" s="21">
        <v>1</v>
      </c>
      <c r="C25" s="6">
        <v>9</v>
      </c>
      <c r="D25" s="5">
        <v>10</v>
      </c>
    </row>
    <row r="26" spans="1:4" ht="18" customHeight="1" x14ac:dyDescent="0.15">
      <c r="A26" s="8">
        <v>17</v>
      </c>
      <c r="B26" s="21">
        <v>2</v>
      </c>
      <c r="C26" s="6">
        <v>10</v>
      </c>
      <c r="D26" s="5">
        <v>12</v>
      </c>
    </row>
    <row r="27" spans="1:4" ht="18" customHeight="1" x14ac:dyDescent="0.15">
      <c r="A27" s="8">
        <v>18</v>
      </c>
      <c r="B27" s="21">
        <v>5</v>
      </c>
      <c r="C27" s="6">
        <v>3</v>
      </c>
      <c r="D27" s="5">
        <v>8</v>
      </c>
    </row>
    <row r="28" spans="1:4" ht="18" customHeight="1" x14ac:dyDescent="0.15">
      <c r="A28" s="8">
        <v>19</v>
      </c>
      <c r="B28" s="21">
        <v>6</v>
      </c>
      <c r="C28" s="6">
        <v>7</v>
      </c>
      <c r="D28" s="5">
        <v>13</v>
      </c>
    </row>
    <row r="29" spans="1:4" ht="18" customHeight="1" x14ac:dyDescent="0.15">
      <c r="A29" s="8" t="s">
        <v>21</v>
      </c>
      <c r="B29" s="21">
        <v>21</v>
      </c>
      <c r="C29" s="6">
        <v>40</v>
      </c>
      <c r="D29" s="5">
        <v>61</v>
      </c>
    </row>
    <row r="30" spans="1:4" ht="18" customHeight="1" x14ac:dyDescent="0.15">
      <c r="A30" s="8">
        <v>20</v>
      </c>
      <c r="B30" s="21">
        <v>14</v>
      </c>
      <c r="C30" s="6">
        <v>10</v>
      </c>
      <c r="D30" s="5">
        <v>24</v>
      </c>
    </row>
    <row r="31" spans="1:4" ht="18" customHeight="1" x14ac:dyDescent="0.15">
      <c r="A31" s="8">
        <v>21</v>
      </c>
      <c r="B31" s="21">
        <v>9</v>
      </c>
      <c r="C31" s="6">
        <v>8</v>
      </c>
      <c r="D31" s="5">
        <v>17</v>
      </c>
    </row>
    <row r="32" spans="1:4" ht="18" customHeight="1" x14ac:dyDescent="0.15">
      <c r="A32" s="8">
        <v>22</v>
      </c>
      <c r="B32" s="21">
        <v>12</v>
      </c>
      <c r="C32" s="6">
        <v>7</v>
      </c>
      <c r="D32" s="5">
        <v>19</v>
      </c>
    </row>
    <row r="33" spans="1:4" ht="18" customHeight="1" x14ac:dyDescent="0.15">
      <c r="A33" s="8">
        <v>23</v>
      </c>
      <c r="B33" s="21">
        <v>8</v>
      </c>
      <c r="C33" s="6">
        <v>5</v>
      </c>
      <c r="D33" s="5">
        <v>13</v>
      </c>
    </row>
    <row r="34" spans="1:4" ht="18" customHeight="1" x14ac:dyDescent="0.15">
      <c r="A34" s="8">
        <v>24</v>
      </c>
      <c r="B34" s="21">
        <v>7</v>
      </c>
      <c r="C34" s="6">
        <v>10</v>
      </c>
      <c r="D34" s="5">
        <v>17</v>
      </c>
    </row>
    <row r="35" spans="1:4" ht="18" customHeight="1" x14ac:dyDescent="0.15">
      <c r="A35" s="8" t="s">
        <v>20</v>
      </c>
      <c r="B35" s="21">
        <v>50</v>
      </c>
      <c r="C35" s="6">
        <v>40</v>
      </c>
      <c r="D35" s="5">
        <v>90</v>
      </c>
    </row>
    <row r="36" spans="1:4" ht="18" customHeight="1" x14ac:dyDescent="0.15">
      <c r="A36" s="8">
        <v>25</v>
      </c>
      <c r="B36" s="21">
        <v>11</v>
      </c>
      <c r="C36" s="6">
        <v>7</v>
      </c>
      <c r="D36" s="5">
        <v>18</v>
      </c>
    </row>
    <row r="37" spans="1:4" ht="18" customHeight="1" x14ac:dyDescent="0.15">
      <c r="A37" s="8">
        <v>26</v>
      </c>
      <c r="B37" s="21">
        <v>12</v>
      </c>
      <c r="C37" s="6">
        <v>9</v>
      </c>
      <c r="D37" s="5">
        <v>21</v>
      </c>
    </row>
    <row r="38" spans="1:4" ht="18" customHeight="1" x14ac:dyDescent="0.15">
      <c r="A38" s="8">
        <v>27</v>
      </c>
      <c r="B38" s="21">
        <v>7</v>
      </c>
      <c r="C38" s="6">
        <v>7</v>
      </c>
      <c r="D38" s="5">
        <v>14</v>
      </c>
    </row>
    <row r="39" spans="1:4" ht="18" customHeight="1" x14ac:dyDescent="0.15">
      <c r="A39" s="8">
        <v>28</v>
      </c>
      <c r="B39" s="21">
        <v>8</v>
      </c>
      <c r="C39" s="6">
        <v>5</v>
      </c>
      <c r="D39" s="5">
        <v>13</v>
      </c>
    </row>
    <row r="40" spans="1:4" ht="18" customHeight="1" x14ac:dyDescent="0.15">
      <c r="A40" s="8">
        <v>29</v>
      </c>
      <c r="B40" s="21">
        <v>8</v>
      </c>
      <c r="C40" s="6">
        <v>7</v>
      </c>
      <c r="D40" s="5">
        <v>15</v>
      </c>
    </row>
    <row r="41" spans="1:4" ht="18" customHeight="1" x14ac:dyDescent="0.15">
      <c r="A41" s="8" t="s">
        <v>19</v>
      </c>
      <c r="B41" s="21">
        <v>46</v>
      </c>
      <c r="C41" s="6">
        <v>35</v>
      </c>
      <c r="D41" s="5">
        <v>81</v>
      </c>
    </row>
    <row r="42" spans="1:4" ht="18" customHeight="1" x14ac:dyDescent="0.15">
      <c r="A42" s="8">
        <v>30</v>
      </c>
      <c r="B42" s="21">
        <v>13</v>
      </c>
      <c r="C42" s="6">
        <v>6</v>
      </c>
      <c r="D42" s="5">
        <v>19</v>
      </c>
    </row>
    <row r="43" spans="1:4" ht="18" customHeight="1" x14ac:dyDescent="0.15">
      <c r="A43" s="8">
        <v>31</v>
      </c>
      <c r="B43" s="21">
        <v>8</v>
      </c>
      <c r="C43" s="6">
        <v>4</v>
      </c>
      <c r="D43" s="5">
        <v>12</v>
      </c>
    </row>
    <row r="44" spans="1:4" ht="18" customHeight="1" x14ac:dyDescent="0.15">
      <c r="A44" s="8">
        <v>32</v>
      </c>
      <c r="B44" s="21">
        <v>10</v>
      </c>
      <c r="C44" s="6">
        <v>6</v>
      </c>
      <c r="D44" s="5">
        <v>16</v>
      </c>
    </row>
    <row r="45" spans="1:4" ht="18" customHeight="1" x14ac:dyDescent="0.15">
      <c r="A45" s="8">
        <v>33</v>
      </c>
      <c r="B45" s="21">
        <v>4</v>
      </c>
      <c r="C45" s="6">
        <v>7</v>
      </c>
      <c r="D45" s="5">
        <v>11</v>
      </c>
    </row>
    <row r="46" spans="1:4" ht="18" customHeight="1" x14ac:dyDescent="0.15">
      <c r="A46" s="8">
        <v>34</v>
      </c>
      <c r="B46" s="21">
        <v>7</v>
      </c>
      <c r="C46" s="6">
        <v>12</v>
      </c>
      <c r="D46" s="5">
        <v>19</v>
      </c>
    </row>
    <row r="47" spans="1:4" ht="18" customHeight="1" x14ac:dyDescent="0.15">
      <c r="A47" s="8" t="s">
        <v>18</v>
      </c>
      <c r="B47" s="21">
        <v>42</v>
      </c>
      <c r="C47" s="6">
        <v>35</v>
      </c>
      <c r="D47" s="5">
        <v>77</v>
      </c>
    </row>
    <row r="48" spans="1:4" ht="18" customHeight="1" x14ac:dyDescent="0.15">
      <c r="A48" s="8">
        <v>35</v>
      </c>
      <c r="B48" s="21">
        <v>7</v>
      </c>
      <c r="C48" s="6">
        <v>7</v>
      </c>
      <c r="D48" s="5">
        <v>14</v>
      </c>
    </row>
    <row r="49" spans="1:4" ht="18" customHeight="1" x14ac:dyDescent="0.15">
      <c r="A49" s="8">
        <v>36</v>
      </c>
      <c r="B49" s="21">
        <v>4</v>
      </c>
      <c r="C49" s="6">
        <v>3</v>
      </c>
      <c r="D49" s="5">
        <v>7</v>
      </c>
    </row>
    <row r="50" spans="1:4" ht="18" customHeight="1" x14ac:dyDescent="0.15">
      <c r="A50" s="8">
        <v>37</v>
      </c>
      <c r="B50" s="21">
        <v>7</v>
      </c>
      <c r="C50" s="6">
        <v>2</v>
      </c>
      <c r="D50" s="5">
        <v>9</v>
      </c>
    </row>
    <row r="51" spans="1:4" ht="18" customHeight="1" x14ac:dyDescent="0.15">
      <c r="A51" s="8">
        <v>38</v>
      </c>
      <c r="B51" s="21">
        <v>7</v>
      </c>
      <c r="C51" s="6">
        <v>8</v>
      </c>
      <c r="D51" s="5">
        <v>15</v>
      </c>
    </row>
    <row r="52" spans="1:4" ht="18" customHeight="1" x14ac:dyDescent="0.15">
      <c r="A52" s="8">
        <v>39</v>
      </c>
      <c r="B52" s="21">
        <v>14</v>
      </c>
      <c r="C52" s="6">
        <v>10</v>
      </c>
      <c r="D52" s="5">
        <v>24</v>
      </c>
    </row>
    <row r="53" spans="1:4" ht="18" customHeight="1" x14ac:dyDescent="0.15">
      <c r="A53" s="8" t="s">
        <v>17</v>
      </c>
      <c r="B53" s="21">
        <v>39</v>
      </c>
      <c r="C53" s="6">
        <v>30</v>
      </c>
      <c r="D53" s="5">
        <v>69</v>
      </c>
    </row>
    <row r="54" spans="1:4" ht="18" customHeight="1" x14ac:dyDescent="0.15">
      <c r="A54" s="8">
        <v>40</v>
      </c>
      <c r="B54" s="21">
        <v>7</v>
      </c>
      <c r="C54" s="6">
        <v>9</v>
      </c>
      <c r="D54" s="5">
        <v>16</v>
      </c>
    </row>
    <row r="55" spans="1:4" ht="18" customHeight="1" x14ac:dyDescent="0.15">
      <c r="A55" s="8">
        <v>41</v>
      </c>
      <c r="B55" s="21">
        <v>9</v>
      </c>
      <c r="C55" s="6">
        <v>14</v>
      </c>
      <c r="D55" s="5">
        <v>23</v>
      </c>
    </row>
    <row r="56" spans="1:4" ht="18" customHeight="1" x14ac:dyDescent="0.15">
      <c r="A56" s="8">
        <v>42</v>
      </c>
      <c r="B56" s="21">
        <v>11</v>
      </c>
      <c r="C56" s="6">
        <v>11</v>
      </c>
      <c r="D56" s="5">
        <v>22</v>
      </c>
    </row>
    <row r="57" spans="1:4" ht="18" customHeight="1" x14ac:dyDescent="0.15">
      <c r="A57" s="8">
        <v>43</v>
      </c>
      <c r="B57" s="21">
        <v>6</v>
      </c>
      <c r="C57" s="6">
        <v>8</v>
      </c>
      <c r="D57" s="5">
        <v>14</v>
      </c>
    </row>
    <row r="58" spans="1:4" ht="18" customHeight="1" x14ac:dyDescent="0.15">
      <c r="A58" s="8">
        <v>44</v>
      </c>
      <c r="B58" s="21">
        <v>11</v>
      </c>
      <c r="C58" s="6">
        <v>9</v>
      </c>
      <c r="D58" s="5">
        <v>20</v>
      </c>
    </row>
    <row r="59" spans="1:4" ht="18" customHeight="1" x14ac:dyDescent="0.15">
      <c r="A59" s="8" t="s">
        <v>16</v>
      </c>
      <c r="B59" s="21">
        <v>44</v>
      </c>
      <c r="C59" s="6">
        <v>51</v>
      </c>
      <c r="D59" s="5">
        <v>95</v>
      </c>
    </row>
    <row r="60" spans="1:4" ht="18" customHeight="1" x14ac:dyDescent="0.15">
      <c r="A60" s="8">
        <v>45</v>
      </c>
      <c r="B60" s="21">
        <v>14</v>
      </c>
      <c r="C60" s="6">
        <v>14</v>
      </c>
      <c r="D60" s="5">
        <v>28</v>
      </c>
    </row>
    <row r="61" spans="1:4" ht="18" customHeight="1" x14ac:dyDescent="0.15">
      <c r="A61" s="8">
        <v>46</v>
      </c>
      <c r="B61" s="21">
        <v>15</v>
      </c>
      <c r="C61" s="6">
        <v>13</v>
      </c>
      <c r="D61" s="5">
        <v>28</v>
      </c>
    </row>
    <row r="62" spans="1:4" ht="18" customHeight="1" x14ac:dyDescent="0.15">
      <c r="A62" s="8">
        <v>47</v>
      </c>
      <c r="B62" s="21">
        <v>16</v>
      </c>
      <c r="C62" s="6">
        <v>14</v>
      </c>
      <c r="D62" s="5">
        <v>30</v>
      </c>
    </row>
    <row r="63" spans="1:4" ht="18" customHeight="1" x14ac:dyDescent="0.15">
      <c r="A63" s="8">
        <v>48</v>
      </c>
      <c r="B63" s="21">
        <v>17</v>
      </c>
      <c r="C63" s="6">
        <v>13</v>
      </c>
      <c r="D63" s="5">
        <v>30</v>
      </c>
    </row>
    <row r="64" spans="1:4" ht="18" customHeight="1" x14ac:dyDescent="0.15">
      <c r="A64" s="8">
        <v>49</v>
      </c>
      <c r="B64" s="21">
        <v>20</v>
      </c>
      <c r="C64" s="6">
        <v>19</v>
      </c>
      <c r="D64" s="5">
        <v>39</v>
      </c>
    </row>
    <row r="65" spans="1:4" ht="18" customHeight="1" x14ac:dyDescent="0.15">
      <c r="A65" s="8" t="s">
        <v>15</v>
      </c>
      <c r="B65" s="21">
        <v>82</v>
      </c>
      <c r="C65" s="6">
        <v>73</v>
      </c>
      <c r="D65" s="5">
        <v>155</v>
      </c>
    </row>
    <row r="66" spans="1:4" ht="18" customHeight="1" x14ac:dyDescent="0.15">
      <c r="A66" s="8">
        <v>50</v>
      </c>
      <c r="B66" s="21">
        <v>16</v>
      </c>
      <c r="C66" s="6">
        <v>24</v>
      </c>
      <c r="D66" s="5">
        <v>40</v>
      </c>
    </row>
    <row r="67" spans="1:4" ht="18" customHeight="1" x14ac:dyDescent="0.15">
      <c r="A67" s="8">
        <v>51</v>
      </c>
      <c r="B67" s="21">
        <v>14</v>
      </c>
      <c r="C67" s="6">
        <v>17</v>
      </c>
      <c r="D67" s="5">
        <v>31</v>
      </c>
    </row>
    <row r="68" spans="1:4" ht="18" customHeight="1" x14ac:dyDescent="0.15">
      <c r="A68" s="8">
        <v>52</v>
      </c>
      <c r="B68" s="21">
        <v>16</v>
      </c>
      <c r="C68" s="6">
        <v>20</v>
      </c>
      <c r="D68" s="5">
        <v>36</v>
      </c>
    </row>
    <row r="69" spans="1:4" ht="18" customHeight="1" x14ac:dyDescent="0.15">
      <c r="A69" s="8">
        <v>53</v>
      </c>
      <c r="B69" s="21">
        <v>19</v>
      </c>
      <c r="C69" s="6">
        <v>20</v>
      </c>
      <c r="D69" s="5">
        <v>39</v>
      </c>
    </row>
    <row r="70" spans="1:4" ht="18" customHeight="1" x14ac:dyDescent="0.15">
      <c r="A70" s="8">
        <v>54</v>
      </c>
      <c r="B70" s="21">
        <v>14</v>
      </c>
      <c r="C70" s="6">
        <v>15</v>
      </c>
      <c r="D70" s="5">
        <v>29</v>
      </c>
    </row>
    <row r="71" spans="1:4" ht="18" customHeight="1" x14ac:dyDescent="0.15">
      <c r="A71" s="8" t="s">
        <v>14</v>
      </c>
      <c r="B71" s="21">
        <v>79</v>
      </c>
      <c r="C71" s="6">
        <v>96</v>
      </c>
      <c r="D71" s="5">
        <v>175</v>
      </c>
    </row>
    <row r="72" spans="1:4" ht="18" customHeight="1" x14ac:dyDescent="0.15">
      <c r="A72" s="8">
        <v>55</v>
      </c>
      <c r="B72" s="21">
        <v>17</v>
      </c>
      <c r="C72" s="6">
        <v>10</v>
      </c>
      <c r="D72" s="5">
        <v>27</v>
      </c>
    </row>
    <row r="73" spans="1:4" ht="18" customHeight="1" x14ac:dyDescent="0.15">
      <c r="A73" s="8">
        <v>56</v>
      </c>
      <c r="B73" s="21">
        <v>17</v>
      </c>
      <c r="C73" s="6">
        <v>19</v>
      </c>
      <c r="D73" s="5">
        <v>36</v>
      </c>
    </row>
    <row r="74" spans="1:4" ht="18" customHeight="1" x14ac:dyDescent="0.15">
      <c r="A74" s="8">
        <v>57</v>
      </c>
      <c r="B74" s="21">
        <v>17</v>
      </c>
      <c r="C74" s="6">
        <v>12</v>
      </c>
      <c r="D74" s="5">
        <v>29</v>
      </c>
    </row>
    <row r="75" spans="1:4" ht="18" customHeight="1" x14ac:dyDescent="0.15">
      <c r="A75" s="8">
        <v>58</v>
      </c>
      <c r="B75" s="21">
        <v>17</v>
      </c>
      <c r="C75" s="6">
        <v>14</v>
      </c>
      <c r="D75" s="5">
        <v>31</v>
      </c>
    </row>
    <row r="76" spans="1:4" ht="18" customHeight="1" x14ac:dyDescent="0.15">
      <c r="A76" s="8">
        <v>59</v>
      </c>
      <c r="B76" s="21">
        <v>10</v>
      </c>
      <c r="C76" s="6">
        <v>9</v>
      </c>
      <c r="D76" s="5">
        <v>19</v>
      </c>
    </row>
    <row r="77" spans="1:4" ht="18" customHeight="1" x14ac:dyDescent="0.15">
      <c r="A77" s="8" t="s">
        <v>13</v>
      </c>
      <c r="B77" s="21">
        <v>78</v>
      </c>
      <c r="C77" s="6">
        <v>64</v>
      </c>
      <c r="D77" s="5">
        <v>142</v>
      </c>
    </row>
    <row r="78" spans="1:4" ht="18" customHeight="1" x14ac:dyDescent="0.15">
      <c r="A78" s="8">
        <v>60</v>
      </c>
      <c r="B78" s="21">
        <v>9</v>
      </c>
      <c r="C78" s="6">
        <v>17</v>
      </c>
      <c r="D78" s="5">
        <v>26</v>
      </c>
    </row>
    <row r="79" spans="1:4" ht="18" customHeight="1" x14ac:dyDescent="0.15">
      <c r="A79" s="8">
        <v>61</v>
      </c>
      <c r="B79" s="21">
        <v>9</v>
      </c>
      <c r="C79" s="6">
        <v>14</v>
      </c>
      <c r="D79" s="5">
        <v>23</v>
      </c>
    </row>
    <row r="80" spans="1:4" ht="18" customHeight="1" x14ac:dyDescent="0.15">
      <c r="A80" s="8">
        <v>62</v>
      </c>
      <c r="B80" s="21">
        <v>11</v>
      </c>
      <c r="C80" s="6">
        <v>16</v>
      </c>
      <c r="D80" s="5">
        <v>27</v>
      </c>
    </row>
    <row r="81" spans="1:4" ht="18" customHeight="1" x14ac:dyDescent="0.15">
      <c r="A81" s="8">
        <v>63</v>
      </c>
      <c r="B81" s="21">
        <v>9</v>
      </c>
      <c r="C81" s="6">
        <v>7</v>
      </c>
      <c r="D81" s="5">
        <v>16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47</v>
      </c>
      <c r="C83" s="6">
        <v>65</v>
      </c>
      <c r="D83" s="5">
        <v>112</v>
      </c>
    </row>
    <row r="84" spans="1:4" ht="18" customHeight="1" x14ac:dyDescent="0.15">
      <c r="A84" s="8" t="s">
        <v>11</v>
      </c>
      <c r="B84" s="21">
        <v>528</v>
      </c>
      <c r="C84" s="6">
        <v>529</v>
      </c>
      <c r="D84" s="5">
        <v>1057</v>
      </c>
    </row>
    <row r="85" spans="1:4" ht="18" customHeight="1" x14ac:dyDescent="0.15">
      <c r="A85" s="8">
        <v>65</v>
      </c>
      <c r="B85" s="21">
        <v>11</v>
      </c>
      <c r="C85" s="6">
        <v>8</v>
      </c>
      <c r="D85" s="5">
        <v>19</v>
      </c>
    </row>
    <row r="86" spans="1:4" ht="18" customHeight="1" x14ac:dyDescent="0.15">
      <c r="A86" s="8">
        <v>66</v>
      </c>
      <c r="B86" s="21">
        <v>10</v>
      </c>
      <c r="C86" s="6">
        <v>10</v>
      </c>
      <c r="D86" s="5">
        <v>20</v>
      </c>
    </row>
    <row r="87" spans="1:4" ht="18" customHeight="1" x14ac:dyDescent="0.15">
      <c r="A87" s="8">
        <v>67</v>
      </c>
      <c r="B87" s="21">
        <v>7</v>
      </c>
      <c r="C87" s="6">
        <v>15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9</v>
      </c>
      <c r="D88" s="5">
        <v>18</v>
      </c>
    </row>
    <row r="89" spans="1:4" ht="18" customHeight="1" x14ac:dyDescent="0.15">
      <c r="A89" s="8">
        <v>69</v>
      </c>
      <c r="B89" s="21">
        <v>13</v>
      </c>
      <c r="C89" s="6">
        <v>8</v>
      </c>
      <c r="D89" s="5">
        <v>21</v>
      </c>
    </row>
    <row r="90" spans="1:4" ht="18" customHeight="1" x14ac:dyDescent="0.15">
      <c r="A90" s="8" t="s">
        <v>10</v>
      </c>
      <c r="B90" s="21">
        <v>50</v>
      </c>
      <c r="C90" s="6">
        <v>50</v>
      </c>
      <c r="D90" s="5">
        <v>100</v>
      </c>
    </row>
    <row r="91" spans="1:4" ht="18" customHeight="1" x14ac:dyDescent="0.15">
      <c r="A91" s="8">
        <v>70</v>
      </c>
      <c r="B91" s="21">
        <v>9</v>
      </c>
      <c r="C91" s="6">
        <v>13</v>
      </c>
      <c r="D91" s="5">
        <v>22</v>
      </c>
    </row>
    <row r="92" spans="1:4" ht="18" customHeight="1" x14ac:dyDescent="0.15">
      <c r="A92" s="8">
        <v>71</v>
      </c>
      <c r="B92" s="21">
        <v>5</v>
      </c>
      <c r="C92" s="6">
        <v>10</v>
      </c>
      <c r="D92" s="5">
        <v>15</v>
      </c>
    </row>
    <row r="93" spans="1:4" ht="18" customHeight="1" x14ac:dyDescent="0.15">
      <c r="A93" s="8">
        <v>72</v>
      </c>
      <c r="B93" s="21">
        <v>9</v>
      </c>
      <c r="C93" s="6">
        <v>14</v>
      </c>
      <c r="D93" s="5">
        <v>23</v>
      </c>
    </row>
    <row r="94" spans="1:4" ht="18" customHeight="1" x14ac:dyDescent="0.15">
      <c r="A94" s="8">
        <v>73</v>
      </c>
      <c r="B94" s="21">
        <v>9</v>
      </c>
      <c r="C94" s="6">
        <v>11</v>
      </c>
      <c r="D94" s="5">
        <v>20</v>
      </c>
    </row>
    <row r="95" spans="1:4" ht="18" customHeight="1" x14ac:dyDescent="0.15">
      <c r="A95" s="8">
        <v>74</v>
      </c>
      <c r="B95" s="21">
        <v>11</v>
      </c>
      <c r="C95" s="6">
        <v>14</v>
      </c>
      <c r="D95" s="5">
        <v>25</v>
      </c>
    </row>
    <row r="96" spans="1:4" ht="18" customHeight="1" x14ac:dyDescent="0.15">
      <c r="A96" s="8" t="s">
        <v>9</v>
      </c>
      <c r="B96" s="21">
        <v>43</v>
      </c>
      <c r="C96" s="6">
        <v>62</v>
      </c>
      <c r="D96" s="5">
        <v>105</v>
      </c>
    </row>
    <row r="97" spans="1:4" ht="18" customHeight="1" x14ac:dyDescent="0.15">
      <c r="A97" s="8">
        <v>75</v>
      </c>
      <c r="B97" s="21">
        <v>14</v>
      </c>
      <c r="C97" s="6">
        <v>9</v>
      </c>
      <c r="D97" s="5">
        <v>23</v>
      </c>
    </row>
    <row r="98" spans="1:4" ht="18" customHeight="1" x14ac:dyDescent="0.15">
      <c r="A98" s="8">
        <v>76</v>
      </c>
      <c r="B98" s="21">
        <v>11</v>
      </c>
      <c r="C98" s="6">
        <v>17</v>
      </c>
      <c r="D98" s="5">
        <v>28</v>
      </c>
    </row>
    <row r="99" spans="1:4" ht="18" customHeight="1" x14ac:dyDescent="0.15">
      <c r="A99" s="8">
        <v>77</v>
      </c>
      <c r="B99" s="21">
        <v>11</v>
      </c>
      <c r="C99" s="6">
        <v>15</v>
      </c>
      <c r="D99" s="5">
        <v>26</v>
      </c>
    </row>
    <row r="100" spans="1:4" ht="18" customHeight="1" x14ac:dyDescent="0.15">
      <c r="A100" s="8">
        <v>78</v>
      </c>
      <c r="B100" s="21">
        <v>9</v>
      </c>
      <c r="C100" s="6">
        <v>15</v>
      </c>
      <c r="D100" s="5">
        <v>24</v>
      </c>
    </row>
    <row r="101" spans="1:4" ht="18" customHeight="1" x14ac:dyDescent="0.15">
      <c r="A101" s="8">
        <v>79</v>
      </c>
      <c r="B101" s="21">
        <v>11</v>
      </c>
      <c r="C101" s="6">
        <v>9</v>
      </c>
      <c r="D101" s="5">
        <v>20</v>
      </c>
    </row>
    <row r="102" spans="1:4" ht="18" customHeight="1" x14ac:dyDescent="0.15">
      <c r="A102" s="8" t="s">
        <v>8</v>
      </c>
      <c r="B102" s="21">
        <v>56</v>
      </c>
      <c r="C102" s="6">
        <v>65</v>
      </c>
      <c r="D102" s="5">
        <v>121</v>
      </c>
    </row>
    <row r="103" spans="1:4" ht="18" customHeight="1" x14ac:dyDescent="0.15">
      <c r="A103" s="8">
        <v>80</v>
      </c>
      <c r="B103" s="21">
        <v>2</v>
      </c>
      <c r="C103" s="6">
        <v>11</v>
      </c>
      <c r="D103" s="5">
        <v>13</v>
      </c>
    </row>
    <row r="104" spans="1:4" ht="18" customHeight="1" x14ac:dyDescent="0.15">
      <c r="A104" s="8">
        <v>81</v>
      </c>
      <c r="B104" s="21">
        <v>7</v>
      </c>
      <c r="C104" s="6">
        <v>9</v>
      </c>
      <c r="D104" s="5">
        <v>16</v>
      </c>
    </row>
    <row r="105" spans="1:4" ht="18" customHeight="1" x14ac:dyDescent="0.15">
      <c r="A105" s="8">
        <v>82</v>
      </c>
      <c r="B105" s="21">
        <v>6</v>
      </c>
      <c r="C105" s="6">
        <v>10</v>
      </c>
      <c r="D105" s="5">
        <v>16</v>
      </c>
    </row>
    <row r="106" spans="1:4" ht="18" customHeight="1" x14ac:dyDescent="0.15">
      <c r="A106" s="8">
        <v>83</v>
      </c>
      <c r="B106" s="21">
        <v>6</v>
      </c>
      <c r="C106" s="6">
        <v>16</v>
      </c>
      <c r="D106" s="5">
        <v>22</v>
      </c>
    </row>
    <row r="107" spans="1:4" ht="18" customHeight="1" x14ac:dyDescent="0.15">
      <c r="A107" s="8">
        <v>84</v>
      </c>
      <c r="B107" s="21">
        <v>7</v>
      </c>
      <c r="C107" s="6">
        <v>19</v>
      </c>
      <c r="D107" s="5">
        <v>26</v>
      </c>
    </row>
    <row r="108" spans="1:4" ht="18" customHeight="1" x14ac:dyDescent="0.15">
      <c r="A108" s="8" t="s">
        <v>7</v>
      </c>
      <c r="B108" s="21">
        <v>28</v>
      </c>
      <c r="C108" s="6">
        <v>65</v>
      </c>
      <c r="D108" s="5">
        <v>93</v>
      </c>
    </row>
    <row r="109" spans="1:4" ht="18" customHeight="1" x14ac:dyDescent="0.15">
      <c r="A109" s="8">
        <v>85</v>
      </c>
      <c r="B109" s="21">
        <v>7</v>
      </c>
      <c r="C109" s="6">
        <v>13</v>
      </c>
      <c r="D109" s="5">
        <v>20</v>
      </c>
    </row>
    <row r="110" spans="1:4" ht="18" customHeight="1" x14ac:dyDescent="0.15">
      <c r="A110" s="8">
        <v>86</v>
      </c>
      <c r="B110" s="21">
        <v>7</v>
      </c>
      <c r="C110" s="6">
        <v>9</v>
      </c>
      <c r="D110" s="5">
        <v>16</v>
      </c>
    </row>
    <row r="111" spans="1:4" ht="18" customHeight="1" x14ac:dyDescent="0.15">
      <c r="A111" s="8">
        <v>87</v>
      </c>
      <c r="B111" s="21">
        <v>6</v>
      </c>
      <c r="C111" s="6">
        <v>2</v>
      </c>
      <c r="D111" s="5">
        <v>8</v>
      </c>
    </row>
    <row r="112" spans="1:4" ht="18" customHeight="1" x14ac:dyDescent="0.15">
      <c r="A112" s="8">
        <v>88</v>
      </c>
      <c r="B112" s="21">
        <v>5</v>
      </c>
      <c r="C112" s="6">
        <v>7</v>
      </c>
      <c r="D112" s="5">
        <v>12</v>
      </c>
    </row>
    <row r="113" spans="1:4" ht="18" customHeight="1" x14ac:dyDescent="0.15">
      <c r="A113" s="8">
        <v>89</v>
      </c>
      <c r="B113" s="21">
        <v>2</v>
      </c>
      <c r="C113" s="6">
        <v>4</v>
      </c>
      <c r="D113" s="5">
        <v>6</v>
      </c>
    </row>
    <row r="114" spans="1:4" ht="18" customHeight="1" x14ac:dyDescent="0.15">
      <c r="A114" s="8" t="s">
        <v>6</v>
      </c>
      <c r="B114" s="21">
        <v>27</v>
      </c>
      <c r="C114" s="6">
        <v>35</v>
      </c>
      <c r="D114" s="5">
        <v>62</v>
      </c>
    </row>
    <row r="115" spans="1:4" ht="18" customHeight="1" x14ac:dyDescent="0.15">
      <c r="A115" s="8">
        <v>90</v>
      </c>
      <c r="B115" s="21">
        <v>2</v>
      </c>
      <c r="C115" s="6">
        <v>6</v>
      </c>
      <c r="D115" s="5">
        <v>8</v>
      </c>
    </row>
    <row r="116" spans="1:4" ht="18" customHeight="1" x14ac:dyDescent="0.15">
      <c r="A116" s="8">
        <v>91</v>
      </c>
      <c r="B116" s="21">
        <v>5</v>
      </c>
      <c r="C116" s="6">
        <v>8</v>
      </c>
      <c r="D116" s="5">
        <v>13</v>
      </c>
    </row>
    <row r="117" spans="1:4" ht="18" customHeight="1" x14ac:dyDescent="0.15">
      <c r="A117" s="8">
        <v>92</v>
      </c>
      <c r="B117" s="21">
        <v>1</v>
      </c>
      <c r="C117" s="6">
        <v>4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5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4</v>
      </c>
      <c r="D119" s="5">
        <v>4</v>
      </c>
    </row>
    <row r="120" spans="1:4" ht="18" customHeight="1" x14ac:dyDescent="0.15">
      <c r="A120" s="8" t="s">
        <v>5</v>
      </c>
      <c r="B120" s="21">
        <v>8</v>
      </c>
      <c r="C120" s="6">
        <v>27</v>
      </c>
      <c r="D120" s="5">
        <v>35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4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214</v>
      </c>
      <c r="C130" s="6">
        <v>323</v>
      </c>
      <c r="D130" s="5">
        <v>537</v>
      </c>
    </row>
    <row r="131" spans="1:4" ht="18" customHeight="1" x14ac:dyDescent="0.15">
      <c r="A131" s="4" t="s">
        <v>0</v>
      </c>
      <c r="B131" s="20">
        <v>813</v>
      </c>
      <c r="C131" s="2">
        <v>904</v>
      </c>
      <c r="D131" s="1">
        <v>17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807504-73ED-4963-A8E3-AED5311FFD2E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0</v>
      </c>
      <c r="C5" s="11">
        <v>26</v>
      </c>
      <c r="D5" s="10">
        <v>56</v>
      </c>
    </row>
    <row r="6" spans="1:4" ht="18" customHeight="1" x14ac:dyDescent="0.15">
      <c r="A6" s="8">
        <v>1</v>
      </c>
      <c r="B6" s="21">
        <v>28</v>
      </c>
      <c r="C6" s="6">
        <v>23</v>
      </c>
      <c r="D6" s="5">
        <v>51</v>
      </c>
    </row>
    <row r="7" spans="1:4" ht="18" customHeight="1" x14ac:dyDescent="0.15">
      <c r="A7" s="8">
        <v>2</v>
      </c>
      <c r="B7" s="21">
        <v>26</v>
      </c>
      <c r="C7" s="6">
        <v>23</v>
      </c>
      <c r="D7" s="5">
        <v>49</v>
      </c>
    </row>
    <row r="8" spans="1:4" ht="18" customHeight="1" x14ac:dyDescent="0.15">
      <c r="A8" s="8">
        <v>3</v>
      </c>
      <c r="B8" s="21">
        <v>28</v>
      </c>
      <c r="C8" s="6">
        <v>37</v>
      </c>
      <c r="D8" s="5">
        <v>65</v>
      </c>
    </row>
    <row r="9" spans="1:4" ht="18" customHeight="1" x14ac:dyDescent="0.15">
      <c r="A9" s="8">
        <v>4</v>
      </c>
      <c r="B9" s="21">
        <v>41</v>
      </c>
      <c r="C9" s="6">
        <v>34</v>
      </c>
      <c r="D9" s="5">
        <v>75</v>
      </c>
    </row>
    <row r="10" spans="1:4" ht="18" customHeight="1" x14ac:dyDescent="0.15">
      <c r="A10" s="8" t="s">
        <v>25</v>
      </c>
      <c r="B10" s="21">
        <v>153</v>
      </c>
      <c r="C10" s="6">
        <v>143</v>
      </c>
      <c r="D10" s="5">
        <v>296</v>
      </c>
    </row>
    <row r="11" spans="1:4" ht="18" customHeight="1" x14ac:dyDescent="0.15">
      <c r="A11" s="8">
        <v>5</v>
      </c>
      <c r="B11" s="21">
        <v>36</v>
      </c>
      <c r="C11" s="6">
        <v>35</v>
      </c>
      <c r="D11" s="5">
        <v>71</v>
      </c>
    </row>
    <row r="12" spans="1:4" ht="18" customHeight="1" x14ac:dyDescent="0.15">
      <c r="A12" s="8">
        <v>6</v>
      </c>
      <c r="B12" s="21">
        <v>36</v>
      </c>
      <c r="C12" s="6">
        <v>35</v>
      </c>
      <c r="D12" s="5">
        <v>71</v>
      </c>
    </row>
    <row r="13" spans="1:4" ht="18" customHeight="1" x14ac:dyDescent="0.15">
      <c r="A13" s="8">
        <v>7</v>
      </c>
      <c r="B13" s="21">
        <v>30</v>
      </c>
      <c r="C13" s="6">
        <v>38</v>
      </c>
      <c r="D13" s="5">
        <v>68</v>
      </c>
    </row>
    <row r="14" spans="1:4" ht="18" customHeight="1" x14ac:dyDescent="0.15">
      <c r="A14" s="8">
        <v>8</v>
      </c>
      <c r="B14" s="21">
        <v>41</v>
      </c>
      <c r="C14" s="6">
        <v>29</v>
      </c>
      <c r="D14" s="5">
        <v>70</v>
      </c>
    </row>
    <row r="15" spans="1:4" ht="18" customHeight="1" x14ac:dyDescent="0.15">
      <c r="A15" s="8">
        <v>9</v>
      </c>
      <c r="B15" s="21">
        <v>35</v>
      </c>
      <c r="C15" s="6">
        <v>41</v>
      </c>
      <c r="D15" s="5">
        <v>76</v>
      </c>
    </row>
    <row r="16" spans="1:4" ht="18" customHeight="1" x14ac:dyDescent="0.15">
      <c r="A16" s="8" t="s">
        <v>24</v>
      </c>
      <c r="B16" s="21">
        <v>178</v>
      </c>
      <c r="C16" s="6">
        <v>178</v>
      </c>
      <c r="D16" s="5">
        <v>356</v>
      </c>
    </row>
    <row r="17" spans="1:4" ht="18" customHeight="1" x14ac:dyDescent="0.15">
      <c r="A17" s="8">
        <v>10</v>
      </c>
      <c r="B17" s="21">
        <v>32</v>
      </c>
      <c r="C17" s="6">
        <v>45</v>
      </c>
      <c r="D17" s="5">
        <v>77</v>
      </c>
    </row>
    <row r="18" spans="1:4" ht="18" customHeight="1" x14ac:dyDescent="0.15">
      <c r="A18" s="8">
        <v>11</v>
      </c>
      <c r="B18" s="21">
        <v>37</v>
      </c>
      <c r="C18" s="6">
        <v>31</v>
      </c>
      <c r="D18" s="5">
        <v>68</v>
      </c>
    </row>
    <row r="19" spans="1:4" ht="18" customHeight="1" x14ac:dyDescent="0.15">
      <c r="A19" s="8">
        <v>12</v>
      </c>
      <c r="B19" s="21">
        <v>31</v>
      </c>
      <c r="C19" s="6">
        <v>33</v>
      </c>
      <c r="D19" s="5">
        <v>64</v>
      </c>
    </row>
    <row r="20" spans="1:4" ht="18" customHeight="1" x14ac:dyDescent="0.15">
      <c r="A20" s="8">
        <v>13</v>
      </c>
      <c r="B20" s="21">
        <v>48</v>
      </c>
      <c r="C20" s="6">
        <v>37</v>
      </c>
      <c r="D20" s="5">
        <v>85</v>
      </c>
    </row>
    <row r="21" spans="1:4" ht="18" customHeight="1" x14ac:dyDescent="0.15">
      <c r="A21" s="8">
        <v>14</v>
      </c>
      <c r="B21" s="21">
        <v>45</v>
      </c>
      <c r="C21" s="6">
        <v>38</v>
      </c>
      <c r="D21" s="5">
        <v>83</v>
      </c>
    </row>
    <row r="22" spans="1:4" ht="18" customHeight="1" x14ac:dyDescent="0.15">
      <c r="A22" s="8" t="s">
        <v>23</v>
      </c>
      <c r="B22" s="21">
        <v>193</v>
      </c>
      <c r="C22" s="6">
        <v>184</v>
      </c>
      <c r="D22" s="5">
        <v>377</v>
      </c>
    </row>
    <row r="23" spans="1:4" ht="18" customHeight="1" x14ac:dyDescent="0.15">
      <c r="A23" s="8" t="s">
        <v>22</v>
      </c>
      <c r="B23" s="21">
        <v>524</v>
      </c>
      <c r="C23" s="6">
        <v>505</v>
      </c>
      <c r="D23" s="5">
        <v>1029</v>
      </c>
    </row>
    <row r="24" spans="1:4" ht="18" customHeight="1" x14ac:dyDescent="0.15">
      <c r="A24" s="8">
        <v>15</v>
      </c>
      <c r="B24" s="21">
        <v>46</v>
      </c>
      <c r="C24" s="6">
        <v>38</v>
      </c>
      <c r="D24" s="5">
        <v>84</v>
      </c>
    </row>
    <row r="25" spans="1:4" ht="18" customHeight="1" x14ac:dyDescent="0.15">
      <c r="A25" s="8">
        <v>16</v>
      </c>
      <c r="B25" s="21">
        <v>45</v>
      </c>
      <c r="C25" s="6">
        <v>39</v>
      </c>
      <c r="D25" s="5">
        <v>84</v>
      </c>
    </row>
    <row r="26" spans="1:4" ht="18" customHeight="1" x14ac:dyDescent="0.15">
      <c r="A26" s="8">
        <v>17</v>
      </c>
      <c r="B26" s="21">
        <v>42</v>
      </c>
      <c r="C26" s="6">
        <v>34</v>
      </c>
      <c r="D26" s="5">
        <v>76</v>
      </c>
    </row>
    <row r="27" spans="1:4" ht="18" customHeight="1" x14ac:dyDescent="0.15">
      <c r="A27" s="8">
        <v>18</v>
      </c>
      <c r="B27" s="21">
        <v>43</v>
      </c>
      <c r="C27" s="6">
        <v>38</v>
      </c>
      <c r="D27" s="5">
        <v>81</v>
      </c>
    </row>
    <row r="28" spans="1:4" ht="18" customHeight="1" x14ac:dyDescent="0.15">
      <c r="A28" s="8">
        <v>19</v>
      </c>
      <c r="B28" s="21">
        <v>50</v>
      </c>
      <c r="C28" s="6">
        <v>41</v>
      </c>
      <c r="D28" s="5">
        <v>91</v>
      </c>
    </row>
    <row r="29" spans="1:4" ht="18" customHeight="1" x14ac:dyDescent="0.15">
      <c r="A29" s="8" t="s">
        <v>21</v>
      </c>
      <c r="B29" s="21">
        <v>226</v>
      </c>
      <c r="C29" s="6">
        <v>190</v>
      </c>
      <c r="D29" s="5">
        <v>416</v>
      </c>
    </row>
    <row r="30" spans="1:4" ht="18" customHeight="1" x14ac:dyDescent="0.15">
      <c r="A30" s="8">
        <v>20</v>
      </c>
      <c r="B30" s="21">
        <v>40</v>
      </c>
      <c r="C30" s="6">
        <v>37</v>
      </c>
      <c r="D30" s="5">
        <v>77</v>
      </c>
    </row>
    <row r="31" spans="1:4" ht="18" customHeight="1" x14ac:dyDescent="0.15">
      <c r="A31" s="8">
        <v>21</v>
      </c>
      <c r="B31" s="21">
        <v>60</v>
      </c>
      <c r="C31" s="6">
        <v>45</v>
      </c>
      <c r="D31" s="5">
        <v>105</v>
      </c>
    </row>
    <row r="32" spans="1:4" ht="18" customHeight="1" x14ac:dyDescent="0.15">
      <c r="A32" s="8">
        <v>22</v>
      </c>
      <c r="B32" s="21">
        <v>57</v>
      </c>
      <c r="C32" s="6">
        <v>31</v>
      </c>
      <c r="D32" s="5">
        <v>88</v>
      </c>
    </row>
    <row r="33" spans="1:4" ht="18" customHeight="1" x14ac:dyDescent="0.15">
      <c r="A33" s="8">
        <v>23</v>
      </c>
      <c r="B33" s="21">
        <v>62</v>
      </c>
      <c r="C33" s="6">
        <v>33</v>
      </c>
      <c r="D33" s="5">
        <v>95</v>
      </c>
    </row>
    <row r="34" spans="1:4" ht="18" customHeight="1" x14ac:dyDescent="0.15">
      <c r="A34" s="8">
        <v>24</v>
      </c>
      <c r="B34" s="21">
        <v>67</v>
      </c>
      <c r="C34" s="6">
        <v>55</v>
      </c>
      <c r="D34" s="5">
        <v>122</v>
      </c>
    </row>
    <row r="35" spans="1:4" ht="18" customHeight="1" x14ac:dyDescent="0.15">
      <c r="A35" s="8" t="s">
        <v>20</v>
      </c>
      <c r="B35" s="21">
        <v>286</v>
      </c>
      <c r="C35" s="6">
        <v>201</v>
      </c>
      <c r="D35" s="5">
        <v>487</v>
      </c>
    </row>
    <row r="36" spans="1:4" ht="18" customHeight="1" x14ac:dyDescent="0.15">
      <c r="A36" s="8">
        <v>25</v>
      </c>
      <c r="B36" s="21">
        <v>67</v>
      </c>
      <c r="C36" s="6">
        <v>44</v>
      </c>
      <c r="D36" s="5">
        <v>111</v>
      </c>
    </row>
    <row r="37" spans="1:4" ht="18" customHeight="1" x14ac:dyDescent="0.15">
      <c r="A37" s="8">
        <v>26</v>
      </c>
      <c r="B37" s="21">
        <v>65</v>
      </c>
      <c r="C37" s="6">
        <v>45</v>
      </c>
      <c r="D37" s="5">
        <v>110</v>
      </c>
    </row>
    <row r="38" spans="1:4" ht="18" customHeight="1" x14ac:dyDescent="0.15">
      <c r="A38" s="8">
        <v>27</v>
      </c>
      <c r="B38" s="21">
        <v>47</v>
      </c>
      <c r="C38" s="6">
        <v>51</v>
      </c>
      <c r="D38" s="5">
        <v>98</v>
      </c>
    </row>
    <row r="39" spans="1:4" ht="18" customHeight="1" x14ac:dyDescent="0.15">
      <c r="A39" s="8">
        <v>28</v>
      </c>
      <c r="B39" s="21">
        <v>59</v>
      </c>
      <c r="C39" s="6">
        <v>50</v>
      </c>
      <c r="D39" s="5">
        <v>109</v>
      </c>
    </row>
    <row r="40" spans="1:4" ht="18" customHeight="1" x14ac:dyDescent="0.15">
      <c r="A40" s="8">
        <v>29</v>
      </c>
      <c r="B40" s="21">
        <v>52</v>
      </c>
      <c r="C40" s="6">
        <v>50</v>
      </c>
      <c r="D40" s="5">
        <v>102</v>
      </c>
    </row>
    <row r="41" spans="1:4" ht="18" customHeight="1" x14ac:dyDescent="0.15">
      <c r="A41" s="8" t="s">
        <v>19</v>
      </c>
      <c r="B41" s="21">
        <v>290</v>
      </c>
      <c r="C41" s="6">
        <v>240</v>
      </c>
      <c r="D41" s="5">
        <v>530</v>
      </c>
    </row>
    <row r="42" spans="1:4" ht="18" customHeight="1" x14ac:dyDescent="0.15">
      <c r="A42" s="8">
        <v>30</v>
      </c>
      <c r="B42" s="21">
        <v>56</v>
      </c>
      <c r="C42" s="6">
        <v>46</v>
      </c>
      <c r="D42" s="5">
        <v>102</v>
      </c>
    </row>
    <row r="43" spans="1:4" ht="18" customHeight="1" x14ac:dyDescent="0.15">
      <c r="A43" s="8">
        <v>31</v>
      </c>
      <c r="B43" s="21">
        <v>57</v>
      </c>
      <c r="C43" s="6">
        <v>50</v>
      </c>
      <c r="D43" s="5">
        <v>107</v>
      </c>
    </row>
    <row r="44" spans="1:4" ht="18" customHeight="1" x14ac:dyDescent="0.15">
      <c r="A44" s="8">
        <v>32</v>
      </c>
      <c r="B44" s="21">
        <v>57</v>
      </c>
      <c r="C44" s="6">
        <v>54</v>
      </c>
      <c r="D44" s="5">
        <v>111</v>
      </c>
    </row>
    <row r="45" spans="1:4" ht="18" customHeight="1" x14ac:dyDescent="0.15">
      <c r="A45" s="8">
        <v>33</v>
      </c>
      <c r="B45" s="21">
        <v>50</v>
      </c>
      <c r="C45" s="6">
        <v>39</v>
      </c>
      <c r="D45" s="5">
        <v>89</v>
      </c>
    </row>
    <row r="46" spans="1:4" ht="18" customHeight="1" x14ac:dyDescent="0.15">
      <c r="A46" s="8">
        <v>34</v>
      </c>
      <c r="B46" s="21">
        <v>42</v>
      </c>
      <c r="C46" s="6">
        <v>57</v>
      </c>
      <c r="D46" s="5">
        <v>99</v>
      </c>
    </row>
    <row r="47" spans="1:4" ht="18" customHeight="1" x14ac:dyDescent="0.15">
      <c r="A47" s="8" t="s">
        <v>18</v>
      </c>
      <c r="B47" s="21">
        <v>262</v>
      </c>
      <c r="C47" s="6">
        <v>246</v>
      </c>
      <c r="D47" s="5">
        <v>508</v>
      </c>
    </row>
    <row r="48" spans="1:4" ht="18" customHeight="1" x14ac:dyDescent="0.15">
      <c r="A48" s="8">
        <v>35</v>
      </c>
      <c r="B48" s="21">
        <v>58</v>
      </c>
      <c r="C48" s="6">
        <v>50</v>
      </c>
      <c r="D48" s="5">
        <v>108</v>
      </c>
    </row>
    <row r="49" spans="1:4" ht="18" customHeight="1" x14ac:dyDescent="0.15">
      <c r="A49" s="8">
        <v>36</v>
      </c>
      <c r="B49" s="21">
        <v>65</v>
      </c>
      <c r="C49" s="6">
        <v>51</v>
      </c>
      <c r="D49" s="5">
        <v>116</v>
      </c>
    </row>
    <row r="50" spans="1:4" ht="18" customHeight="1" x14ac:dyDescent="0.15">
      <c r="A50" s="8">
        <v>37</v>
      </c>
      <c r="B50" s="21">
        <v>63</v>
      </c>
      <c r="C50" s="6">
        <v>52</v>
      </c>
      <c r="D50" s="5">
        <v>115</v>
      </c>
    </row>
    <row r="51" spans="1:4" ht="18" customHeight="1" x14ac:dyDescent="0.15">
      <c r="A51" s="8">
        <v>38</v>
      </c>
      <c r="B51" s="21">
        <v>58</v>
      </c>
      <c r="C51" s="6">
        <v>48</v>
      </c>
      <c r="D51" s="5">
        <v>106</v>
      </c>
    </row>
    <row r="52" spans="1:4" ht="18" customHeight="1" x14ac:dyDescent="0.15">
      <c r="A52" s="8">
        <v>39</v>
      </c>
      <c r="B52" s="21">
        <v>58</v>
      </c>
      <c r="C52" s="6">
        <v>54</v>
      </c>
      <c r="D52" s="5">
        <v>112</v>
      </c>
    </row>
    <row r="53" spans="1:4" ht="18" customHeight="1" x14ac:dyDescent="0.15">
      <c r="A53" s="8" t="s">
        <v>17</v>
      </c>
      <c r="B53" s="21">
        <v>302</v>
      </c>
      <c r="C53" s="6">
        <v>255</v>
      </c>
      <c r="D53" s="5">
        <v>557</v>
      </c>
    </row>
    <row r="54" spans="1:4" ht="18" customHeight="1" x14ac:dyDescent="0.15">
      <c r="A54" s="8">
        <v>40</v>
      </c>
      <c r="B54" s="21">
        <v>75</v>
      </c>
      <c r="C54" s="6">
        <v>55</v>
      </c>
      <c r="D54" s="5">
        <v>130</v>
      </c>
    </row>
    <row r="55" spans="1:4" ht="18" customHeight="1" x14ac:dyDescent="0.15">
      <c r="A55" s="8">
        <v>41</v>
      </c>
      <c r="B55" s="21">
        <v>66</v>
      </c>
      <c r="C55" s="6">
        <v>49</v>
      </c>
      <c r="D55" s="5">
        <v>115</v>
      </c>
    </row>
    <row r="56" spans="1:4" ht="18" customHeight="1" x14ac:dyDescent="0.15">
      <c r="A56" s="8">
        <v>42</v>
      </c>
      <c r="B56" s="21">
        <v>57</v>
      </c>
      <c r="C56" s="6">
        <v>68</v>
      </c>
      <c r="D56" s="5">
        <v>125</v>
      </c>
    </row>
    <row r="57" spans="1:4" ht="18" customHeight="1" x14ac:dyDescent="0.15">
      <c r="A57" s="8">
        <v>43</v>
      </c>
      <c r="B57" s="21">
        <v>71</v>
      </c>
      <c r="C57" s="6">
        <v>52</v>
      </c>
      <c r="D57" s="5">
        <v>123</v>
      </c>
    </row>
    <row r="58" spans="1:4" ht="18" customHeight="1" x14ac:dyDescent="0.15">
      <c r="A58" s="8">
        <v>44</v>
      </c>
      <c r="B58" s="21">
        <v>60</v>
      </c>
      <c r="C58" s="6">
        <v>56</v>
      </c>
      <c r="D58" s="5">
        <v>116</v>
      </c>
    </row>
    <row r="59" spans="1:4" ht="18" customHeight="1" x14ac:dyDescent="0.15">
      <c r="A59" s="8" t="s">
        <v>16</v>
      </c>
      <c r="B59" s="21">
        <v>329</v>
      </c>
      <c r="C59" s="6">
        <v>280</v>
      </c>
      <c r="D59" s="5">
        <v>609</v>
      </c>
    </row>
    <row r="60" spans="1:4" ht="18" customHeight="1" x14ac:dyDescent="0.15">
      <c r="A60" s="8">
        <v>45</v>
      </c>
      <c r="B60" s="21">
        <v>56</v>
      </c>
      <c r="C60" s="6">
        <v>61</v>
      </c>
      <c r="D60" s="5">
        <v>117</v>
      </c>
    </row>
    <row r="61" spans="1:4" ht="18" customHeight="1" x14ac:dyDescent="0.15">
      <c r="A61" s="8">
        <v>46</v>
      </c>
      <c r="B61" s="21">
        <v>69</v>
      </c>
      <c r="C61" s="6">
        <v>68</v>
      </c>
      <c r="D61" s="5">
        <v>137</v>
      </c>
    </row>
    <row r="62" spans="1:4" ht="18" customHeight="1" x14ac:dyDescent="0.15">
      <c r="A62" s="8">
        <v>47</v>
      </c>
      <c r="B62" s="21">
        <v>68</v>
      </c>
      <c r="C62" s="6">
        <v>65</v>
      </c>
      <c r="D62" s="5">
        <v>133</v>
      </c>
    </row>
    <row r="63" spans="1:4" ht="18" customHeight="1" x14ac:dyDescent="0.15">
      <c r="A63" s="8">
        <v>48</v>
      </c>
      <c r="B63" s="21">
        <v>70</v>
      </c>
      <c r="C63" s="6">
        <v>77</v>
      </c>
      <c r="D63" s="5">
        <v>147</v>
      </c>
    </row>
    <row r="64" spans="1:4" ht="18" customHeight="1" x14ac:dyDescent="0.15">
      <c r="A64" s="8">
        <v>49</v>
      </c>
      <c r="B64" s="21">
        <v>60</v>
      </c>
      <c r="C64" s="6">
        <v>81</v>
      </c>
      <c r="D64" s="5">
        <v>141</v>
      </c>
    </row>
    <row r="65" spans="1:4" ht="18" customHeight="1" x14ac:dyDescent="0.15">
      <c r="A65" s="8" t="s">
        <v>15</v>
      </c>
      <c r="B65" s="21">
        <v>323</v>
      </c>
      <c r="C65" s="6">
        <v>352</v>
      </c>
      <c r="D65" s="5">
        <v>675</v>
      </c>
    </row>
    <row r="66" spans="1:4" ht="18" customHeight="1" x14ac:dyDescent="0.15">
      <c r="A66" s="8">
        <v>50</v>
      </c>
      <c r="B66" s="21">
        <v>67</v>
      </c>
      <c r="C66" s="6">
        <v>76</v>
      </c>
      <c r="D66" s="5">
        <v>143</v>
      </c>
    </row>
    <row r="67" spans="1:4" ht="18" customHeight="1" x14ac:dyDescent="0.15">
      <c r="A67" s="8">
        <v>51</v>
      </c>
      <c r="B67" s="21">
        <v>102</v>
      </c>
      <c r="C67" s="6">
        <v>85</v>
      </c>
      <c r="D67" s="5">
        <v>187</v>
      </c>
    </row>
    <row r="68" spans="1:4" ht="18" customHeight="1" x14ac:dyDescent="0.15">
      <c r="A68" s="8">
        <v>52</v>
      </c>
      <c r="B68" s="21">
        <v>83</v>
      </c>
      <c r="C68" s="6">
        <v>97</v>
      </c>
      <c r="D68" s="5">
        <v>180</v>
      </c>
    </row>
    <row r="69" spans="1:4" ht="18" customHeight="1" x14ac:dyDescent="0.15">
      <c r="A69" s="8">
        <v>53</v>
      </c>
      <c r="B69" s="21">
        <v>88</v>
      </c>
      <c r="C69" s="6">
        <v>79</v>
      </c>
      <c r="D69" s="5">
        <v>167</v>
      </c>
    </row>
    <row r="70" spans="1:4" ht="18" customHeight="1" x14ac:dyDescent="0.15">
      <c r="A70" s="8">
        <v>54</v>
      </c>
      <c r="B70" s="21">
        <v>83</v>
      </c>
      <c r="C70" s="6">
        <v>70</v>
      </c>
      <c r="D70" s="5">
        <v>153</v>
      </c>
    </row>
    <row r="71" spans="1:4" ht="18" customHeight="1" x14ac:dyDescent="0.15">
      <c r="A71" s="8" t="s">
        <v>14</v>
      </c>
      <c r="B71" s="21">
        <v>423</v>
      </c>
      <c r="C71" s="6">
        <v>407</v>
      </c>
      <c r="D71" s="5">
        <v>830</v>
      </c>
    </row>
    <row r="72" spans="1:4" ht="18" customHeight="1" x14ac:dyDescent="0.15">
      <c r="A72" s="8">
        <v>55</v>
      </c>
      <c r="B72" s="21">
        <v>88</v>
      </c>
      <c r="C72" s="6">
        <v>87</v>
      </c>
      <c r="D72" s="5">
        <v>175</v>
      </c>
    </row>
    <row r="73" spans="1:4" ht="18" customHeight="1" x14ac:dyDescent="0.15">
      <c r="A73" s="8">
        <v>56</v>
      </c>
      <c r="B73" s="21">
        <v>94</v>
      </c>
      <c r="C73" s="6">
        <v>94</v>
      </c>
      <c r="D73" s="5">
        <v>188</v>
      </c>
    </row>
    <row r="74" spans="1:4" ht="18" customHeight="1" x14ac:dyDescent="0.15">
      <c r="A74" s="8">
        <v>57</v>
      </c>
      <c r="B74" s="21">
        <v>78</v>
      </c>
      <c r="C74" s="6">
        <v>85</v>
      </c>
      <c r="D74" s="5">
        <v>163</v>
      </c>
    </row>
    <row r="75" spans="1:4" ht="18" customHeight="1" x14ac:dyDescent="0.15">
      <c r="A75" s="8">
        <v>58</v>
      </c>
      <c r="B75" s="21">
        <v>77</v>
      </c>
      <c r="C75" s="6">
        <v>72</v>
      </c>
      <c r="D75" s="5">
        <v>149</v>
      </c>
    </row>
    <row r="76" spans="1:4" ht="18" customHeight="1" x14ac:dyDescent="0.15">
      <c r="A76" s="8">
        <v>59</v>
      </c>
      <c r="B76" s="21">
        <v>54</v>
      </c>
      <c r="C76" s="6">
        <v>56</v>
      </c>
      <c r="D76" s="5">
        <v>110</v>
      </c>
    </row>
    <row r="77" spans="1:4" ht="18" customHeight="1" x14ac:dyDescent="0.15">
      <c r="A77" s="8" t="s">
        <v>13</v>
      </c>
      <c r="B77" s="21">
        <v>391</v>
      </c>
      <c r="C77" s="6">
        <v>394</v>
      </c>
      <c r="D77" s="5">
        <v>785</v>
      </c>
    </row>
    <row r="78" spans="1:4" ht="18" customHeight="1" x14ac:dyDescent="0.15">
      <c r="A78" s="8">
        <v>60</v>
      </c>
      <c r="B78" s="21">
        <v>65</v>
      </c>
      <c r="C78" s="6">
        <v>77</v>
      </c>
      <c r="D78" s="5">
        <v>142</v>
      </c>
    </row>
    <row r="79" spans="1:4" ht="18" customHeight="1" x14ac:dyDescent="0.15">
      <c r="A79" s="8">
        <v>61</v>
      </c>
      <c r="B79" s="21">
        <v>52</v>
      </c>
      <c r="C79" s="6">
        <v>64</v>
      </c>
      <c r="D79" s="5">
        <v>116</v>
      </c>
    </row>
    <row r="80" spans="1:4" ht="18" customHeight="1" x14ac:dyDescent="0.15">
      <c r="A80" s="8">
        <v>62</v>
      </c>
      <c r="B80" s="21">
        <v>63</v>
      </c>
      <c r="C80" s="6">
        <v>58</v>
      </c>
      <c r="D80" s="5">
        <v>121</v>
      </c>
    </row>
    <row r="81" spans="1:4" ht="18" customHeight="1" x14ac:dyDescent="0.15">
      <c r="A81" s="8">
        <v>63</v>
      </c>
      <c r="B81" s="21">
        <v>48</v>
      </c>
      <c r="C81" s="6">
        <v>57</v>
      </c>
      <c r="D81" s="5">
        <v>105</v>
      </c>
    </row>
    <row r="82" spans="1:4" ht="18" customHeight="1" x14ac:dyDescent="0.15">
      <c r="A82" s="8">
        <v>64</v>
      </c>
      <c r="B82" s="21">
        <v>50</v>
      </c>
      <c r="C82" s="6">
        <v>60</v>
      </c>
      <c r="D82" s="5">
        <v>110</v>
      </c>
    </row>
    <row r="83" spans="1:4" ht="18" customHeight="1" x14ac:dyDescent="0.15">
      <c r="A83" s="8" t="s">
        <v>12</v>
      </c>
      <c r="B83" s="21">
        <v>278</v>
      </c>
      <c r="C83" s="6">
        <v>316</v>
      </c>
      <c r="D83" s="5">
        <v>594</v>
      </c>
    </row>
    <row r="84" spans="1:4" ht="18" customHeight="1" x14ac:dyDescent="0.15">
      <c r="A84" s="8" t="s">
        <v>11</v>
      </c>
      <c r="B84" s="21">
        <v>3110</v>
      </c>
      <c r="C84" s="6">
        <v>2881</v>
      </c>
      <c r="D84" s="5">
        <v>5991</v>
      </c>
    </row>
    <row r="85" spans="1:4" ht="18" customHeight="1" x14ac:dyDescent="0.15">
      <c r="A85" s="8">
        <v>65</v>
      </c>
      <c r="B85" s="21">
        <v>48</v>
      </c>
      <c r="C85" s="6">
        <v>54</v>
      </c>
      <c r="D85" s="5">
        <v>102</v>
      </c>
    </row>
    <row r="86" spans="1:4" ht="18" customHeight="1" x14ac:dyDescent="0.15">
      <c r="A86" s="8">
        <v>66</v>
      </c>
      <c r="B86" s="21">
        <v>47</v>
      </c>
      <c r="C86" s="6">
        <v>52</v>
      </c>
      <c r="D86" s="5">
        <v>99</v>
      </c>
    </row>
    <row r="87" spans="1:4" ht="18" customHeight="1" x14ac:dyDescent="0.15">
      <c r="A87" s="8">
        <v>67</v>
      </c>
      <c r="B87" s="21">
        <v>45</v>
      </c>
      <c r="C87" s="6">
        <v>37</v>
      </c>
      <c r="D87" s="5">
        <v>82</v>
      </c>
    </row>
    <row r="88" spans="1:4" ht="18" customHeight="1" x14ac:dyDescent="0.15">
      <c r="A88" s="8">
        <v>68</v>
      </c>
      <c r="B88" s="21">
        <v>38</v>
      </c>
      <c r="C88" s="6">
        <v>32</v>
      </c>
      <c r="D88" s="5">
        <v>70</v>
      </c>
    </row>
    <row r="89" spans="1:4" ht="18" customHeight="1" x14ac:dyDescent="0.15">
      <c r="A89" s="8">
        <v>69</v>
      </c>
      <c r="B89" s="21">
        <v>22</v>
      </c>
      <c r="C89" s="6">
        <v>39</v>
      </c>
      <c r="D89" s="5">
        <v>61</v>
      </c>
    </row>
    <row r="90" spans="1:4" ht="18" customHeight="1" x14ac:dyDescent="0.15">
      <c r="A90" s="8" t="s">
        <v>10</v>
      </c>
      <c r="B90" s="21">
        <v>200</v>
      </c>
      <c r="C90" s="6">
        <v>214</v>
      </c>
      <c r="D90" s="5">
        <v>414</v>
      </c>
    </row>
    <row r="91" spans="1:4" ht="18" customHeight="1" x14ac:dyDescent="0.15">
      <c r="A91" s="8">
        <v>70</v>
      </c>
      <c r="B91" s="21">
        <v>39</v>
      </c>
      <c r="C91" s="6">
        <v>29</v>
      </c>
      <c r="D91" s="5">
        <v>68</v>
      </c>
    </row>
    <row r="92" spans="1:4" ht="18" customHeight="1" x14ac:dyDescent="0.15">
      <c r="A92" s="8">
        <v>71</v>
      </c>
      <c r="B92" s="21">
        <v>40</v>
      </c>
      <c r="C92" s="6">
        <v>35</v>
      </c>
      <c r="D92" s="5">
        <v>75</v>
      </c>
    </row>
    <row r="93" spans="1:4" ht="18" customHeight="1" x14ac:dyDescent="0.15">
      <c r="A93" s="8">
        <v>72</v>
      </c>
      <c r="B93" s="21">
        <v>26</v>
      </c>
      <c r="C93" s="6">
        <v>43</v>
      </c>
      <c r="D93" s="5">
        <v>69</v>
      </c>
    </row>
    <row r="94" spans="1:4" ht="18" customHeight="1" x14ac:dyDescent="0.15">
      <c r="A94" s="8">
        <v>73</v>
      </c>
      <c r="B94" s="21">
        <v>31</v>
      </c>
      <c r="C94" s="6">
        <v>45</v>
      </c>
      <c r="D94" s="5">
        <v>76</v>
      </c>
    </row>
    <row r="95" spans="1:4" ht="18" customHeight="1" x14ac:dyDescent="0.15">
      <c r="A95" s="8">
        <v>74</v>
      </c>
      <c r="B95" s="21">
        <v>27</v>
      </c>
      <c r="C95" s="6">
        <v>32</v>
      </c>
      <c r="D95" s="5">
        <v>59</v>
      </c>
    </row>
    <row r="96" spans="1:4" ht="18" customHeight="1" x14ac:dyDescent="0.15">
      <c r="A96" s="8" t="s">
        <v>9</v>
      </c>
      <c r="B96" s="21">
        <v>163</v>
      </c>
      <c r="C96" s="6">
        <v>184</v>
      </c>
      <c r="D96" s="5">
        <v>347</v>
      </c>
    </row>
    <row r="97" spans="1:4" ht="18" customHeight="1" x14ac:dyDescent="0.15">
      <c r="A97" s="8">
        <v>75</v>
      </c>
      <c r="B97" s="21">
        <v>40</v>
      </c>
      <c r="C97" s="6">
        <v>32</v>
      </c>
      <c r="D97" s="5">
        <v>72</v>
      </c>
    </row>
    <row r="98" spans="1:4" ht="18" customHeight="1" x14ac:dyDescent="0.15">
      <c r="A98" s="8">
        <v>76</v>
      </c>
      <c r="B98" s="21">
        <v>40</v>
      </c>
      <c r="C98" s="6">
        <v>54</v>
      </c>
      <c r="D98" s="5">
        <v>94</v>
      </c>
    </row>
    <row r="99" spans="1:4" ht="18" customHeight="1" x14ac:dyDescent="0.15">
      <c r="A99" s="8">
        <v>77</v>
      </c>
      <c r="B99" s="21">
        <v>38</v>
      </c>
      <c r="C99" s="6">
        <v>57</v>
      </c>
      <c r="D99" s="5">
        <v>95</v>
      </c>
    </row>
    <row r="100" spans="1:4" ht="18" customHeight="1" x14ac:dyDescent="0.15">
      <c r="A100" s="8">
        <v>78</v>
      </c>
      <c r="B100" s="21">
        <v>36</v>
      </c>
      <c r="C100" s="6">
        <v>54</v>
      </c>
      <c r="D100" s="5">
        <v>90</v>
      </c>
    </row>
    <row r="101" spans="1:4" ht="18" customHeight="1" x14ac:dyDescent="0.15">
      <c r="A101" s="8">
        <v>79</v>
      </c>
      <c r="B101" s="21">
        <v>21</v>
      </c>
      <c r="C101" s="6">
        <v>27</v>
      </c>
      <c r="D101" s="5">
        <v>48</v>
      </c>
    </row>
    <row r="102" spans="1:4" ht="18" customHeight="1" x14ac:dyDescent="0.15">
      <c r="A102" s="8" t="s">
        <v>8</v>
      </c>
      <c r="B102" s="21">
        <v>175</v>
      </c>
      <c r="C102" s="6">
        <v>224</v>
      </c>
      <c r="D102" s="5">
        <v>399</v>
      </c>
    </row>
    <row r="103" spans="1:4" ht="18" customHeight="1" x14ac:dyDescent="0.15">
      <c r="A103" s="8">
        <v>80</v>
      </c>
      <c r="B103" s="21">
        <v>16</v>
      </c>
      <c r="C103" s="6">
        <v>24</v>
      </c>
      <c r="D103" s="5">
        <v>40</v>
      </c>
    </row>
    <row r="104" spans="1:4" ht="18" customHeight="1" x14ac:dyDescent="0.15">
      <c r="A104" s="8">
        <v>81</v>
      </c>
      <c r="B104" s="21">
        <v>26</v>
      </c>
      <c r="C104" s="6">
        <v>41</v>
      </c>
      <c r="D104" s="5">
        <v>67</v>
      </c>
    </row>
    <row r="105" spans="1:4" ht="18" customHeight="1" x14ac:dyDescent="0.15">
      <c r="A105" s="8">
        <v>82</v>
      </c>
      <c r="B105" s="21">
        <v>23</v>
      </c>
      <c r="C105" s="6">
        <v>40</v>
      </c>
      <c r="D105" s="5">
        <v>63</v>
      </c>
    </row>
    <row r="106" spans="1:4" ht="18" customHeight="1" x14ac:dyDescent="0.15">
      <c r="A106" s="8">
        <v>83</v>
      </c>
      <c r="B106" s="21">
        <v>15</v>
      </c>
      <c r="C106" s="6">
        <v>42</v>
      </c>
      <c r="D106" s="5">
        <v>57</v>
      </c>
    </row>
    <row r="107" spans="1:4" ht="18" customHeight="1" x14ac:dyDescent="0.15">
      <c r="A107" s="8">
        <v>84</v>
      </c>
      <c r="B107" s="21">
        <v>29</v>
      </c>
      <c r="C107" s="6">
        <v>44</v>
      </c>
      <c r="D107" s="5">
        <v>73</v>
      </c>
    </row>
    <row r="108" spans="1:4" ht="18" customHeight="1" x14ac:dyDescent="0.15">
      <c r="A108" s="8" t="s">
        <v>7</v>
      </c>
      <c r="B108" s="21">
        <v>109</v>
      </c>
      <c r="C108" s="6">
        <v>191</v>
      </c>
      <c r="D108" s="5">
        <v>300</v>
      </c>
    </row>
    <row r="109" spans="1:4" ht="18" customHeight="1" x14ac:dyDescent="0.15">
      <c r="A109" s="8">
        <v>85</v>
      </c>
      <c r="B109" s="21">
        <v>14</v>
      </c>
      <c r="C109" s="6">
        <v>23</v>
      </c>
      <c r="D109" s="5">
        <v>37</v>
      </c>
    </row>
    <row r="110" spans="1:4" ht="18" customHeight="1" x14ac:dyDescent="0.15">
      <c r="A110" s="8">
        <v>86</v>
      </c>
      <c r="B110" s="21">
        <v>17</v>
      </c>
      <c r="C110" s="6">
        <v>23</v>
      </c>
      <c r="D110" s="5">
        <v>40</v>
      </c>
    </row>
    <row r="111" spans="1:4" ht="18" customHeight="1" x14ac:dyDescent="0.15">
      <c r="A111" s="8">
        <v>87</v>
      </c>
      <c r="B111" s="21">
        <v>16</v>
      </c>
      <c r="C111" s="6">
        <v>16</v>
      </c>
      <c r="D111" s="5">
        <v>32</v>
      </c>
    </row>
    <row r="112" spans="1:4" ht="18" customHeight="1" x14ac:dyDescent="0.15">
      <c r="A112" s="8">
        <v>88</v>
      </c>
      <c r="B112" s="21">
        <v>18</v>
      </c>
      <c r="C112" s="6">
        <v>20</v>
      </c>
      <c r="D112" s="5">
        <v>38</v>
      </c>
    </row>
    <row r="113" spans="1:4" ht="18" customHeight="1" x14ac:dyDescent="0.15">
      <c r="A113" s="8">
        <v>89</v>
      </c>
      <c r="B113" s="21">
        <v>9</v>
      </c>
      <c r="C113" s="6">
        <v>23</v>
      </c>
      <c r="D113" s="5">
        <v>32</v>
      </c>
    </row>
    <row r="114" spans="1:4" ht="18" customHeight="1" x14ac:dyDescent="0.15">
      <c r="A114" s="8" t="s">
        <v>6</v>
      </c>
      <c r="B114" s="21">
        <v>74</v>
      </c>
      <c r="C114" s="6">
        <v>105</v>
      </c>
      <c r="D114" s="5">
        <v>179</v>
      </c>
    </row>
    <row r="115" spans="1:4" ht="18" customHeight="1" x14ac:dyDescent="0.15">
      <c r="A115" s="8">
        <v>90</v>
      </c>
      <c r="B115" s="21">
        <v>12</v>
      </c>
      <c r="C115" s="6">
        <v>21</v>
      </c>
      <c r="D115" s="5">
        <v>33</v>
      </c>
    </row>
    <row r="116" spans="1:4" ht="18" customHeight="1" x14ac:dyDescent="0.15">
      <c r="A116" s="8">
        <v>91</v>
      </c>
      <c r="B116" s="21">
        <v>6</v>
      </c>
      <c r="C116" s="6">
        <v>15</v>
      </c>
      <c r="D116" s="5">
        <v>21</v>
      </c>
    </row>
    <row r="117" spans="1:4" ht="18" customHeight="1" x14ac:dyDescent="0.15">
      <c r="A117" s="8">
        <v>92</v>
      </c>
      <c r="B117" s="21">
        <v>7</v>
      </c>
      <c r="C117" s="6">
        <v>15</v>
      </c>
      <c r="D117" s="5">
        <v>22</v>
      </c>
    </row>
    <row r="118" spans="1:4" ht="18" customHeight="1" x14ac:dyDescent="0.15">
      <c r="A118" s="8">
        <v>93</v>
      </c>
      <c r="B118" s="21">
        <v>6</v>
      </c>
      <c r="C118" s="6">
        <v>13</v>
      </c>
      <c r="D118" s="5">
        <v>19</v>
      </c>
    </row>
    <row r="119" spans="1:4" ht="18" customHeight="1" x14ac:dyDescent="0.15">
      <c r="A119" s="8">
        <v>94</v>
      </c>
      <c r="B119" s="21">
        <v>2</v>
      </c>
      <c r="C119" s="6">
        <v>9</v>
      </c>
      <c r="D119" s="5">
        <v>11</v>
      </c>
    </row>
    <row r="120" spans="1:4" ht="18" customHeight="1" x14ac:dyDescent="0.15">
      <c r="A120" s="8" t="s">
        <v>5</v>
      </c>
      <c r="B120" s="21">
        <v>33</v>
      </c>
      <c r="C120" s="6">
        <v>73</v>
      </c>
      <c r="D120" s="5">
        <v>106</v>
      </c>
    </row>
    <row r="121" spans="1:4" ht="18" customHeight="1" x14ac:dyDescent="0.15">
      <c r="A121" s="8">
        <v>95</v>
      </c>
      <c r="B121" s="21">
        <v>3</v>
      </c>
      <c r="C121" s="6">
        <v>11</v>
      </c>
      <c r="D121" s="5">
        <v>14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8</v>
      </c>
      <c r="C126" s="6">
        <v>23</v>
      </c>
      <c r="D126" s="5">
        <v>3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763</v>
      </c>
      <c r="C130" s="6">
        <v>1017</v>
      </c>
      <c r="D130" s="5">
        <v>1780</v>
      </c>
    </row>
    <row r="131" spans="1:4" ht="18" customHeight="1" x14ac:dyDescent="0.15">
      <c r="A131" s="4" t="s">
        <v>0</v>
      </c>
      <c r="B131" s="20">
        <v>4397</v>
      </c>
      <c r="C131" s="2">
        <v>4403</v>
      </c>
      <c r="D131" s="1">
        <v>88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A43E52-174E-45F8-83FE-4BCE94C7DB0A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7" t="s">
        <v>30</v>
      </c>
      <c r="C3" s="47"/>
      <c r="D3" s="47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5</v>
      </c>
      <c r="C5" s="11">
        <v>45</v>
      </c>
      <c r="D5" s="10">
        <v>100</v>
      </c>
    </row>
    <row r="6" spans="1:4" ht="18" customHeight="1" x14ac:dyDescent="0.15">
      <c r="A6" s="8">
        <v>1</v>
      </c>
      <c r="B6" s="21">
        <v>36</v>
      </c>
      <c r="C6" s="6">
        <v>32</v>
      </c>
      <c r="D6" s="5">
        <v>68</v>
      </c>
    </row>
    <row r="7" spans="1:4" ht="18" customHeight="1" x14ac:dyDescent="0.15">
      <c r="A7" s="8">
        <v>2</v>
      </c>
      <c r="B7" s="21">
        <v>33</v>
      </c>
      <c r="C7" s="6">
        <v>32</v>
      </c>
      <c r="D7" s="5">
        <v>65</v>
      </c>
    </row>
    <row r="8" spans="1:4" ht="18" customHeight="1" x14ac:dyDescent="0.15">
      <c r="A8" s="8">
        <v>3</v>
      </c>
      <c r="B8" s="21">
        <v>40</v>
      </c>
      <c r="C8" s="6">
        <v>36</v>
      </c>
      <c r="D8" s="5">
        <v>76</v>
      </c>
    </row>
    <row r="9" spans="1:4" ht="18" customHeight="1" x14ac:dyDescent="0.15">
      <c r="A9" s="8">
        <v>4</v>
      </c>
      <c r="B9" s="21">
        <v>32</v>
      </c>
      <c r="C9" s="6">
        <v>48</v>
      </c>
      <c r="D9" s="5">
        <v>80</v>
      </c>
    </row>
    <row r="10" spans="1:4" ht="18" customHeight="1" x14ac:dyDescent="0.15">
      <c r="A10" s="8" t="s">
        <v>25</v>
      </c>
      <c r="B10" s="21">
        <v>196</v>
      </c>
      <c r="C10" s="6">
        <v>193</v>
      </c>
      <c r="D10" s="5">
        <v>389</v>
      </c>
    </row>
    <row r="11" spans="1:4" ht="18" customHeight="1" x14ac:dyDescent="0.15">
      <c r="A11" s="8">
        <v>5</v>
      </c>
      <c r="B11" s="21">
        <v>30</v>
      </c>
      <c r="C11" s="6">
        <v>47</v>
      </c>
      <c r="D11" s="5">
        <v>77</v>
      </c>
    </row>
    <row r="12" spans="1:4" ht="18" customHeight="1" x14ac:dyDescent="0.15">
      <c r="A12" s="8">
        <v>6</v>
      </c>
      <c r="B12" s="21">
        <v>48</v>
      </c>
      <c r="C12" s="6">
        <v>40</v>
      </c>
      <c r="D12" s="5">
        <v>88</v>
      </c>
    </row>
    <row r="13" spans="1:4" ht="18" customHeight="1" x14ac:dyDescent="0.15">
      <c r="A13" s="8">
        <v>7</v>
      </c>
      <c r="B13" s="21">
        <v>58</v>
      </c>
      <c r="C13" s="6">
        <v>40</v>
      </c>
      <c r="D13" s="5">
        <v>98</v>
      </c>
    </row>
    <row r="14" spans="1:4" ht="18" customHeight="1" x14ac:dyDescent="0.15">
      <c r="A14" s="8">
        <v>8</v>
      </c>
      <c r="B14" s="21">
        <v>42</v>
      </c>
      <c r="C14" s="6">
        <v>50</v>
      </c>
      <c r="D14" s="5">
        <v>92</v>
      </c>
    </row>
    <row r="15" spans="1:4" ht="18" customHeight="1" x14ac:dyDescent="0.15">
      <c r="A15" s="8">
        <v>9</v>
      </c>
      <c r="B15" s="21">
        <v>63</v>
      </c>
      <c r="C15" s="6">
        <v>52</v>
      </c>
      <c r="D15" s="5">
        <v>115</v>
      </c>
    </row>
    <row r="16" spans="1:4" ht="18" customHeight="1" x14ac:dyDescent="0.15">
      <c r="A16" s="8" t="s">
        <v>24</v>
      </c>
      <c r="B16" s="21">
        <v>241</v>
      </c>
      <c r="C16" s="6">
        <v>229</v>
      </c>
      <c r="D16" s="5">
        <v>470</v>
      </c>
    </row>
    <row r="17" spans="1:4" ht="18" customHeight="1" x14ac:dyDescent="0.15">
      <c r="A17" s="8">
        <v>10</v>
      </c>
      <c r="B17" s="21">
        <v>60</v>
      </c>
      <c r="C17" s="6">
        <v>46</v>
      </c>
      <c r="D17" s="5">
        <v>106</v>
      </c>
    </row>
    <row r="18" spans="1:4" ht="18" customHeight="1" x14ac:dyDescent="0.15">
      <c r="A18" s="8">
        <v>11</v>
      </c>
      <c r="B18" s="21">
        <v>47</v>
      </c>
      <c r="C18" s="6">
        <v>46</v>
      </c>
      <c r="D18" s="5">
        <v>93</v>
      </c>
    </row>
    <row r="19" spans="1:4" ht="18" customHeight="1" x14ac:dyDescent="0.15">
      <c r="A19" s="8">
        <v>12</v>
      </c>
      <c r="B19" s="21">
        <v>59</v>
      </c>
      <c r="C19" s="6">
        <v>56</v>
      </c>
      <c r="D19" s="5">
        <v>115</v>
      </c>
    </row>
    <row r="20" spans="1:4" ht="18" customHeight="1" x14ac:dyDescent="0.15">
      <c r="A20" s="8">
        <v>13</v>
      </c>
      <c r="B20" s="21">
        <v>50</v>
      </c>
      <c r="C20" s="6">
        <v>53</v>
      </c>
      <c r="D20" s="5">
        <v>103</v>
      </c>
    </row>
    <row r="21" spans="1:4" ht="18" customHeight="1" x14ac:dyDescent="0.15">
      <c r="A21" s="8">
        <v>14</v>
      </c>
      <c r="B21" s="21">
        <v>59</v>
      </c>
      <c r="C21" s="6">
        <v>45</v>
      </c>
      <c r="D21" s="5">
        <v>104</v>
      </c>
    </row>
    <row r="22" spans="1:4" ht="18" customHeight="1" x14ac:dyDescent="0.15">
      <c r="A22" s="8" t="s">
        <v>23</v>
      </c>
      <c r="B22" s="21">
        <v>275</v>
      </c>
      <c r="C22" s="6">
        <v>246</v>
      </c>
      <c r="D22" s="5">
        <v>521</v>
      </c>
    </row>
    <row r="23" spans="1:4" ht="18" customHeight="1" x14ac:dyDescent="0.15">
      <c r="A23" s="8" t="s">
        <v>22</v>
      </c>
      <c r="B23" s="21">
        <v>712</v>
      </c>
      <c r="C23" s="6">
        <v>668</v>
      </c>
      <c r="D23" s="5">
        <v>1380</v>
      </c>
    </row>
    <row r="24" spans="1:4" ht="18" customHeight="1" x14ac:dyDescent="0.15">
      <c r="A24" s="8">
        <v>15</v>
      </c>
      <c r="B24" s="21">
        <v>48</v>
      </c>
      <c r="C24" s="6">
        <v>41</v>
      </c>
      <c r="D24" s="5">
        <v>89</v>
      </c>
    </row>
    <row r="25" spans="1:4" ht="18" customHeight="1" x14ac:dyDescent="0.15">
      <c r="A25" s="8">
        <v>16</v>
      </c>
      <c r="B25" s="21">
        <v>62</v>
      </c>
      <c r="C25" s="6">
        <v>56</v>
      </c>
      <c r="D25" s="5">
        <v>118</v>
      </c>
    </row>
    <row r="26" spans="1:4" ht="18" customHeight="1" x14ac:dyDescent="0.15">
      <c r="A26" s="8">
        <v>17</v>
      </c>
      <c r="B26" s="21">
        <v>59</v>
      </c>
      <c r="C26" s="6">
        <v>58</v>
      </c>
      <c r="D26" s="5">
        <v>117</v>
      </c>
    </row>
    <row r="27" spans="1:4" ht="18" customHeight="1" x14ac:dyDescent="0.15">
      <c r="A27" s="8">
        <v>18</v>
      </c>
      <c r="B27" s="21">
        <v>57</v>
      </c>
      <c r="C27" s="6">
        <v>42</v>
      </c>
      <c r="D27" s="5">
        <v>99</v>
      </c>
    </row>
    <row r="28" spans="1:4" ht="18" customHeight="1" x14ac:dyDescent="0.15">
      <c r="A28" s="8">
        <v>19</v>
      </c>
      <c r="B28" s="21">
        <v>66</v>
      </c>
      <c r="C28" s="6">
        <v>50</v>
      </c>
      <c r="D28" s="5">
        <v>116</v>
      </c>
    </row>
    <row r="29" spans="1:4" ht="18" customHeight="1" x14ac:dyDescent="0.15">
      <c r="A29" s="8" t="s">
        <v>21</v>
      </c>
      <c r="B29" s="21">
        <v>292</v>
      </c>
      <c r="C29" s="6">
        <v>247</v>
      </c>
      <c r="D29" s="5">
        <v>539</v>
      </c>
    </row>
    <row r="30" spans="1:4" ht="18" customHeight="1" x14ac:dyDescent="0.15">
      <c r="A30" s="8">
        <v>20</v>
      </c>
      <c r="B30" s="21">
        <v>62</v>
      </c>
      <c r="C30" s="6">
        <v>50</v>
      </c>
      <c r="D30" s="5">
        <v>112</v>
      </c>
    </row>
    <row r="31" spans="1:4" ht="18" customHeight="1" x14ac:dyDescent="0.15">
      <c r="A31" s="8">
        <v>21</v>
      </c>
      <c r="B31" s="21">
        <v>69</v>
      </c>
      <c r="C31" s="6">
        <v>73</v>
      </c>
      <c r="D31" s="5">
        <v>142</v>
      </c>
    </row>
    <row r="32" spans="1:4" ht="18" customHeight="1" x14ac:dyDescent="0.15">
      <c r="A32" s="8">
        <v>22</v>
      </c>
      <c r="B32" s="21">
        <v>72</v>
      </c>
      <c r="C32" s="6">
        <v>54</v>
      </c>
      <c r="D32" s="5">
        <v>126</v>
      </c>
    </row>
    <row r="33" spans="1:4" ht="18" customHeight="1" x14ac:dyDescent="0.15">
      <c r="A33" s="8">
        <v>23</v>
      </c>
      <c r="B33" s="21">
        <v>76</v>
      </c>
      <c r="C33" s="6">
        <v>62</v>
      </c>
      <c r="D33" s="5">
        <v>138</v>
      </c>
    </row>
    <row r="34" spans="1:4" ht="18" customHeight="1" x14ac:dyDescent="0.15">
      <c r="A34" s="8">
        <v>24</v>
      </c>
      <c r="B34" s="21">
        <v>79</v>
      </c>
      <c r="C34" s="6">
        <v>75</v>
      </c>
      <c r="D34" s="5">
        <v>154</v>
      </c>
    </row>
    <row r="35" spans="1:4" ht="18" customHeight="1" x14ac:dyDescent="0.15">
      <c r="A35" s="8" t="s">
        <v>20</v>
      </c>
      <c r="B35" s="21">
        <v>358</v>
      </c>
      <c r="C35" s="6">
        <v>314</v>
      </c>
      <c r="D35" s="5">
        <v>672</v>
      </c>
    </row>
    <row r="36" spans="1:4" ht="18" customHeight="1" x14ac:dyDescent="0.15">
      <c r="A36" s="8">
        <v>25</v>
      </c>
      <c r="B36" s="21">
        <v>106</v>
      </c>
      <c r="C36" s="6">
        <v>63</v>
      </c>
      <c r="D36" s="5">
        <v>169</v>
      </c>
    </row>
    <row r="37" spans="1:4" ht="18" customHeight="1" x14ac:dyDescent="0.15">
      <c r="A37" s="8">
        <v>26</v>
      </c>
      <c r="B37" s="21">
        <v>78</v>
      </c>
      <c r="C37" s="6">
        <v>88</v>
      </c>
      <c r="D37" s="5">
        <v>166</v>
      </c>
    </row>
    <row r="38" spans="1:4" ht="18" customHeight="1" x14ac:dyDescent="0.15">
      <c r="A38" s="8">
        <v>27</v>
      </c>
      <c r="B38" s="21">
        <v>100</v>
      </c>
      <c r="C38" s="6">
        <v>82</v>
      </c>
      <c r="D38" s="5">
        <v>182</v>
      </c>
    </row>
    <row r="39" spans="1:4" ht="18" customHeight="1" x14ac:dyDescent="0.15">
      <c r="A39" s="8">
        <v>28</v>
      </c>
      <c r="B39" s="21">
        <v>102</v>
      </c>
      <c r="C39" s="6">
        <v>81</v>
      </c>
      <c r="D39" s="5">
        <v>183</v>
      </c>
    </row>
    <row r="40" spans="1:4" ht="18" customHeight="1" x14ac:dyDescent="0.15">
      <c r="A40" s="8">
        <v>29</v>
      </c>
      <c r="B40" s="21">
        <v>91</v>
      </c>
      <c r="C40" s="6">
        <v>98</v>
      </c>
      <c r="D40" s="5">
        <v>189</v>
      </c>
    </row>
    <row r="41" spans="1:4" ht="18" customHeight="1" x14ac:dyDescent="0.15">
      <c r="A41" s="8" t="s">
        <v>19</v>
      </c>
      <c r="B41" s="21">
        <v>477</v>
      </c>
      <c r="C41" s="6">
        <v>412</v>
      </c>
      <c r="D41" s="5">
        <v>889</v>
      </c>
    </row>
    <row r="42" spans="1:4" ht="18" customHeight="1" x14ac:dyDescent="0.15">
      <c r="A42" s="8">
        <v>30</v>
      </c>
      <c r="B42" s="21">
        <v>88</v>
      </c>
      <c r="C42" s="6">
        <v>72</v>
      </c>
      <c r="D42" s="5">
        <v>160</v>
      </c>
    </row>
    <row r="43" spans="1:4" ht="18" customHeight="1" x14ac:dyDescent="0.15">
      <c r="A43" s="8">
        <v>31</v>
      </c>
      <c r="B43" s="21">
        <v>82</v>
      </c>
      <c r="C43" s="6">
        <v>66</v>
      </c>
      <c r="D43" s="5">
        <v>148</v>
      </c>
    </row>
    <row r="44" spans="1:4" ht="18" customHeight="1" x14ac:dyDescent="0.15">
      <c r="A44" s="8">
        <v>32</v>
      </c>
      <c r="B44" s="21">
        <v>72</v>
      </c>
      <c r="C44" s="6">
        <v>67</v>
      </c>
      <c r="D44" s="5">
        <v>139</v>
      </c>
    </row>
    <row r="45" spans="1:4" ht="18" customHeight="1" x14ac:dyDescent="0.15">
      <c r="A45" s="8">
        <v>33</v>
      </c>
      <c r="B45" s="21">
        <v>73</v>
      </c>
      <c r="C45" s="6">
        <v>69</v>
      </c>
      <c r="D45" s="5">
        <v>142</v>
      </c>
    </row>
    <row r="46" spans="1:4" ht="18" customHeight="1" x14ac:dyDescent="0.15">
      <c r="A46" s="8">
        <v>34</v>
      </c>
      <c r="B46" s="21">
        <v>76</v>
      </c>
      <c r="C46" s="6">
        <v>60</v>
      </c>
      <c r="D46" s="5">
        <v>136</v>
      </c>
    </row>
    <row r="47" spans="1:4" ht="18" customHeight="1" x14ac:dyDescent="0.15">
      <c r="A47" s="8" t="s">
        <v>18</v>
      </c>
      <c r="B47" s="21">
        <v>391</v>
      </c>
      <c r="C47" s="6">
        <v>334</v>
      </c>
      <c r="D47" s="5">
        <v>725</v>
      </c>
    </row>
    <row r="48" spans="1:4" ht="18" customHeight="1" x14ac:dyDescent="0.15">
      <c r="A48" s="8">
        <v>35</v>
      </c>
      <c r="B48" s="21">
        <v>92</v>
      </c>
      <c r="C48" s="6">
        <v>60</v>
      </c>
      <c r="D48" s="5">
        <v>152</v>
      </c>
    </row>
    <row r="49" spans="1:4" ht="18" customHeight="1" x14ac:dyDescent="0.15">
      <c r="A49" s="8">
        <v>36</v>
      </c>
      <c r="B49" s="21">
        <v>70</v>
      </c>
      <c r="C49" s="6">
        <v>40</v>
      </c>
      <c r="D49" s="5">
        <v>110</v>
      </c>
    </row>
    <row r="50" spans="1:4" ht="18" customHeight="1" x14ac:dyDescent="0.15">
      <c r="A50" s="8">
        <v>37</v>
      </c>
      <c r="B50" s="21">
        <v>69</v>
      </c>
      <c r="C50" s="6">
        <v>59</v>
      </c>
      <c r="D50" s="5">
        <v>128</v>
      </c>
    </row>
    <row r="51" spans="1:4" ht="18" customHeight="1" x14ac:dyDescent="0.15">
      <c r="A51" s="8">
        <v>38</v>
      </c>
      <c r="B51" s="21">
        <v>70</v>
      </c>
      <c r="C51" s="6">
        <v>67</v>
      </c>
      <c r="D51" s="5">
        <v>137</v>
      </c>
    </row>
    <row r="52" spans="1:4" ht="18" customHeight="1" x14ac:dyDescent="0.15">
      <c r="A52" s="8">
        <v>39</v>
      </c>
      <c r="B52" s="21">
        <v>75</v>
      </c>
      <c r="C52" s="6">
        <v>82</v>
      </c>
      <c r="D52" s="5">
        <v>157</v>
      </c>
    </row>
    <row r="53" spans="1:4" ht="18" customHeight="1" x14ac:dyDescent="0.15">
      <c r="A53" s="8" t="s">
        <v>17</v>
      </c>
      <c r="B53" s="21">
        <v>376</v>
      </c>
      <c r="C53" s="6">
        <v>308</v>
      </c>
      <c r="D53" s="5">
        <v>684</v>
      </c>
    </row>
    <row r="54" spans="1:4" ht="18" customHeight="1" x14ac:dyDescent="0.15">
      <c r="A54" s="8">
        <v>40</v>
      </c>
      <c r="B54" s="21">
        <v>86</v>
      </c>
      <c r="C54" s="6">
        <v>70</v>
      </c>
      <c r="D54" s="5">
        <v>156</v>
      </c>
    </row>
    <row r="55" spans="1:4" ht="18" customHeight="1" x14ac:dyDescent="0.15">
      <c r="A55" s="8">
        <v>41</v>
      </c>
      <c r="B55" s="21">
        <v>93</v>
      </c>
      <c r="C55" s="6">
        <v>91</v>
      </c>
      <c r="D55" s="5">
        <v>184</v>
      </c>
    </row>
    <row r="56" spans="1:4" ht="18" customHeight="1" x14ac:dyDescent="0.15">
      <c r="A56" s="8">
        <v>42</v>
      </c>
      <c r="B56" s="21">
        <v>69</v>
      </c>
      <c r="C56" s="6">
        <v>72</v>
      </c>
      <c r="D56" s="5">
        <v>141</v>
      </c>
    </row>
    <row r="57" spans="1:4" ht="18" customHeight="1" x14ac:dyDescent="0.15">
      <c r="A57" s="8">
        <v>43</v>
      </c>
      <c r="B57" s="21">
        <v>75</v>
      </c>
      <c r="C57" s="6">
        <v>70</v>
      </c>
      <c r="D57" s="5">
        <v>145</v>
      </c>
    </row>
    <row r="58" spans="1:4" ht="18" customHeight="1" x14ac:dyDescent="0.15">
      <c r="A58" s="8">
        <v>44</v>
      </c>
      <c r="B58" s="21">
        <v>81</v>
      </c>
      <c r="C58" s="6">
        <v>68</v>
      </c>
      <c r="D58" s="5">
        <v>149</v>
      </c>
    </row>
    <row r="59" spans="1:4" ht="18" customHeight="1" x14ac:dyDescent="0.15">
      <c r="A59" s="8" t="s">
        <v>16</v>
      </c>
      <c r="B59" s="21">
        <v>404</v>
      </c>
      <c r="C59" s="6">
        <v>371</v>
      </c>
      <c r="D59" s="5">
        <v>775</v>
      </c>
    </row>
    <row r="60" spans="1:4" ht="18" customHeight="1" x14ac:dyDescent="0.15">
      <c r="A60" s="8">
        <v>45</v>
      </c>
      <c r="B60" s="21">
        <v>77</v>
      </c>
      <c r="C60" s="6">
        <v>64</v>
      </c>
      <c r="D60" s="5">
        <v>141</v>
      </c>
    </row>
    <row r="61" spans="1:4" ht="18" customHeight="1" x14ac:dyDescent="0.15">
      <c r="A61" s="8">
        <v>46</v>
      </c>
      <c r="B61" s="21">
        <v>94</v>
      </c>
      <c r="C61" s="6">
        <v>76</v>
      </c>
      <c r="D61" s="5">
        <v>170</v>
      </c>
    </row>
    <row r="62" spans="1:4" ht="18" customHeight="1" x14ac:dyDescent="0.15">
      <c r="A62" s="8">
        <v>47</v>
      </c>
      <c r="B62" s="21">
        <v>107</v>
      </c>
      <c r="C62" s="6">
        <v>85</v>
      </c>
      <c r="D62" s="5">
        <v>192</v>
      </c>
    </row>
    <row r="63" spans="1:4" ht="18" customHeight="1" x14ac:dyDescent="0.15">
      <c r="A63" s="8">
        <v>48</v>
      </c>
      <c r="B63" s="21">
        <v>112</v>
      </c>
      <c r="C63" s="6">
        <v>96</v>
      </c>
      <c r="D63" s="5">
        <v>208</v>
      </c>
    </row>
    <row r="64" spans="1:4" ht="18" customHeight="1" x14ac:dyDescent="0.15">
      <c r="A64" s="8">
        <v>49</v>
      </c>
      <c r="B64" s="21">
        <v>77</v>
      </c>
      <c r="C64" s="6">
        <v>98</v>
      </c>
      <c r="D64" s="5">
        <v>175</v>
      </c>
    </row>
    <row r="65" spans="1:4" ht="18" customHeight="1" x14ac:dyDescent="0.15">
      <c r="A65" s="8" t="s">
        <v>15</v>
      </c>
      <c r="B65" s="21">
        <v>467</v>
      </c>
      <c r="C65" s="6">
        <v>419</v>
      </c>
      <c r="D65" s="5">
        <v>886</v>
      </c>
    </row>
    <row r="66" spans="1:4" ht="18" customHeight="1" x14ac:dyDescent="0.15">
      <c r="A66" s="8">
        <v>50</v>
      </c>
      <c r="B66" s="21">
        <v>107</v>
      </c>
      <c r="C66" s="6">
        <v>124</v>
      </c>
      <c r="D66" s="5">
        <v>231</v>
      </c>
    </row>
    <row r="67" spans="1:4" ht="18" customHeight="1" x14ac:dyDescent="0.15">
      <c r="A67" s="8">
        <v>51</v>
      </c>
      <c r="B67" s="21">
        <v>124</v>
      </c>
      <c r="C67" s="6">
        <v>104</v>
      </c>
      <c r="D67" s="5">
        <v>228</v>
      </c>
    </row>
    <row r="68" spans="1:4" ht="18" customHeight="1" x14ac:dyDescent="0.15">
      <c r="A68" s="8">
        <v>52</v>
      </c>
      <c r="B68" s="21">
        <v>114</v>
      </c>
      <c r="C68" s="6">
        <v>104</v>
      </c>
      <c r="D68" s="5">
        <v>218</v>
      </c>
    </row>
    <row r="69" spans="1:4" ht="18" customHeight="1" x14ac:dyDescent="0.15">
      <c r="A69" s="8">
        <v>53</v>
      </c>
      <c r="B69" s="21">
        <v>101</v>
      </c>
      <c r="C69" s="6">
        <v>91</v>
      </c>
      <c r="D69" s="5">
        <v>192</v>
      </c>
    </row>
    <row r="70" spans="1:4" ht="18" customHeight="1" x14ac:dyDescent="0.15">
      <c r="A70" s="8">
        <v>54</v>
      </c>
      <c r="B70" s="21">
        <v>124</v>
      </c>
      <c r="C70" s="6">
        <v>110</v>
      </c>
      <c r="D70" s="5">
        <v>234</v>
      </c>
    </row>
    <row r="71" spans="1:4" ht="18" customHeight="1" x14ac:dyDescent="0.15">
      <c r="A71" s="8" t="s">
        <v>14</v>
      </c>
      <c r="B71" s="21">
        <v>570</v>
      </c>
      <c r="C71" s="6">
        <v>533</v>
      </c>
      <c r="D71" s="5">
        <v>1103</v>
      </c>
    </row>
    <row r="72" spans="1:4" ht="18" customHeight="1" x14ac:dyDescent="0.15">
      <c r="A72" s="8">
        <v>55</v>
      </c>
      <c r="B72" s="21">
        <v>100</v>
      </c>
      <c r="C72" s="6">
        <v>111</v>
      </c>
      <c r="D72" s="5">
        <v>211</v>
      </c>
    </row>
    <row r="73" spans="1:4" ht="18" customHeight="1" x14ac:dyDescent="0.15">
      <c r="A73" s="8">
        <v>56</v>
      </c>
      <c r="B73" s="21">
        <v>99</v>
      </c>
      <c r="C73" s="6">
        <v>116</v>
      </c>
      <c r="D73" s="5">
        <v>215</v>
      </c>
    </row>
    <row r="74" spans="1:4" ht="18" customHeight="1" x14ac:dyDescent="0.15">
      <c r="A74" s="8">
        <v>57</v>
      </c>
      <c r="B74" s="21">
        <v>82</v>
      </c>
      <c r="C74" s="6">
        <v>86</v>
      </c>
      <c r="D74" s="5">
        <v>168</v>
      </c>
    </row>
    <row r="75" spans="1:4" ht="18" customHeight="1" x14ac:dyDescent="0.15">
      <c r="A75" s="8">
        <v>58</v>
      </c>
      <c r="B75" s="21">
        <v>79</v>
      </c>
      <c r="C75" s="6">
        <v>97</v>
      </c>
      <c r="D75" s="5">
        <v>176</v>
      </c>
    </row>
    <row r="76" spans="1:4" ht="18" customHeight="1" x14ac:dyDescent="0.15">
      <c r="A76" s="8">
        <v>59</v>
      </c>
      <c r="B76" s="21">
        <v>67</v>
      </c>
      <c r="C76" s="6">
        <v>54</v>
      </c>
      <c r="D76" s="5">
        <v>121</v>
      </c>
    </row>
    <row r="77" spans="1:4" ht="18" customHeight="1" x14ac:dyDescent="0.15">
      <c r="A77" s="8" t="s">
        <v>13</v>
      </c>
      <c r="B77" s="21">
        <v>427</v>
      </c>
      <c r="C77" s="6">
        <v>464</v>
      </c>
      <c r="D77" s="5">
        <v>891</v>
      </c>
    </row>
    <row r="78" spans="1:4" ht="18" customHeight="1" x14ac:dyDescent="0.15">
      <c r="A78" s="8">
        <v>60</v>
      </c>
      <c r="B78" s="21">
        <v>91</v>
      </c>
      <c r="C78" s="6">
        <v>78</v>
      </c>
      <c r="D78" s="5">
        <v>169</v>
      </c>
    </row>
    <row r="79" spans="1:4" ht="18" customHeight="1" x14ac:dyDescent="0.15">
      <c r="A79" s="8">
        <v>61</v>
      </c>
      <c r="B79" s="21">
        <v>80</v>
      </c>
      <c r="C79" s="6">
        <v>66</v>
      </c>
      <c r="D79" s="5">
        <v>146</v>
      </c>
    </row>
    <row r="80" spans="1:4" ht="18" customHeight="1" x14ac:dyDescent="0.15">
      <c r="A80" s="8">
        <v>62</v>
      </c>
      <c r="B80" s="21">
        <v>69</v>
      </c>
      <c r="C80" s="6">
        <v>69</v>
      </c>
      <c r="D80" s="5">
        <v>138</v>
      </c>
    </row>
    <row r="81" spans="1:4" ht="18" customHeight="1" x14ac:dyDescent="0.15">
      <c r="A81" s="8">
        <v>63</v>
      </c>
      <c r="B81" s="21">
        <v>65</v>
      </c>
      <c r="C81" s="6">
        <v>71</v>
      </c>
      <c r="D81" s="5">
        <v>136</v>
      </c>
    </row>
    <row r="82" spans="1:4" ht="18" customHeight="1" x14ac:dyDescent="0.15">
      <c r="A82" s="8">
        <v>64</v>
      </c>
      <c r="B82" s="21">
        <v>66</v>
      </c>
      <c r="C82" s="6">
        <v>63</v>
      </c>
      <c r="D82" s="5">
        <v>129</v>
      </c>
    </row>
    <row r="83" spans="1:4" ht="18" customHeight="1" x14ac:dyDescent="0.15">
      <c r="A83" s="8" t="s">
        <v>12</v>
      </c>
      <c r="B83" s="21">
        <v>371</v>
      </c>
      <c r="C83" s="6">
        <v>347</v>
      </c>
      <c r="D83" s="5">
        <v>718</v>
      </c>
    </row>
    <row r="84" spans="1:4" ht="18" customHeight="1" x14ac:dyDescent="0.15">
      <c r="A84" s="8" t="s">
        <v>11</v>
      </c>
      <c r="B84" s="21">
        <v>4133</v>
      </c>
      <c r="C84" s="6">
        <v>3749</v>
      </c>
      <c r="D84" s="5">
        <v>7882</v>
      </c>
    </row>
    <row r="85" spans="1:4" ht="18" customHeight="1" x14ac:dyDescent="0.15">
      <c r="A85" s="8">
        <v>65</v>
      </c>
      <c r="B85" s="21">
        <v>78</v>
      </c>
      <c r="C85" s="6">
        <v>84</v>
      </c>
      <c r="D85" s="5">
        <v>162</v>
      </c>
    </row>
    <row r="86" spans="1:4" ht="18" customHeight="1" x14ac:dyDescent="0.15">
      <c r="A86" s="8">
        <v>66</v>
      </c>
      <c r="B86" s="21">
        <v>43</v>
      </c>
      <c r="C86" s="6">
        <v>58</v>
      </c>
      <c r="D86" s="5">
        <v>101</v>
      </c>
    </row>
    <row r="87" spans="1:4" ht="18" customHeight="1" x14ac:dyDescent="0.15">
      <c r="A87" s="8">
        <v>67</v>
      </c>
      <c r="B87" s="21">
        <v>77</v>
      </c>
      <c r="C87" s="6">
        <v>75</v>
      </c>
      <c r="D87" s="5">
        <v>152</v>
      </c>
    </row>
    <row r="88" spans="1:4" ht="18" customHeight="1" x14ac:dyDescent="0.15">
      <c r="A88" s="8">
        <v>68</v>
      </c>
      <c r="B88" s="21">
        <v>68</v>
      </c>
      <c r="C88" s="6">
        <v>58</v>
      </c>
      <c r="D88" s="5">
        <v>126</v>
      </c>
    </row>
    <row r="89" spans="1:4" ht="18" customHeight="1" x14ac:dyDescent="0.15">
      <c r="A89" s="8">
        <v>69</v>
      </c>
      <c r="B89" s="21">
        <v>58</v>
      </c>
      <c r="C89" s="6">
        <v>67</v>
      </c>
      <c r="D89" s="5">
        <v>125</v>
      </c>
    </row>
    <row r="90" spans="1:4" ht="18" customHeight="1" x14ac:dyDescent="0.15">
      <c r="A90" s="8" t="s">
        <v>10</v>
      </c>
      <c r="B90" s="21">
        <v>324</v>
      </c>
      <c r="C90" s="6">
        <v>342</v>
      </c>
      <c r="D90" s="5">
        <v>666</v>
      </c>
    </row>
    <row r="91" spans="1:4" ht="18" customHeight="1" x14ac:dyDescent="0.15">
      <c r="A91" s="8">
        <v>70</v>
      </c>
      <c r="B91" s="21">
        <v>66</v>
      </c>
      <c r="C91" s="6">
        <v>69</v>
      </c>
      <c r="D91" s="5">
        <v>135</v>
      </c>
    </row>
    <row r="92" spans="1:4" ht="18" customHeight="1" x14ac:dyDescent="0.15">
      <c r="A92" s="8">
        <v>71</v>
      </c>
      <c r="B92" s="21">
        <v>73</v>
      </c>
      <c r="C92" s="6">
        <v>68</v>
      </c>
      <c r="D92" s="5">
        <v>141</v>
      </c>
    </row>
    <row r="93" spans="1:4" ht="18" customHeight="1" x14ac:dyDescent="0.15">
      <c r="A93" s="8">
        <v>72</v>
      </c>
      <c r="B93" s="21">
        <v>84</v>
      </c>
      <c r="C93" s="6">
        <v>73</v>
      </c>
      <c r="D93" s="5">
        <v>157</v>
      </c>
    </row>
    <row r="94" spans="1:4" ht="18" customHeight="1" x14ac:dyDescent="0.15">
      <c r="A94" s="8">
        <v>73</v>
      </c>
      <c r="B94" s="21">
        <v>68</v>
      </c>
      <c r="C94" s="6">
        <v>75</v>
      </c>
      <c r="D94" s="5">
        <v>143</v>
      </c>
    </row>
    <row r="95" spans="1:4" ht="18" customHeight="1" x14ac:dyDescent="0.15">
      <c r="A95" s="8">
        <v>74</v>
      </c>
      <c r="B95" s="21">
        <v>71</v>
      </c>
      <c r="C95" s="6">
        <v>72</v>
      </c>
      <c r="D95" s="5">
        <v>143</v>
      </c>
    </row>
    <row r="96" spans="1:4" ht="18" customHeight="1" x14ac:dyDescent="0.15">
      <c r="A96" s="8" t="s">
        <v>9</v>
      </c>
      <c r="B96" s="21">
        <v>362</v>
      </c>
      <c r="C96" s="6">
        <v>357</v>
      </c>
      <c r="D96" s="5">
        <v>719</v>
      </c>
    </row>
    <row r="97" spans="1:4" ht="18" customHeight="1" x14ac:dyDescent="0.15">
      <c r="A97" s="8">
        <v>75</v>
      </c>
      <c r="B97" s="21">
        <v>69</v>
      </c>
      <c r="C97" s="6">
        <v>101</v>
      </c>
      <c r="D97" s="5">
        <v>170</v>
      </c>
    </row>
    <row r="98" spans="1:4" ht="18" customHeight="1" x14ac:dyDescent="0.15">
      <c r="A98" s="8">
        <v>76</v>
      </c>
      <c r="B98" s="21">
        <v>82</v>
      </c>
      <c r="C98" s="6">
        <v>82</v>
      </c>
      <c r="D98" s="5">
        <v>164</v>
      </c>
    </row>
    <row r="99" spans="1:4" ht="18" customHeight="1" x14ac:dyDescent="0.15">
      <c r="A99" s="8">
        <v>77</v>
      </c>
      <c r="B99" s="21">
        <v>81</v>
      </c>
      <c r="C99" s="6">
        <v>105</v>
      </c>
      <c r="D99" s="5">
        <v>186</v>
      </c>
    </row>
    <row r="100" spans="1:4" ht="18" customHeight="1" x14ac:dyDescent="0.15">
      <c r="A100" s="8">
        <v>78</v>
      </c>
      <c r="B100" s="21">
        <v>82</v>
      </c>
      <c r="C100" s="6">
        <v>132</v>
      </c>
      <c r="D100" s="5">
        <v>214</v>
      </c>
    </row>
    <row r="101" spans="1:4" ht="18" customHeight="1" x14ac:dyDescent="0.15">
      <c r="A101" s="8">
        <v>79</v>
      </c>
      <c r="B101" s="21">
        <v>51</v>
      </c>
      <c r="C101" s="6">
        <v>62</v>
      </c>
      <c r="D101" s="5">
        <v>113</v>
      </c>
    </row>
    <row r="102" spans="1:4" ht="18" customHeight="1" x14ac:dyDescent="0.15">
      <c r="A102" s="8" t="s">
        <v>8</v>
      </c>
      <c r="B102" s="21">
        <v>365</v>
      </c>
      <c r="C102" s="6">
        <v>482</v>
      </c>
      <c r="D102" s="5">
        <v>847</v>
      </c>
    </row>
    <row r="103" spans="1:4" ht="18" customHeight="1" x14ac:dyDescent="0.15">
      <c r="A103" s="8">
        <v>80</v>
      </c>
      <c r="B103" s="21">
        <v>43</v>
      </c>
      <c r="C103" s="6">
        <v>53</v>
      </c>
      <c r="D103" s="5">
        <v>96</v>
      </c>
    </row>
    <row r="104" spans="1:4" ht="18" customHeight="1" x14ac:dyDescent="0.15">
      <c r="A104" s="8">
        <v>81</v>
      </c>
      <c r="B104" s="21">
        <v>47</v>
      </c>
      <c r="C104" s="6">
        <v>73</v>
      </c>
      <c r="D104" s="5">
        <v>120</v>
      </c>
    </row>
    <row r="105" spans="1:4" ht="18" customHeight="1" x14ac:dyDescent="0.15">
      <c r="A105" s="8">
        <v>82</v>
      </c>
      <c r="B105" s="21">
        <v>44</v>
      </c>
      <c r="C105" s="6">
        <v>62</v>
      </c>
      <c r="D105" s="5">
        <v>106</v>
      </c>
    </row>
    <row r="106" spans="1:4" ht="18" customHeight="1" x14ac:dyDescent="0.15">
      <c r="A106" s="8">
        <v>83</v>
      </c>
      <c r="B106" s="21">
        <v>69</v>
      </c>
      <c r="C106" s="6">
        <v>65</v>
      </c>
      <c r="D106" s="5">
        <v>134</v>
      </c>
    </row>
    <row r="107" spans="1:4" ht="18" customHeight="1" x14ac:dyDescent="0.15">
      <c r="A107" s="8">
        <v>84</v>
      </c>
      <c r="B107" s="21">
        <v>38</v>
      </c>
      <c r="C107" s="6">
        <v>55</v>
      </c>
      <c r="D107" s="5">
        <v>93</v>
      </c>
    </row>
    <row r="108" spans="1:4" ht="18" customHeight="1" x14ac:dyDescent="0.15">
      <c r="A108" s="8" t="s">
        <v>7</v>
      </c>
      <c r="B108" s="21">
        <v>241</v>
      </c>
      <c r="C108" s="6">
        <v>308</v>
      </c>
      <c r="D108" s="5">
        <v>549</v>
      </c>
    </row>
    <row r="109" spans="1:4" ht="18" customHeight="1" x14ac:dyDescent="0.15">
      <c r="A109" s="8">
        <v>85</v>
      </c>
      <c r="B109" s="21">
        <v>42</v>
      </c>
      <c r="C109" s="6">
        <v>49</v>
      </c>
      <c r="D109" s="5">
        <v>91</v>
      </c>
    </row>
    <row r="110" spans="1:4" ht="18" customHeight="1" x14ac:dyDescent="0.15">
      <c r="A110" s="8">
        <v>86</v>
      </c>
      <c r="B110" s="21">
        <v>30</v>
      </c>
      <c r="C110" s="6">
        <v>50</v>
      </c>
      <c r="D110" s="5">
        <v>80</v>
      </c>
    </row>
    <row r="111" spans="1:4" ht="18" customHeight="1" x14ac:dyDescent="0.15">
      <c r="A111" s="8">
        <v>87</v>
      </c>
      <c r="B111" s="21">
        <v>22</v>
      </c>
      <c r="C111" s="6">
        <v>37</v>
      </c>
      <c r="D111" s="5">
        <v>59</v>
      </c>
    </row>
    <row r="112" spans="1:4" ht="18" customHeight="1" x14ac:dyDescent="0.15">
      <c r="A112" s="8">
        <v>88</v>
      </c>
      <c r="B112" s="21">
        <v>19</v>
      </c>
      <c r="C112" s="6">
        <v>33</v>
      </c>
      <c r="D112" s="5">
        <v>52</v>
      </c>
    </row>
    <row r="113" spans="1:4" ht="18" customHeight="1" x14ac:dyDescent="0.15">
      <c r="A113" s="8">
        <v>89</v>
      </c>
      <c r="B113" s="21">
        <v>24</v>
      </c>
      <c r="C113" s="6">
        <v>47</v>
      </c>
      <c r="D113" s="5">
        <v>71</v>
      </c>
    </row>
    <row r="114" spans="1:4" ht="18" customHeight="1" x14ac:dyDescent="0.15">
      <c r="A114" s="8" t="s">
        <v>6</v>
      </c>
      <c r="B114" s="21">
        <v>137</v>
      </c>
      <c r="C114" s="6">
        <v>216</v>
      </c>
      <c r="D114" s="5">
        <v>353</v>
      </c>
    </row>
    <row r="115" spans="1:4" ht="18" customHeight="1" x14ac:dyDescent="0.15">
      <c r="A115" s="8">
        <v>90</v>
      </c>
      <c r="B115" s="21">
        <v>11</v>
      </c>
      <c r="C115" s="6">
        <v>28</v>
      </c>
      <c r="D115" s="5">
        <v>39</v>
      </c>
    </row>
    <row r="116" spans="1:4" ht="18" customHeight="1" x14ac:dyDescent="0.15">
      <c r="A116" s="8">
        <v>91</v>
      </c>
      <c r="B116" s="21">
        <v>12</v>
      </c>
      <c r="C116" s="6">
        <v>27</v>
      </c>
      <c r="D116" s="5">
        <v>39</v>
      </c>
    </row>
    <row r="117" spans="1:4" ht="18" customHeight="1" x14ac:dyDescent="0.15">
      <c r="A117" s="8">
        <v>92</v>
      </c>
      <c r="B117" s="21">
        <v>6</v>
      </c>
      <c r="C117" s="6">
        <v>17</v>
      </c>
      <c r="D117" s="5">
        <v>23</v>
      </c>
    </row>
    <row r="118" spans="1:4" ht="18" customHeight="1" x14ac:dyDescent="0.15">
      <c r="A118" s="8">
        <v>93</v>
      </c>
      <c r="B118" s="21">
        <v>4</v>
      </c>
      <c r="C118" s="6">
        <v>24</v>
      </c>
      <c r="D118" s="5">
        <v>28</v>
      </c>
    </row>
    <row r="119" spans="1:4" ht="18" customHeight="1" x14ac:dyDescent="0.15">
      <c r="A119" s="8">
        <v>94</v>
      </c>
      <c r="B119" s="21">
        <v>4</v>
      </c>
      <c r="C119" s="6">
        <v>13</v>
      </c>
      <c r="D119" s="5">
        <v>17</v>
      </c>
    </row>
    <row r="120" spans="1:4" ht="18" customHeight="1" x14ac:dyDescent="0.15">
      <c r="A120" s="8" t="s">
        <v>5</v>
      </c>
      <c r="B120" s="21">
        <v>37</v>
      </c>
      <c r="C120" s="6">
        <v>109</v>
      </c>
      <c r="D120" s="5">
        <v>146</v>
      </c>
    </row>
    <row r="121" spans="1:4" ht="18" customHeight="1" x14ac:dyDescent="0.15">
      <c r="A121" s="8">
        <v>95</v>
      </c>
      <c r="B121" s="21">
        <v>4</v>
      </c>
      <c r="C121" s="6">
        <v>9</v>
      </c>
      <c r="D121" s="5">
        <v>13</v>
      </c>
    </row>
    <row r="122" spans="1:4" ht="18" customHeight="1" x14ac:dyDescent="0.15">
      <c r="A122" s="8">
        <v>96</v>
      </c>
      <c r="B122" s="21">
        <v>3</v>
      </c>
      <c r="C122" s="6">
        <v>6</v>
      </c>
      <c r="D122" s="5">
        <v>9</v>
      </c>
    </row>
    <row r="123" spans="1:4" ht="18" customHeight="1" x14ac:dyDescent="0.15">
      <c r="A123" s="8">
        <v>97</v>
      </c>
      <c r="B123" s="21">
        <v>0</v>
      </c>
      <c r="C123" s="6">
        <v>14</v>
      </c>
      <c r="D123" s="5">
        <v>14</v>
      </c>
    </row>
    <row r="124" spans="1:4" ht="18" customHeight="1" x14ac:dyDescent="0.15">
      <c r="A124" s="8">
        <v>98</v>
      </c>
      <c r="B124" s="21">
        <v>2</v>
      </c>
      <c r="C124" s="6">
        <v>9</v>
      </c>
      <c r="D124" s="5">
        <v>11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9</v>
      </c>
      <c r="C126" s="6">
        <v>44</v>
      </c>
      <c r="D126" s="5">
        <v>5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1475</v>
      </c>
      <c r="C130" s="6">
        <v>1863</v>
      </c>
      <c r="D130" s="5">
        <v>3338</v>
      </c>
    </row>
    <row r="131" spans="1:4" ht="18" customHeight="1" x14ac:dyDescent="0.15">
      <c r="A131" s="4" t="s">
        <v>0</v>
      </c>
      <c r="B131" s="20">
        <v>6320</v>
      </c>
      <c r="C131" s="2">
        <v>6280</v>
      </c>
      <c r="D131" s="1">
        <v>126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B2E061-D8CB-4DF3-A96E-F3323BF47F91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31</v>
      </c>
      <c r="C5" s="31">
        <v>916</v>
      </c>
      <c r="D5" s="30">
        <v>1847</v>
      </c>
    </row>
    <row r="6" spans="1:4" ht="18" customHeight="1" x14ac:dyDescent="0.15">
      <c r="A6" s="8">
        <v>1</v>
      </c>
      <c r="B6" s="26">
        <v>940</v>
      </c>
      <c r="C6" s="6">
        <v>942</v>
      </c>
      <c r="D6" s="5">
        <v>1882</v>
      </c>
    </row>
    <row r="7" spans="1:4" ht="18" customHeight="1" x14ac:dyDescent="0.15">
      <c r="A7" s="8">
        <v>2</v>
      </c>
      <c r="B7" s="26">
        <v>1012</v>
      </c>
      <c r="C7" s="6">
        <v>958</v>
      </c>
      <c r="D7" s="5">
        <v>1970</v>
      </c>
    </row>
    <row r="8" spans="1:4" ht="18" customHeight="1" x14ac:dyDescent="0.15">
      <c r="A8" s="8">
        <v>3</v>
      </c>
      <c r="B8" s="26">
        <v>1065</v>
      </c>
      <c r="C8" s="6">
        <v>1004</v>
      </c>
      <c r="D8" s="5">
        <v>2069</v>
      </c>
    </row>
    <row r="9" spans="1:4" ht="18" customHeight="1" x14ac:dyDescent="0.15">
      <c r="A9" s="8">
        <v>4</v>
      </c>
      <c r="B9" s="29">
        <v>1080</v>
      </c>
      <c r="C9" s="28">
        <v>1035</v>
      </c>
      <c r="D9" s="27">
        <v>2115</v>
      </c>
    </row>
    <row r="10" spans="1:4" ht="18" customHeight="1" x14ac:dyDescent="0.15">
      <c r="A10" s="8" t="s">
        <v>25</v>
      </c>
      <c r="B10" s="21">
        <v>5028</v>
      </c>
      <c r="C10" s="6">
        <v>4855</v>
      </c>
      <c r="D10" s="5">
        <v>9883</v>
      </c>
    </row>
    <row r="11" spans="1:4" ht="18" customHeight="1" x14ac:dyDescent="0.15">
      <c r="A11" s="8">
        <v>5</v>
      </c>
      <c r="B11" s="26">
        <v>1121</v>
      </c>
      <c r="C11" s="6">
        <v>1042</v>
      </c>
      <c r="D11" s="5">
        <v>2163</v>
      </c>
    </row>
    <row r="12" spans="1:4" ht="18" customHeight="1" x14ac:dyDescent="0.15">
      <c r="A12" s="8">
        <v>6</v>
      </c>
      <c r="B12" s="26">
        <v>1162</v>
      </c>
      <c r="C12" s="6">
        <v>1137</v>
      </c>
      <c r="D12" s="5">
        <v>2299</v>
      </c>
    </row>
    <row r="13" spans="1:4" ht="18" customHeight="1" x14ac:dyDescent="0.15">
      <c r="A13" s="8">
        <v>7</v>
      </c>
      <c r="B13" s="26">
        <v>1199</v>
      </c>
      <c r="C13" s="6">
        <v>1128</v>
      </c>
      <c r="D13" s="5">
        <v>2327</v>
      </c>
    </row>
    <row r="14" spans="1:4" ht="18" customHeight="1" x14ac:dyDescent="0.15">
      <c r="A14" s="8">
        <v>8</v>
      </c>
      <c r="B14" s="26">
        <v>1202</v>
      </c>
      <c r="C14" s="6">
        <v>1157</v>
      </c>
      <c r="D14" s="5">
        <v>2359</v>
      </c>
    </row>
    <row r="15" spans="1:4" ht="18" customHeight="1" x14ac:dyDescent="0.15">
      <c r="A15" s="8">
        <v>9</v>
      </c>
      <c r="B15" s="26">
        <v>1264</v>
      </c>
      <c r="C15" s="6">
        <v>1240</v>
      </c>
      <c r="D15" s="5">
        <v>2504</v>
      </c>
    </row>
    <row r="16" spans="1:4" ht="18" customHeight="1" x14ac:dyDescent="0.15">
      <c r="A16" s="8" t="s">
        <v>24</v>
      </c>
      <c r="B16" s="21">
        <v>5948</v>
      </c>
      <c r="C16" s="6">
        <v>5704</v>
      </c>
      <c r="D16" s="5">
        <v>11652</v>
      </c>
    </row>
    <row r="17" spans="1:4" ht="18" customHeight="1" x14ac:dyDescent="0.15">
      <c r="A17" s="8">
        <v>10</v>
      </c>
      <c r="B17" s="21">
        <v>1237</v>
      </c>
      <c r="C17" s="6">
        <v>1219</v>
      </c>
      <c r="D17" s="5">
        <v>2456</v>
      </c>
    </row>
    <row r="18" spans="1:4" ht="18" customHeight="1" x14ac:dyDescent="0.15">
      <c r="A18" s="8">
        <v>11</v>
      </c>
      <c r="B18" s="21">
        <v>1246</v>
      </c>
      <c r="C18" s="6">
        <v>1240</v>
      </c>
      <c r="D18" s="5">
        <v>2486</v>
      </c>
    </row>
    <row r="19" spans="1:4" ht="18" customHeight="1" x14ac:dyDescent="0.15">
      <c r="A19" s="8">
        <v>12</v>
      </c>
      <c r="B19" s="21">
        <v>1287</v>
      </c>
      <c r="C19" s="6">
        <v>1192</v>
      </c>
      <c r="D19" s="5">
        <v>2479</v>
      </c>
    </row>
    <row r="20" spans="1:4" ht="18" customHeight="1" x14ac:dyDescent="0.15">
      <c r="A20" s="8">
        <v>13</v>
      </c>
      <c r="B20" s="21">
        <v>1312</v>
      </c>
      <c r="C20" s="6">
        <v>1258</v>
      </c>
      <c r="D20" s="5">
        <v>2570</v>
      </c>
    </row>
    <row r="21" spans="1:4" ht="18" customHeight="1" x14ac:dyDescent="0.15">
      <c r="A21" s="8">
        <v>14</v>
      </c>
      <c r="B21" s="21">
        <v>1293</v>
      </c>
      <c r="C21" s="6">
        <v>1289</v>
      </c>
      <c r="D21" s="5">
        <v>2582</v>
      </c>
    </row>
    <row r="22" spans="1:4" ht="18" customHeight="1" x14ac:dyDescent="0.15">
      <c r="A22" s="8" t="s">
        <v>23</v>
      </c>
      <c r="B22" s="21">
        <v>6375</v>
      </c>
      <c r="C22" s="6">
        <v>6198</v>
      </c>
      <c r="D22" s="5">
        <v>12573</v>
      </c>
    </row>
    <row r="23" spans="1:4" ht="18" customHeight="1" x14ac:dyDescent="0.15">
      <c r="A23" s="8" t="s">
        <v>22</v>
      </c>
      <c r="B23" s="21">
        <v>17351</v>
      </c>
      <c r="C23" s="6">
        <v>16757</v>
      </c>
      <c r="D23" s="5">
        <v>34108</v>
      </c>
    </row>
    <row r="24" spans="1:4" ht="18" customHeight="1" x14ac:dyDescent="0.15">
      <c r="A24" s="8">
        <v>15</v>
      </c>
      <c r="B24" s="21">
        <v>1409</v>
      </c>
      <c r="C24" s="6">
        <v>1229</v>
      </c>
      <c r="D24" s="5">
        <v>2638</v>
      </c>
    </row>
    <row r="25" spans="1:4" ht="18" customHeight="1" x14ac:dyDescent="0.15">
      <c r="A25" s="8">
        <v>16</v>
      </c>
      <c r="B25" s="21">
        <v>1302</v>
      </c>
      <c r="C25" s="6">
        <v>1291</v>
      </c>
      <c r="D25" s="5">
        <v>2593</v>
      </c>
    </row>
    <row r="26" spans="1:4" ht="18" customHeight="1" x14ac:dyDescent="0.15">
      <c r="A26" s="8">
        <v>17</v>
      </c>
      <c r="B26" s="21">
        <v>1371</v>
      </c>
      <c r="C26" s="6">
        <v>1327</v>
      </c>
      <c r="D26" s="5">
        <v>2698</v>
      </c>
    </row>
    <row r="27" spans="1:4" ht="18" customHeight="1" x14ac:dyDescent="0.15">
      <c r="A27" s="8">
        <v>18</v>
      </c>
      <c r="B27" s="21">
        <v>1373</v>
      </c>
      <c r="C27" s="6">
        <v>1336</v>
      </c>
      <c r="D27" s="5">
        <v>2709</v>
      </c>
    </row>
    <row r="28" spans="1:4" ht="18" customHeight="1" x14ac:dyDescent="0.15">
      <c r="A28" s="8">
        <v>19</v>
      </c>
      <c r="B28" s="21">
        <v>1507</v>
      </c>
      <c r="C28" s="6">
        <v>1397</v>
      </c>
      <c r="D28" s="5">
        <v>2904</v>
      </c>
    </row>
    <row r="29" spans="1:4" ht="18" customHeight="1" x14ac:dyDescent="0.15">
      <c r="A29" s="8" t="s">
        <v>21</v>
      </c>
      <c r="B29" s="21">
        <v>6962</v>
      </c>
      <c r="C29" s="6">
        <v>6580</v>
      </c>
      <c r="D29" s="5">
        <v>13542</v>
      </c>
    </row>
    <row r="30" spans="1:4" ht="18" customHeight="1" x14ac:dyDescent="0.15">
      <c r="A30" s="8">
        <v>20</v>
      </c>
      <c r="B30" s="21">
        <v>1514</v>
      </c>
      <c r="C30" s="6">
        <v>1380</v>
      </c>
      <c r="D30" s="5">
        <v>2894</v>
      </c>
    </row>
    <row r="31" spans="1:4" ht="18" customHeight="1" x14ac:dyDescent="0.15">
      <c r="A31" s="8">
        <v>21</v>
      </c>
      <c r="B31" s="21">
        <v>1625</v>
      </c>
      <c r="C31" s="6">
        <v>1505</v>
      </c>
      <c r="D31" s="5">
        <v>3130</v>
      </c>
    </row>
    <row r="32" spans="1:4" ht="18" customHeight="1" x14ac:dyDescent="0.15">
      <c r="A32" s="8">
        <v>22</v>
      </c>
      <c r="B32" s="21">
        <v>1629</v>
      </c>
      <c r="C32" s="6">
        <v>1439</v>
      </c>
      <c r="D32" s="5">
        <v>3068</v>
      </c>
    </row>
    <row r="33" spans="1:4" ht="18" customHeight="1" x14ac:dyDescent="0.15">
      <c r="A33" s="8">
        <v>23</v>
      </c>
      <c r="B33" s="21">
        <v>1743</v>
      </c>
      <c r="C33" s="6">
        <v>1487</v>
      </c>
      <c r="D33" s="5">
        <v>3230</v>
      </c>
    </row>
    <row r="34" spans="1:4" ht="18" customHeight="1" x14ac:dyDescent="0.15">
      <c r="A34" s="8">
        <v>24</v>
      </c>
      <c r="B34" s="21">
        <v>1757</v>
      </c>
      <c r="C34" s="6">
        <v>1428</v>
      </c>
      <c r="D34" s="5">
        <v>3185</v>
      </c>
    </row>
    <row r="35" spans="1:4" ht="18" customHeight="1" x14ac:dyDescent="0.15">
      <c r="A35" s="8" t="s">
        <v>20</v>
      </c>
      <c r="B35" s="21">
        <v>8268</v>
      </c>
      <c r="C35" s="6">
        <v>7239</v>
      </c>
      <c r="D35" s="5">
        <v>15507</v>
      </c>
    </row>
    <row r="36" spans="1:4" ht="18" customHeight="1" x14ac:dyDescent="0.15">
      <c r="A36" s="8">
        <v>25</v>
      </c>
      <c r="B36" s="21">
        <v>1780</v>
      </c>
      <c r="C36" s="6">
        <v>1516</v>
      </c>
      <c r="D36" s="5">
        <v>3296</v>
      </c>
    </row>
    <row r="37" spans="1:4" ht="18" customHeight="1" x14ac:dyDescent="0.15">
      <c r="A37" s="8">
        <v>26</v>
      </c>
      <c r="B37" s="21">
        <v>1704</v>
      </c>
      <c r="C37" s="6">
        <v>1563</v>
      </c>
      <c r="D37" s="5">
        <v>3267</v>
      </c>
    </row>
    <row r="38" spans="1:4" ht="18" customHeight="1" x14ac:dyDescent="0.15">
      <c r="A38" s="8">
        <v>27</v>
      </c>
      <c r="B38" s="21">
        <v>1670</v>
      </c>
      <c r="C38" s="6">
        <v>1470</v>
      </c>
      <c r="D38" s="5">
        <v>3140</v>
      </c>
    </row>
    <row r="39" spans="1:4" ht="18" customHeight="1" x14ac:dyDescent="0.15">
      <c r="A39" s="8">
        <v>28</v>
      </c>
      <c r="B39" s="21">
        <v>1767</v>
      </c>
      <c r="C39" s="6">
        <v>1517</v>
      </c>
      <c r="D39" s="5">
        <v>3284</v>
      </c>
    </row>
    <row r="40" spans="1:4" ht="18" customHeight="1" x14ac:dyDescent="0.15">
      <c r="A40" s="8">
        <v>29</v>
      </c>
      <c r="B40" s="21">
        <v>1711</v>
      </c>
      <c r="C40" s="6">
        <v>1610</v>
      </c>
      <c r="D40" s="5">
        <v>3321</v>
      </c>
    </row>
    <row r="41" spans="1:4" ht="18" customHeight="1" x14ac:dyDescent="0.15">
      <c r="A41" s="8" t="s">
        <v>19</v>
      </c>
      <c r="B41" s="21">
        <v>8632</v>
      </c>
      <c r="C41" s="6">
        <v>7676</v>
      </c>
      <c r="D41" s="5">
        <v>16308</v>
      </c>
    </row>
    <row r="42" spans="1:4" ht="18" customHeight="1" x14ac:dyDescent="0.15">
      <c r="A42" s="8">
        <v>30</v>
      </c>
      <c r="B42" s="21">
        <v>1765</v>
      </c>
      <c r="C42" s="6">
        <v>1473</v>
      </c>
      <c r="D42" s="5">
        <v>3238</v>
      </c>
    </row>
    <row r="43" spans="1:4" ht="18" customHeight="1" x14ac:dyDescent="0.15">
      <c r="A43" s="8">
        <v>31</v>
      </c>
      <c r="B43" s="21">
        <v>1762</v>
      </c>
      <c r="C43" s="6">
        <v>1521</v>
      </c>
      <c r="D43" s="5">
        <v>3283</v>
      </c>
    </row>
    <row r="44" spans="1:4" ht="18" customHeight="1" x14ac:dyDescent="0.15">
      <c r="A44" s="8">
        <v>32</v>
      </c>
      <c r="B44" s="21">
        <v>1641</v>
      </c>
      <c r="C44" s="6">
        <v>1445</v>
      </c>
      <c r="D44" s="5">
        <v>3086</v>
      </c>
    </row>
    <row r="45" spans="1:4" ht="18" customHeight="1" x14ac:dyDescent="0.15">
      <c r="A45" s="8">
        <v>33</v>
      </c>
      <c r="B45" s="21">
        <v>1572</v>
      </c>
      <c r="C45" s="6">
        <v>1468</v>
      </c>
      <c r="D45" s="5">
        <v>3040</v>
      </c>
    </row>
    <row r="46" spans="1:4" ht="18" customHeight="1" x14ac:dyDescent="0.15">
      <c r="A46" s="8">
        <v>34</v>
      </c>
      <c r="B46" s="21">
        <v>1640</v>
      </c>
      <c r="C46" s="6">
        <v>1488</v>
      </c>
      <c r="D46" s="5">
        <v>3128</v>
      </c>
    </row>
    <row r="47" spans="1:4" ht="18" customHeight="1" x14ac:dyDescent="0.15">
      <c r="A47" s="8" t="s">
        <v>18</v>
      </c>
      <c r="B47" s="21">
        <v>8380</v>
      </c>
      <c r="C47" s="6">
        <v>7395</v>
      </c>
      <c r="D47" s="5">
        <v>15775</v>
      </c>
    </row>
    <row r="48" spans="1:4" ht="18" customHeight="1" x14ac:dyDescent="0.15">
      <c r="A48" s="8">
        <v>35</v>
      </c>
      <c r="B48" s="21">
        <v>1643</v>
      </c>
      <c r="C48" s="6">
        <v>1458</v>
      </c>
      <c r="D48" s="5">
        <v>3101</v>
      </c>
    </row>
    <row r="49" spans="1:4" ht="18" customHeight="1" x14ac:dyDescent="0.15">
      <c r="A49" s="8">
        <v>36</v>
      </c>
      <c r="B49" s="21">
        <v>1674</v>
      </c>
      <c r="C49" s="6">
        <v>1458</v>
      </c>
      <c r="D49" s="5">
        <v>3132</v>
      </c>
    </row>
    <row r="50" spans="1:4" ht="18" customHeight="1" x14ac:dyDescent="0.15">
      <c r="A50" s="8">
        <v>37</v>
      </c>
      <c r="B50" s="21">
        <v>1758</v>
      </c>
      <c r="C50" s="6">
        <v>1554</v>
      </c>
      <c r="D50" s="5">
        <v>3312</v>
      </c>
    </row>
    <row r="51" spans="1:4" ht="18" customHeight="1" x14ac:dyDescent="0.15">
      <c r="A51" s="8">
        <v>38</v>
      </c>
      <c r="B51" s="21">
        <v>1619</v>
      </c>
      <c r="C51" s="6">
        <v>1579</v>
      </c>
      <c r="D51" s="5">
        <v>3198</v>
      </c>
    </row>
    <row r="52" spans="1:4" ht="18" customHeight="1" x14ac:dyDescent="0.15">
      <c r="A52" s="8">
        <v>39</v>
      </c>
      <c r="B52" s="21">
        <v>1813</v>
      </c>
      <c r="C52" s="6">
        <v>1645</v>
      </c>
      <c r="D52" s="5">
        <v>3458</v>
      </c>
    </row>
    <row r="53" spans="1:4" ht="18" customHeight="1" x14ac:dyDescent="0.15">
      <c r="A53" s="8" t="s">
        <v>17</v>
      </c>
      <c r="B53" s="21">
        <v>8507</v>
      </c>
      <c r="C53" s="6">
        <v>7694</v>
      </c>
      <c r="D53" s="5">
        <v>16201</v>
      </c>
    </row>
    <row r="54" spans="1:4" ht="18" customHeight="1" x14ac:dyDescent="0.15">
      <c r="A54" s="8">
        <v>40</v>
      </c>
      <c r="B54" s="21">
        <v>1866</v>
      </c>
      <c r="C54" s="6">
        <v>1771</v>
      </c>
      <c r="D54" s="5">
        <v>3637</v>
      </c>
    </row>
    <row r="55" spans="1:4" ht="18" customHeight="1" x14ac:dyDescent="0.15">
      <c r="A55" s="8">
        <v>41</v>
      </c>
      <c r="B55" s="21">
        <v>1969</v>
      </c>
      <c r="C55" s="6">
        <v>1772</v>
      </c>
      <c r="D55" s="5">
        <v>3741</v>
      </c>
    </row>
    <row r="56" spans="1:4" ht="18" customHeight="1" x14ac:dyDescent="0.15">
      <c r="A56" s="8">
        <v>42</v>
      </c>
      <c r="B56" s="21">
        <v>1910</v>
      </c>
      <c r="C56" s="6">
        <v>1677</v>
      </c>
      <c r="D56" s="5">
        <v>3587</v>
      </c>
    </row>
    <row r="57" spans="1:4" ht="18" customHeight="1" x14ac:dyDescent="0.15">
      <c r="A57" s="8">
        <v>43</v>
      </c>
      <c r="B57" s="21">
        <v>1934</v>
      </c>
      <c r="C57" s="6">
        <v>1795</v>
      </c>
      <c r="D57" s="5">
        <v>3729</v>
      </c>
    </row>
    <row r="58" spans="1:4" ht="18" customHeight="1" x14ac:dyDescent="0.15">
      <c r="A58" s="8">
        <v>44</v>
      </c>
      <c r="B58" s="21">
        <v>1900</v>
      </c>
      <c r="C58" s="6">
        <v>1864</v>
      </c>
      <c r="D58" s="5">
        <v>3764</v>
      </c>
    </row>
    <row r="59" spans="1:4" ht="18" customHeight="1" x14ac:dyDescent="0.15">
      <c r="A59" s="8" t="s">
        <v>16</v>
      </c>
      <c r="B59" s="21">
        <v>9579</v>
      </c>
      <c r="C59" s="6">
        <v>8879</v>
      </c>
      <c r="D59" s="5">
        <v>18458</v>
      </c>
    </row>
    <row r="60" spans="1:4" ht="18" customHeight="1" x14ac:dyDescent="0.15">
      <c r="A60" s="8">
        <v>45</v>
      </c>
      <c r="B60" s="21">
        <v>1976</v>
      </c>
      <c r="C60" s="6">
        <v>1835</v>
      </c>
      <c r="D60" s="5">
        <v>3811</v>
      </c>
    </row>
    <row r="61" spans="1:4" ht="18" customHeight="1" x14ac:dyDescent="0.15">
      <c r="A61" s="8">
        <v>46</v>
      </c>
      <c r="B61" s="21">
        <v>2053</v>
      </c>
      <c r="C61" s="6">
        <v>1951</v>
      </c>
      <c r="D61" s="5">
        <v>4004</v>
      </c>
    </row>
    <row r="62" spans="1:4" ht="18" customHeight="1" x14ac:dyDescent="0.15">
      <c r="A62" s="8">
        <v>47</v>
      </c>
      <c r="B62" s="21">
        <v>2226</v>
      </c>
      <c r="C62" s="6">
        <v>2130</v>
      </c>
      <c r="D62" s="5">
        <v>4356</v>
      </c>
    </row>
    <row r="63" spans="1:4" ht="18" customHeight="1" x14ac:dyDescent="0.15">
      <c r="A63" s="8">
        <v>48</v>
      </c>
      <c r="B63" s="21">
        <v>2295</v>
      </c>
      <c r="C63" s="6">
        <v>2062</v>
      </c>
      <c r="D63" s="5">
        <v>4357</v>
      </c>
    </row>
    <row r="64" spans="1:4" ht="18" customHeight="1" x14ac:dyDescent="0.15">
      <c r="A64" s="8">
        <v>49</v>
      </c>
      <c r="B64" s="21">
        <v>2411</v>
      </c>
      <c r="C64" s="6">
        <v>2268</v>
      </c>
      <c r="D64" s="5">
        <v>4679</v>
      </c>
    </row>
    <row r="65" spans="1:4" ht="18" customHeight="1" x14ac:dyDescent="0.15">
      <c r="A65" s="8" t="s">
        <v>15</v>
      </c>
      <c r="B65" s="21">
        <v>10961</v>
      </c>
      <c r="C65" s="6">
        <v>10246</v>
      </c>
      <c r="D65" s="5">
        <v>21207</v>
      </c>
    </row>
    <row r="66" spans="1:4" ht="18" customHeight="1" x14ac:dyDescent="0.15">
      <c r="A66" s="8">
        <v>50</v>
      </c>
      <c r="B66" s="21">
        <v>2576</v>
      </c>
      <c r="C66" s="6">
        <v>2404</v>
      </c>
      <c r="D66" s="5">
        <v>4980</v>
      </c>
    </row>
    <row r="67" spans="1:4" ht="18" customHeight="1" x14ac:dyDescent="0.15">
      <c r="A67" s="8">
        <v>51</v>
      </c>
      <c r="B67" s="21">
        <v>2700</v>
      </c>
      <c r="C67" s="6">
        <v>2629</v>
      </c>
      <c r="D67" s="5">
        <v>5329</v>
      </c>
    </row>
    <row r="68" spans="1:4" ht="18" customHeight="1" x14ac:dyDescent="0.15">
      <c r="A68" s="8">
        <v>52</v>
      </c>
      <c r="B68" s="21">
        <v>2735</v>
      </c>
      <c r="C68" s="6">
        <v>2673</v>
      </c>
      <c r="D68" s="5">
        <v>5408</v>
      </c>
    </row>
    <row r="69" spans="1:4" ht="18" customHeight="1" x14ac:dyDescent="0.15">
      <c r="A69" s="8">
        <v>53</v>
      </c>
      <c r="B69" s="21">
        <v>2718</v>
      </c>
      <c r="C69" s="6">
        <v>2673</v>
      </c>
      <c r="D69" s="5">
        <v>5391</v>
      </c>
    </row>
    <row r="70" spans="1:4" ht="18" customHeight="1" x14ac:dyDescent="0.15">
      <c r="A70" s="8">
        <v>54</v>
      </c>
      <c r="B70" s="21">
        <v>2630</v>
      </c>
      <c r="C70" s="6">
        <v>2470</v>
      </c>
      <c r="D70" s="5">
        <v>5100</v>
      </c>
    </row>
    <row r="71" spans="1:4" ht="18" customHeight="1" x14ac:dyDescent="0.15">
      <c r="A71" s="8" t="s">
        <v>14</v>
      </c>
      <c r="B71" s="21">
        <v>13359</v>
      </c>
      <c r="C71" s="6">
        <v>12849</v>
      </c>
      <c r="D71" s="5">
        <v>26208</v>
      </c>
    </row>
    <row r="72" spans="1:4" ht="18" customHeight="1" x14ac:dyDescent="0.15">
      <c r="A72" s="8">
        <v>55</v>
      </c>
      <c r="B72" s="21">
        <v>2510</v>
      </c>
      <c r="C72" s="6">
        <v>2389</v>
      </c>
      <c r="D72" s="5">
        <v>4899</v>
      </c>
    </row>
    <row r="73" spans="1:4" ht="18" customHeight="1" x14ac:dyDescent="0.15">
      <c r="A73" s="8">
        <v>56</v>
      </c>
      <c r="B73" s="21">
        <v>2385</v>
      </c>
      <c r="C73" s="6">
        <v>2272</v>
      </c>
      <c r="D73" s="5">
        <v>4657</v>
      </c>
    </row>
    <row r="74" spans="1:4" ht="18" customHeight="1" x14ac:dyDescent="0.15">
      <c r="A74" s="8">
        <v>57</v>
      </c>
      <c r="B74" s="21">
        <v>2330</v>
      </c>
      <c r="C74" s="6">
        <v>2241</v>
      </c>
      <c r="D74" s="5">
        <v>4571</v>
      </c>
    </row>
    <row r="75" spans="1:4" ht="18" customHeight="1" x14ac:dyDescent="0.15">
      <c r="A75" s="8">
        <v>58</v>
      </c>
      <c r="B75" s="21">
        <v>2363</v>
      </c>
      <c r="C75" s="6">
        <v>2292</v>
      </c>
      <c r="D75" s="5">
        <v>4655</v>
      </c>
    </row>
    <row r="76" spans="1:4" ht="18" customHeight="1" x14ac:dyDescent="0.15">
      <c r="A76" s="8">
        <v>59</v>
      </c>
      <c r="B76" s="21">
        <v>1585</v>
      </c>
      <c r="C76" s="6">
        <v>1572</v>
      </c>
      <c r="D76" s="5">
        <v>3157</v>
      </c>
    </row>
    <row r="77" spans="1:4" ht="18" customHeight="1" x14ac:dyDescent="0.15">
      <c r="A77" s="8" t="s">
        <v>13</v>
      </c>
      <c r="B77" s="21">
        <v>11173</v>
      </c>
      <c r="C77" s="6">
        <v>10766</v>
      </c>
      <c r="D77" s="5">
        <v>21939</v>
      </c>
    </row>
    <row r="78" spans="1:4" ht="18" customHeight="1" x14ac:dyDescent="0.15">
      <c r="A78" s="8">
        <v>60</v>
      </c>
      <c r="B78" s="21">
        <v>2090</v>
      </c>
      <c r="C78" s="6">
        <v>2181</v>
      </c>
      <c r="D78" s="5">
        <v>4271</v>
      </c>
    </row>
    <row r="79" spans="1:4" ht="18" customHeight="1" x14ac:dyDescent="0.15">
      <c r="A79" s="8">
        <v>61</v>
      </c>
      <c r="B79" s="21">
        <v>1942</v>
      </c>
      <c r="C79" s="6">
        <v>1983</v>
      </c>
      <c r="D79" s="5">
        <v>3925</v>
      </c>
    </row>
    <row r="80" spans="1:4" ht="18" customHeight="1" x14ac:dyDescent="0.15">
      <c r="A80" s="8">
        <v>62</v>
      </c>
      <c r="B80" s="21">
        <v>1944</v>
      </c>
      <c r="C80" s="6">
        <v>1954</v>
      </c>
      <c r="D80" s="5">
        <v>3898</v>
      </c>
    </row>
    <row r="81" spans="1:4" ht="18" customHeight="1" x14ac:dyDescent="0.15">
      <c r="A81" s="8">
        <v>63</v>
      </c>
      <c r="B81" s="21">
        <v>1735</v>
      </c>
      <c r="C81" s="6">
        <v>1806</v>
      </c>
      <c r="D81" s="5">
        <v>3541</v>
      </c>
    </row>
    <row r="82" spans="1:4" ht="18" customHeight="1" x14ac:dyDescent="0.15">
      <c r="A82" s="8">
        <v>64</v>
      </c>
      <c r="B82" s="21">
        <v>1734</v>
      </c>
      <c r="C82" s="6">
        <v>1807</v>
      </c>
      <c r="D82" s="5">
        <v>3541</v>
      </c>
    </row>
    <row r="83" spans="1:4" ht="18" customHeight="1" x14ac:dyDescent="0.15">
      <c r="A83" s="8" t="s">
        <v>12</v>
      </c>
      <c r="B83" s="21">
        <v>9445</v>
      </c>
      <c r="C83" s="6">
        <v>9731</v>
      </c>
      <c r="D83" s="5">
        <v>19176</v>
      </c>
    </row>
    <row r="84" spans="1:4" ht="18" customHeight="1" x14ac:dyDescent="0.15">
      <c r="A84" s="8" t="s">
        <v>11</v>
      </c>
      <c r="B84" s="21">
        <v>95266</v>
      </c>
      <c r="C84" s="6">
        <v>89055</v>
      </c>
      <c r="D84" s="5">
        <v>184321</v>
      </c>
    </row>
    <row r="85" spans="1:4" ht="18" customHeight="1" x14ac:dyDescent="0.15">
      <c r="A85" s="8">
        <v>65</v>
      </c>
      <c r="B85" s="21">
        <v>1771</v>
      </c>
      <c r="C85" s="6">
        <v>1821</v>
      </c>
      <c r="D85" s="5">
        <v>3592</v>
      </c>
    </row>
    <row r="86" spans="1:4" ht="18" customHeight="1" x14ac:dyDescent="0.15">
      <c r="A86" s="8">
        <v>66</v>
      </c>
      <c r="B86" s="21">
        <v>1671</v>
      </c>
      <c r="C86" s="6">
        <v>1846</v>
      </c>
      <c r="D86" s="5">
        <v>3517</v>
      </c>
    </row>
    <row r="87" spans="1:4" ht="18" customHeight="1" x14ac:dyDescent="0.15">
      <c r="A87" s="8">
        <v>67</v>
      </c>
      <c r="B87" s="21">
        <v>1673</v>
      </c>
      <c r="C87" s="6">
        <v>1839</v>
      </c>
      <c r="D87" s="5">
        <v>3512</v>
      </c>
    </row>
    <row r="88" spans="1:4" ht="18" customHeight="1" x14ac:dyDescent="0.15">
      <c r="A88" s="8">
        <v>68</v>
      </c>
      <c r="B88" s="21">
        <v>1608</v>
      </c>
      <c r="C88" s="6">
        <v>1647</v>
      </c>
      <c r="D88" s="5">
        <v>3255</v>
      </c>
    </row>
    <row r="89" spans="1:4" ht="18" customHeight="1" x14ac:dyDescent="0.15">
      <c r="A89" s="8">
        <v>69</v>
      </c>
      <c r="B89" s="21">
        <v>1549</v>
      </c>
      <c r="C89" s="6">
        <v>1791</v>
      </c>
      <c r="D89" s="5">
        <v>3340</v>
      </c>
    </row>
    <row r="90" spans="1:4" ht="18" customHeight="1" x14ac:dyDescent="0.15">
      <c r="A90" s="8" t="s">
        <v>10</v>
      </c>
      <c r="B90" s="21">
        <v>8272</v>
      </c>
      <c r="C90" s="6">
        <v>8944</v>
      </c>
      <c r="D90" s="5">
        <v>17216</v>
      </c>
    </row>
    <row r="91" spans="1:4" ht="18" customHeight="1" x14ac:dyDescent="0.15">
      <c r="A91" s="8">
        <v>70</v>
      </c>
      <c r="B91" s="21">
        <v>1761</v>
      </c>
      <c r="C91" s="6">
        <v>1931</v>
      </c>
      <c r="D91" s="5">
        <v>3692</v>
      </c>
    </row>
    <row r="92" spans="1:4" ht="18" customHeight="1" x14ac:dyDescent="0.15">
      <c r="A92" s="8">
        <v>71</v>
      </c>
      <c r="B92" s="21">
        <v>1677</v>
      </c>
      <c r="C92" s="6">
        <v>1860</v>
      </c>
      <c r="D92" s="5">
        <v>3537</v>
      </c>
    </row>
    <row r="93" spans="1:4" ht="18" customHeight="1" x14ac:dyDescent="0.15">
      <c r="A93" s="8">
        <v>72</v>
      </c>
      <c r="B93" s="21">
        <v>1786</v>
      </c>
      <c r="C93" s="6">
        <v>2078</v>
      </c>
      <c r="D93" s="5">
        <v>3864</v>
      </c>
    </row>
    <row r="94" spans="1:4" ht="18" customHeight="1" x14ac:dyDescent="0.15">
      <c r="A94" s="8">
        <v>73</v>
      </c>
      <c r="B94" s="21">
        <v>1859</v>
      </c>
      <c r="C94" s="6">
        <v>2063</v>
      </c>
      <c r="D94" s="5">
        <v>3922</v>
      </c>
    </row>
    <row r="95" spans="1:4" ht="18" customHeight="1" x14ac:dyDescent="0.15">
      <c r="A95" s="8">
        <v>74</v>
      </c>
      <c r="B95" s="21">
        <v>1755</v>
      </c>
      <c r="C95" s="6">
        <v>2153</v>
      </c>
      <c r="D95" s="5">
        <v>3908</v>
      </c>
    </row>
    <row r="96" spans="1:4" ht="18" customHeight="1" x14ac:dyDescent="0.15">
      <c r="A96" s="8" t="s">
        <v>9</v>
      </c>
      <c r="B96" s="21">
        <v>8838</v>
      </c>
      <c r="C96" s="6">
        <v>10085</v>
      </c>
      <c r="D96" s="5">
        <v>18923</v>
      </c>
    </row>
    <row r="97" spans="1:4" ht="18" customHeight="1" x14ac:dyDescent="0.15">
      <c r="A97" s="8">
        <v>75</v>
      </c>
      <c r="B97" s="21">
        <v>1960</v>
      </c>
      <c r="C97" s="6">
        <v>2436</v>
      </c>
      <c r="D97" s="5">
        <v>4396</v>
      </c>
    </row>
    <row r="98" spans="1:4" ht="18" customHeight="1" x14ac:dyDescent="0.15">
      <c r="A98" s="8">
        <v>76</v>
      </c>
      <c r="B98" s="21">
        <v>2328</v>
      </c>
      <c r="C98" s="6">
        <v>2851</v>
      </c>
      <c r="D98" s="5">
        <v>5179</v>
      </c>
    </row>
    <row r="99" spans="1:4" ht="18" customHeight="1" x14ac:dyDescent="0.15">
      <c r="A99" s="8">
        <v>77</v>
      </c>
      <c r="B99" s="21">
        <v>2301</v>
      </c>
      <c r="C99" s="6">
        <v>2830</v>
      </c>
      <c r="D99" s="5">
        <v>5131</v>
      </c>
    </row>
    <row r="100" spans="1:4" ht="18" customHeight="1" x14ac:dyDescent="0.15">
      <c r="A100" s="8">
        <v>78</v>
      </c>
      <c r="B100" s="21">
        <v>2344</v>
      </c>
      <c r="C100" s="6">
        <v>3053</v>
      </c>
      <c r="D100" s="5">
        <v>5397</v>
      </c>
    </row>
    <row r="101" spans="1:4" ht="18" customHeight="1" x14ac:dyDescent="0.15">
      <c r="A101" s="8">
        <v>79</v>
      </c>
      <c r="B101" s="21">
        <v>1358</v>
      </c>
      <c r="C101" s="6">
        <v>1790</v>
      </c>
      <c r="D101" s="5">
        <v>3148</v>
      </c>
    </row>
    <row r="102" spans="1:4" ht="18" customHeight="1" x14ac:dyDescent="0.15">
      <c r="A102" s="8" t="s">
        <v>8</v>
      </c>
      <c r="B102" s="21">
        <v>10291</v>
      </c>
      <c r="C102" s="6">
        <v>12960</v>
      </c>
      <c r="D102" s="5">
        <v>23251</v>
      </c>
    </row>
    <row r="103" spans="1:4" ht="18" customHeight="1" x14ac:dyDescent="0.15">
      <c r="A103" s="8">
        <v>80</v>
      </c>
      <c r="B103" s="21">
        <v>1169</v>
      </c>
      <c r="C103" s="6">
        <v>1585</v>
      </c>
      <c r="D103" s="5">
        <v>2754</v>
      </c>
    </row>
    <row r="104" spans="1:4" ht="18" customHeight="1" x14ac:dyDescent="0.15">
      <c r="A104" s="8">
        <v>81</v>
      </c>
      <c r="B104" s="21">
        <v>1514</v>
      </c>
      <c r="C104" s="6">
        <v>2180</v>
      </c>
      <c r="D104" s="5">
        <v>3694</v>
      </c>
    </row>
    <row r="105" spans="1:4" ht="18" customHeight="1" x14ac:dyDescent="0.15">
      <c r="A105" s="8">
        <v>82</v>
      </c>
      <c r="B105" s="21">
        <v>1381</v>
      </c>
      <c r="C105" s="6">
        <v>2047</v>
      </c>
      <c r="D105" s="5">
        <v>3428</v>
      </c>
    </row>
    <row r="106" spans="1:4" ht="18" customHeight="1" x14ac:dyDescent="0.15">
      <c r="A106" s="8">
        <v>83</v>
      </c>
      <c r="B106" s="21">
        <v>1350</v>
      </c>
      <c r="C106" s="6">
        <v>1983</v>
      </c>
      <c r="D106" s="5">
        <v>3333</v>
      </c>
    </row>
    <row r="107" spans="1:4" ht="18" customHeight="1" x14ac:dyDescent="0.15">
      <c r="A107" s="8">
        <v>84</v>
      </c>
      <c r="B107" s="21">
        <v>1230</v>
      </c>
      <c r="C107" s="6">
        <v>1898</v>
      </c>
      <c r="D107" s="5">
        <v>3128</v>
      </c>
    </row>
    <row r="108" spans="1:4" ht="18" customHeight="1" x14ac:dyDescent="0.15">
      <c r="A108" s="8" t="s">
        <v>7</v>
      </c>
      <c r="B108" s="21">
        <v>6644</v>
      </c>
      <c r="C108" s="6">
        <v>9693</v>
      </c>
      <c r="D108" s="5">
        <v>16337</v>
      </c>
    </row>
    <row r="109" spans="1:4" ht="18" customHeight="1" x14ac:dyDescent="0.15">
      <c r="A109" s="8">
        <v>85</v>
      </c>
      <c r="B109" s="21">
        <v>1081</v>
      </c>
      <c r="C109" s="6">
        <v>1639</v>
      </c>
      <c r="D109" s="5">
        <v>2720</v>
      </c>
    </row>
    <row r="110" spans="1:4" ht="18" customHeight="1" x14ac:dyDescent="0.15">
      <c r="A110" s="8">
        <v>86</v>
      </c>
      <c r="B110" s="21">
        <v>800</v>
      </c>
      <c r="C110" s="6">
        <v>1279</v>
      </c>
      <c r="D110" s="5">
        <v>2079</v>
      </c>
    </row>
    <row r="111" spans="1:4" ht="18" customHeight="1" x14ac:dyDescent="0.15">
      <c r="A111" s="8">
        <v>87</v>
      </c>
      <c r="B111" s="21">
        <v>636</v>
      </c>
      <c r="C111" s="6">
        <v>1183</v>
      </c>
      <c r="D111" s="5">
        <v>1819</v>
      </c>
    </row>
    <row r="112" spans="1:4" ht="18" customHeight="1" x14ac:dyDescent="0.15">
      <c r="A112" s="8">
        <v>88</v>
      </c>
      <c r="B112" s="21">
        <v>697</v>
      </c>
      <c r="C112" s="6">
        <v>1240</v>
      </c>
      <c r="D112" s="5">
        <v>1937</v>
      </c>
    </row>
    <row r="113" spans="1:4" ht="18" customHeight="1" x14ac:dyDescent="0.15">
      <c r="A113" s="8">
        <v>89</v>
      </c>
      <c r="B113" s="21">
        <v>573</v>
      </c>
      <c r="C113" s="6">
        <v>1245</v>
      </c>
      <c r="D113" s="5">
        <v>1818</v>
      </c>
    </row>
    <row r="114" spans="1:4" ht="18" customHeight="1" x14ac:dyDescent="0.15">
      <c r="A114" s="8" t="s">
        <v>6</v>
      </c>
      <c r="B114" s="21">
        <v>3787</v>
      </c>
      <c r="C114" s="6">
        <v>6586</v>
      </c>
      <c r="D114" s="5">
        <v>10373</v>
      </c>
    </row>
    <row r="115" spans="1:4" ht="18" customHeight="1" x14ac:dyDescent="0.15">
      <c r="A115" s="8">
        <v>90</v>
      </c>
      <c r="B115" s="21">
        <v>467</v>
      </c>
      <c r="C115" s="6">
        <v>1046</v>
      </c>
      <c r="D115" s="5">
        <v>1513</v>
      </c>
    </row>
    <row r="116" spans="1:4" ht="18" customHeight="1" x14ac:dyDescent="0.15">
      <c r="A116" s="8">
        <v>91</v>
      </c>
      <c r="B116" s="21">
        <v>359</v>
      </c>
      <c r="C116" s="6">
        <v>861</v>
      </c>
      <c r="D116" s="5">
        <v>1220</v>
      </c>
    </row>
    <row r="117" spans="1:4" ht="18" customHeight="1" x14ac:dyDescent="0.15">
      <c r="A117" s="8">
        <v>92</v>
      </c>
      <c r="B117" s="21">
        <v>294</v>
      </c>
      <c r="C117" s="6">
        <v>886</v>
      </c>
      <c r="D117" s="5">
        <v>1180</v>
      </c>
    </row>
    <row r="118" spans="1:4" ht="18" customHeight="1" x14ac:dyDescent="0.15">
      <c r="A118" s="8">
        <v>93</v>
      </c>
      <c r="B118" s="21">
        <v>210</v>
      </c>
      <c r="C118" s="6">
        <v>781</v>
      </c>
      <c r="D118" s="5">
        <v>991</v>
      </c>
    </row>
    <row r="119" spans="1:4" ht="18" customHeight="1" x14ac:dyDescent="0.15">
      <c r="A119" s="8">
        <v>94</v>
      </c>
      <c r="B119" s="21">
        <v>177</v>
      </c>
      <c r="C119" s="6">
        <v>559</v>
      </c>
      <c r="D119" s="5">
        <v>736</v>
      </c>
    </row>
    <row r="120" spans="1:4" ht="18" customHeight="1" x14ac:dyDescent="0.15">
      <c r="A120" s="8" t="s">
        <v>5</v>
      </c>
      <c r="B120" s="21">
        <v>1507</v>
      </c>
      <c r="C120" s="6">
        <v>4133</v>
      </c>
      <c r="D120" s="5">
        <v>5640</v>
      </c>
    </row>
    <row r="121" spans="1:4" ht="18" customHeight="1" x14ac:dyDescent="0.15">
      <c r="A121" s="8">
        <v>95</v>
      </c>
      <c r="B121" s="21">
        <v>101</v>
      </c>
      <c r="C121" s="6">
        <v>408</v>
      </c>
      <c r="D121" s="5">
        <v>509</v>
      </c>
    </row>
    <row r="122" spans="1:4" ht="18" customHeight="1" x14ac:dyDescent="0.15">
      <c r="A122" s="8">
        <v>96</v>
      </c>
      <c r="B122" s="21">
        <v>75</v>
      </c>
      <c r="C122" s="6">
        <v>331</v>
      </c>
      <c r="D122" s="5">
        <v>406</v>
      </c>
    </row>
    <row r="123" spans="1:4" ht="18" customHeight="1" x14ac:dyDescent="0.15">
      <c r="A123" s="8">
        <v>97</v>
      </c>
      <c r="B123" s="21">
        <v>60</v>
      </c>
      <c r="C123" s="6">
        <v>265</v>
      </c>
      <c r="D123" s="5">
        <v>325</v>
      </c>
    </row>
    <row r="124" spans="1:4" ht="18" customHeight="1" x14ac:dyDescent="0.15">
      <c r="A124" s="8">
        <v>98</v>
      </c>
      <c r="B124" s="21">
        <v>33</v>
      </c>
      <c r="C124" s="6">
        <v>198</v>
      </c>
      <c r="D124" s="5">
        <v>231</v>
      </c>
    </row>
    <row r="125" spans="1:4" ht="18" customHeight="1" x14ac:dyDescent="0.15">
      <c r="A125" s="8">
        <v>99</v>
      </c>
      <c r="B125" s="21">
        <v>23</v>
      </c>
      <c r="C125" s="6">
        <v>143</v>
      </c>
      <c r="D125" s="5">
        <v>166</v>
      </c>
    </row>
    <row r="126" spans="1:4" ht="18" customHeight="1" x14ac:dyDescent="0.15">
      <c r="A126" s="8" t="s">
        <v>4</v>
      </c>
      <c r="B126" s="21">
        <v>292</v>
      </c>
      <c r="C126" s="6">
        <v>1345</v>
      </c>
      <c r="D126" s="5">
        <v>1637</v>
      </c>
    </row>
    <row r="127" spans="1:4" ht="18" customHeight="1" x14ac:dyDescent="0.15">
      <c r="A127" s="8">
        <v>100</v>
      </c>
      <c r="B127" s="21">
        <v>9</v>
      </c>
      <c r="C127" s="6">
        <v>111</v>
      </c>
      <c r="D127" s="5">
        <v>120</v>
      </c>
    </row>
    <row r="128" spans="1:4" ht="18" customHeight="1" x14ac:dyDescent="0.15">
      <c r="A128" s="9" t="s">
        <v>3</v>
      </c>
      <c r="B128" s="21">
        <v>13</v>
      </c>
      <c r="C128" s="6">
        <v>149</v>
      </c>
      <c r="D128" s="5">
        <v>162</v>
      </c>
    </row>
    <row r="129" spans="1:4" ht="18" customHeight="1" x14ac:dyDescent="0.15">
      <c r="A129" s="8" t="s">
        <v>2</v>
      </c>
      <c r="B129" s="21">
        <v>22</v>
      </c>
      <c r="C129" s="6">
        <v>260</v>
      </c>
      <c r="D129" s="5">
        <v>282</v>
      </c>
    </row>
    <row r="130" spans="1:4" ht="18" customHeight="1" x14ac:dyDescent="0.15">
      <c r="A130" s="8" t="s">
        <v>1</v>
      </c>
      <c r="B130" s="21">
        <v>39653</v>
      </c>
      <c r="C130" s="6">
        <v>54006</v>
      </c>
      <c r="D130" s="5">
        <v>93659</v>
      </c>
    </row>
    <row r="131" spans="1:4" ht="18" customHeight="1" x14ac:dyDescent="0.15">
      <c r="A131" s="4" t="s">
        <v>0</v>
      </c>
      <c r="B131" s="20">
        <v>152270</v>
      </c>
      <c r="C131" s="2">
        <v>159818</v>
      </c>
      <c r="D131" s="1">
        <v>31208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6CDB66-2172-4431-AC90-EA9340BC0D10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0</v>
      </c>
      <c r="D14" s="5">
        <v>2</v>
      </c>
    </row>
    <row r="15" spans="1:4" ht="18" customHeight="1" x14ac:dyDescent="0.15">
      <c r="A15" s="8">
        <v>9</v>
      </c>
      <c r="B15" s="26">
        <v>0</v>
      </c>
      <c r="C15" s="6">
        <v>1</v>
      </c>
      <c r="D15" s="5">
        <v>1</v>
      </c>
    </row>
    <row r="16" spans="1:4" ht="18" customHeight="1" x14ac:dyDescent="0.15">
      <c r="A16" s="8" t="s">
        <v>24</v>
      </c>
      <c r="B16" s="21">
        <v>3</v>
      </c>
      <c r="C16" s="6">
        <v>1</v>
      </c>
      <c r="D16" s="5">
        <v>4</v>
      </c>
    </row>
    <row r="17" spans="1:4" ht="18" customHeight="1" x14ac:dyDescent="0.15">
      <c r="A17" s="8">
        <v>10</v>
      </c>
      <c r="B17" s="21">
        <v>2</v>
      </c>
      <c r="C17" s="6">
        <v>0</v>
      </c>
      <c r="D17" s="5">
        <v>2</v>
      </c>
    </row>
    <row r="18" spans="1:4" ht="18" customHeight="1" x14ac:dyDescent="0.15">
      <c r="A18" s="8">
        <v>11</v>
      </c>
      <c r="B18" s="21">
        <v>3</v>
      </c>
      <c r="C18" s="6">
        <v>1</v>
      </c>
      <c r="D18" s="5">
        <v>4</v>
      </c>
    </row>
    <row r="19" spans="1:4" ht="18" customHeight="1" x14ac:dyDescent="0.15">
      <c r="A19" s="8">
        <v>12</v>
      </c>
      <c r="B19" s="21">
        <v>1</v>
      </c>
      <c r="C19" s="6">
        <v>1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1</v>
      </c>
      <c r="D20" s="5">
        <v>1</v>
      </c>
    </row>
    <row r="21" spans="1:4" ht="18" customHeight="1" x14ac:dyDescent="0.15">
      <c r="A21" s="8">
        <v>14</v>
      </c>
      <c r="B21" s="21">
        <v>2</v>
      </c>
      <c r="C21" s="6">
        <v>0</v>
      </c>
      <c r="D21" s="5">
        <v>2</v>
      </c>
    </row>
    <row r="22" spans="1:4" ht="18" customHeight="1" x14ac:dyDescent="0.15">
      <c r="A22" s="8" t="s">
        <v>23</v>
      </c>
      <c r="B22" s="21">
        <v>8</v>
      </c>
      <c r="C22" s="6">
        <v>3</v>
      </c>
      <c r="D22" s="5">
        <v>11</v>
      </c>
    </row>
    <row r="23" spans="1:4" ht="18" customHeight="1" x14ac:dyDescent="0.15">
      <c r="A23" s="8" t="s">
        <v>22</v>
      </c>
      <c r="B23" s="21">
        <v>12</v>
      </c>
      <c r="C23" s="6">
        <v>4</v>
      </c>
      <c r="D23" s="5">
        <v>16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2</v>
      </c>
      <c r="C25" s="6">
        <v>2</v>
      </c>
      <c r="D25" s="5">
        <v>4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3</v>
      </c>
      <c r="C29" s="6">
        <v>3</v>
      </c>
      <c r="D29" s="5">
        <v>6</v>
      </c>
    </row>
    <row r="30" spans="1:4" ht="18" customHeight="1" x14ac:dyDescent="0.15">
      <c r="A30" s="8">
        <v>20</v>
      </c>
      <c r="B30" s="21">
        <v>0</v>
      </c>
      <c r="C30" s="6">
        <v>1</v>
      </c>
      <c r="D30" s="5">
        <v>1</v>
      </c>
    </row>
    <row r="31" spans="1:4" ht="18" customHeight="1" x14ac:dyDescent="0.15">
      <c r="A31" s="8">
        <v>21</v>
      </c>
      <c r="B31" s="21">
        <v>1</v>
      </c>
      <c r="C31" s="6">
        <v>0</v>
      </c>
      <c r="D31" s="5">
        <v>1</v>
      </c>
    </row>
    <row r="32" spans="1:4" ht="18" customHeight="1" x14ac:dyDescent="0.15">
      <c r="A32" s="8">
        <v>22</v>
      </c>
      <c r="B32" s="21">
        <v>1</v>
      </c>
      <c r="C32" s="6">
        <v>3</v>
      </c>
      <c r="D32" s="5">
        <v>4</v>
      </c>
    </row>
    <row r="33" spans="1:4" ht="18" customHeight="1" x14ac:dyDescent="0.15">
      <c r="A33" s="8">
        <v>23</v>
      </c>
      <c r="B33" s="21">
        <v>1</v>
      </c>
      <c r="C33" s="6">
        <v>0</v>
      </c>
      <c r="D33" s="5">
        <v>1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5</v>
      </c>
      <c r="C35" s="6">
        <v>5</v>
      </c>
      <c r="D35" s="5">
        <v>10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2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4</v>
      </c>
      <c r="C41" s="6">
        <v>2</v>
      </c>
      <c r="D41" s="5">
        <v>6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0</v>
      </c>
      <c r="C43" s="6">
        <v>1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3</v>
      </c>
      <c r="C47" s="6">
        <v>2</v>
      </c>
      <c r="D47" s="5">
        <v>5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0</v>
      </c>
      <c r="C51" s="6">
        <v>1</v>
      </c>
      <c r="D51" s="5">
        <v>1</v>
      </c>
    </row>
    <row r="52" spans="1:4" ht="18" customHeight="1" x14ac:dyDescent="0.15">
      <c r="A52" s="8">
        <v>39</v>
      </c>
      <c r="B52" s="21">
        <v>0</v>
      </c>
      <c r="C52" s="6">
        <v>1</v>
      </c>
      <c r="D52" s="5">
        <v>1</v>
      </c>
    </row>
    <row r="53" spans="1:4" ht="18" customHeight="1" x14ac:dyDescent="0.15">
      <c r="A53" s="8" t="s">
        <v>17</v>
      </c>
      <c r="B53" s="21">
        <v>1</v>
      </c>
      <c r="C53" s="6">
        <v>2</v>
      </c>
      <c r="D53" s="5">
        <v>3</v>
      </c>
    </row>
    <row r="54" spans="1:4" ht="18" customHeight="1" x14ac:dyDescent="0.15">
      <c r="A54" s="8">
        <v>40</v>
      </c>
      <c r="B54" s="21">
        <v>2</v>
      </c>
      <c r="C54" s="6">
        <v>1</v>
      </c>
      <c r="D54" s="5">
        <v>3</v>
      </c>
    </row>
    <row r="55" spans="1:4" ht="18" customHeight="1" x14ac:dyDescent="0.15">
      <c r="A55" s="8">
        <v>41</v>
      </c>
      <c r="B55" s="21">
        <v>3</v>
      </c>
      <c r="C55" s="6">
        <v>0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1</v>
      </c>
      <c r="D57" s="5">
        <v>3</v>
      </c>
    </row>
    <row r="58" spans="1:4" ht="18" customHeight="1" x14ac:dyDescent="0.15">
      <c r="A58" s="8">
        <v>44</v>
      </c>
      <c r="B58" s="21">
        <v>0</v>
      </c>
      <c r="C58" s="6">
        <v>2</v>
      </c>
      <c r="D58" s="5">
        <v>2</v>
      </c>
    </row>
    <row r="59" spans="1:4" ht="18" customHeight="1" x14ac:dyDescent="0.15">
      <c r="A59" s="8" t="s">
        <v>16</v>
      </c>
      <c r="B59" s="21">
        <v>8</v>
      </c>
      <c r="C59" s="6">
        <v>4</v>
      </c>
      <c r="D59" s="5">
        <v>12</v>
      </c>
    </row>
    <row r="60" spans="1:4" ht="18" customHeight="1" x14ac:dyDescent="0.15">
      <c r="A60" s="8">
        <v>45</v>
      </c>
      <c r="B60" s="21">
        <v>1</v>
      </c>
      <c r="C60" s="6">
        <v>1</v>
      </c>
      <c r="D60" s="5">
        <v>2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0</v>
      </c>
      <c r="C62" s="6">
        <v>2</v>
      </c>
      <c r="D62" s="5">
        <v>2</v>
      </c>
    </row>
    <row r="63" spans="1:4" ht="18" customHeight="1" x14ac:dyDescent="0.15">
      <c r="A63" s="8">
        <v>48</v>
      </c>
      <c r="B63" s="21">
        <v>3</v>
      </c>
      <c r="C63" s="6">
        <v>1</v>
      </c>
      <c r="D63" s="5">
        <v>4</v>
      </c>
    </row>
    <row r="64" spans="1:4" ht="18" customHeight="1" x14ac:dyDescent="0.15">
      <c r="A64" s="8">
        <v>49</v>
      </c>
      <c r="B64" s="21">
        <v>2</v>
      </c>
      <c r="C64" s="6">
        <v>4</v>
      </c>
      <c r="D64" s="5">
        <v>6</v>
      </c>
    </row>
    <row r="65" spans="1:4" ht="18" customHeight="1" x14ac:dyDescent="0.15">
      <c r="A65" s="8" t="s">
        <v>15</v>
      </c>
      <c r="B65" s="21">
        <v>8</v>
      </c>
      <c r="C65" s="6">
        <v>9</v>
      </c>
      <c r="D65" s="5">
        <v>17</v>
      </c>
    </row>
    <row r="66" spans="1:4" ht="18" customHeight="1" x14ac:dyDescent="0.15">
      <c r="A66" s="8">
        <v>50</v>
      </c>
      <c r="B66" s="21">
        <v>2</v>
      </c>
      <c r="C66" s="6">
        <v>1</v>
      </c>
      <c r="D66" s="5">
        <v>3</v>
      </c>
    </row>
    <row r="67" spans="1:4" ht="18" customHeight="1" x14ac:dyDescent="0.15">
      <c r="A67" s="8">
        <v>51</v>
      </c>
      <c r="B67" s="21">
        <v>3</v>
      </c>
      <c r="C67" s="6">
        <v>0</v>
      </c>
      <c r="D67" s="5">
        <v>3</v>
      </c>
    </row>
    <row r="68" spans="1:4" ht="18" customHeight="1" x14ac:dyDescent="0.15">
      <c r="A68" s="8">
        <v>52</v>
      </c>
      <c r="B68" s="21">
        <v>1</v>
      </c>
      <c r="C68" s="6">
        <v>1</v>
      </c>
      <c r="D68" s="5">
        <v>2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2</v>
      </c>
      <c r="C70" s="6">
        <v>1</v>
      </c>
      <c r="D70" s="5">
        <v>3</v>
      </c>
    </row>
    <row r="71" spans="1:4" ht="18" customHeight="1" x14ac:dyDescent="0.15">
      <c r="A71" s="8" t="s">
        <v>14</v>
      </c>
      <c r="B71" s="21">
        <v>8</v>
      </c>
      <c r="C71" s="6">
        <v>3</v>
      </c>
      <c r="D71" s="5">
        <v>11</v>
      </c>
    </row>
    <row r="72" spans="1:4" ht="18" customHeight="1" x14ac:dyDescent="0.15">
      <c r="A72" s="8">
        <v>55</v>
      </c>
      <c r="B72" s="21">
        <v>0</v>
      </c>
      <c r="C72" s="6">
        <v>0</v>
      </c>
      <c r="D72" s="5">
        <v>0</v>
      </c>
    </row>
    <row r="73" spans="1:4" ht="18" customHeight="1" x14ac:dyDescent="0.15">
      <c r="A73" s="8">
        <v>56</v>
      </c>
      <c r="B73" s="21">
        <v>1</v>
      </c>
      <c r="C73" s="6">
        <v>2</v>
      </c>
      <c r="D73" s="5">
        <v>3</v>
      </c>
    </row>
    <row r="74" spans="1:4" ht="18" customHeight="1" x14ac:dyDescent="0.15">
      <c r="A74" s="8">
        <v>57</v>
      </c>
      <c r="B74" s="21">
        <v>3</v>
      </c>
      <c r="C74" s="6">
        <v>2</v>
      </c>
      <c r="D74" s="5">
        <v>5</v>
      </c>
    </row>
    <row r="75" spans="1:4" ht="18" customHeight="1" x14ac:dyDescent="0.15">
      <c r="A75" s="8">
        <v>58</v>
      </c>
      <c r="B75" s="21">
        <v>1</v>
      </c>
      <c r="C75" s="6">
        <v>0</v>
      </c>
      <c r="D75" s="5">
        <v>1</v>
      </c>
    </row>
    <row r="76" spans="1:4" ht="18" customHeight="1" x14ac:dyDescent="0.15">
      <c r="A76" s="8">
        <v>59</v>
      </c>
      <c r="B76" s="21">
        <v>1</v>
      </c>
      <c r="C76" s="6">
        <v>1</v>
      </c>
      <c r="D76" s="5">
        <v>2</v>
      </c>
    </row>
    <row r="77" spans="1:4" ht="18" customHeight="1" x14ac:dyDescent="0.15">
      <c r="A77" s="8" t="s">
        <v>13</v>
      </c>
      <c r="B77" s="21">
        <v>6</v>
      </c>
      <c r="C77" s="6">
        <v>5</v>
      </c>
      <c r="D77" s="5">
        <v>11</v>
      </c>
    </row>
    <row r="78" spans="1:4" ht="18" customHeight="1" x14ac:dyDescent="0.15">
      <c r="A78" s="8">
        <v>60</v>
      </c>
      <c r="B78" s="21">
        <v>3</v>
      </c>
      <c r="C78" s="6">
        <v>2</v>
      </c>
      <c r="D78" s="5">
        <v>5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4</v>
      </c>
      <c r="C81" s="6">
        <v>2</v>
      </c>
      <c r="D81" s="5">
        <v>6</v>
      </c>
    </row>
    <row r="82" spans="1:4" ht="18" customHeight="1" x14ac:dyDescent="0.15">
      <c r="A82" s="8">
        <v>64</v>
      </c>
      <c r="B82" s="21">
        <v>3</v>
      </c>
      <c r="C82" s="6">
        <v>3</v>
      </c>
      <c r="D82" s="5">
        <v>6</v>
      </c>
    </row>
    <row r="83" spans="1:4" ht="18" customHeight="1" x14ac:dyDescent="0.15">
      <c r="A83" s="8" t="s">
        <v>12</v>
      </c>
      <c r="B83" s="21">
        <v>12</v>
      </c>
      <c r="C83" s="6">
        <v>9</v>
      </c>
      <c r="D83" s="5">
        <v>21</v>
      </c>
    </row>
    <row r="84" spans="1:4" ht="18" customHeight="1" x14ac:dyDescent="0.15">
      <c r="A84" s="8" t="s">
        <v>11</v>
      </c>
      <c r="B84" s="21">
        <v>58</v>
      </c>
      <c r="C84" s="6">
        <v>44</v>
      </c>
      <c r="D84" s="5">
        <v>102</v>
      </c>
    </row>
    <row r="85" spans="1:4" ht="18" customHeight="1" x14ac:dyDescent="0.15">
      <c r="A85" s="8">
        <v>65</v>
      </c>
      <c r="B85" s="21">
        <v>3</v>
      </c>
      <c r="C85" s="6">
        <v>1</v>
      </c>
      <c r="D85" s="5">
        <v>4</v>
      </c>
    </row>
    <row r="86" spans="1:4" ht="18" customHeight="1" x14ac:dyDescent="0.15">
      <c r="A86" s="8">
        <v>66</v>
      </c>
      <c r="B86" s="21">
        <v>0</v>
      </c>
      <c r="C86" s="6">
        <v>1</v>
      </c>
      <c r="D86" s="5">
        <v>1</v>
      </c>
    </row>
    <row r="87" spans="1:4" ht="18" customHeight="1" x14ac:dyDescent="0.15">
      <c r="A87" s="8">
        <v>67</v>
      </c>
      <c r="B87" s="21">
        <v>3</v>
      </c>
      <c r="C87" s="6">
        <v>1</v>
      </c>
      <c r="D87" s="5">
        <v>4</v>
      </c>
    </row>
    <row r="88" spans="1:4" ht="18" customHeight="1" x14ac:dyDescent="0.15">
      <c r="A88" s="8">
        <v>68</v>
      </c>
      <c r="B88" s="21">
        <v>1</v>
      </c>
      <c r="C88" s="6">
        <v>0</v>
      </c>
      <c r="D88" s="5">
        <v>1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7</v>
      </c>
      <c r="C90" s="6">
        <v>6</v>
      </c>
      <c r="D90" s="5">
        <v>13</v>
      </c>
    </row>
    <row r="91" spans="1:4" ht="18" customHeight="1" x14ac:dyDescent="0.15">
      <c r="A91" s="8">
        <v>70</v>
      </c>
      <c r="B91" s="21">
        <v>2</v>
      </c>
      <c r="C91" s="6">
        <v>2</v>
      </c>
      <c r="D91" s="5">
        <v>4</v>
      </c>
    </row>
    <row r="92" spans="1:4" ht="18" customHeight="1" x14ac:dyDescent="0.15">
      <c r="A92" s="8">
        <v>71</v>
      </c>
      <c r="B92" s="21">
        <v>3</v>
      </c>
      <c r="C92" s="6">
        <v>3</v>
      </c>
      <c r="D92" s="5">
        <v>6</v>
      </c>
    </row>
    <row r="93" spans="1:4" ht="18" customHeight="1" x14ac:dyDescent="0.15">
      <c r="A93" s="8">
        <v>72</v>
      </c>
      <c r="B93" s="21">
        <v>3</v>
      </c>
      <c r="C93" s="6">
        <v>2</v>
      </c>
      <c r="D93" s="5">
        <v>5</v>
      </c>
    </row>
    <row r="94" spans="1:4" ht="18" customHeight="1" x14ac:dyDescent="0.15">
      <c r="A94" s="8">
        <v>73</v>
      </c>
      <c r="B94" s="21">
        <v>2</v>
      </c>
      <c r="C94" s="6">
        <v>5</v>
      </c>
      <c r="D94" s="5">
        <v>7</v>
      </c>
    </row>
    <row r="95" spans="1:4" ht="18" customHeight="1" x14ac:dyDescent="0.15">
      <c r="A95" s="8">
        <v>74</v>
      </c>
      <c r="B95" s="21">
        <v>3</v>
      </c>
      <c r="C95" s="6">
        <v>2</v>
      </c>
      <c r="D95" s="5">
        <v>5</v>
      </c>
    </row>
    <row r="96" spans="1:4" ht="18" customHeight="1" x14ac:dyDescent="0.15">
      <c r="A96" s="8" t="s">
        <v>9</v>
      </c>
      <c r="B96" s="21">
        <v>13</v>
      </c>
      <c r="C96" s="6">
        <v>14</v>
      </c>
      <c r="D96" s="5">
        <v>27</v>
      </c>
    </row>
    <row r="97" spans="1:4" ht="18" customHeight="1" x14ac:dyDescent="0.15">
      <c r="A97" s="8">
        <v>75</v>
      </c>
      <c r="B97" s="21">
        <v>2</v>
      </c>
      <c r="C97" s="6">
        <v>3</v>
      </c>
      <c r="D97" s="5">
        <v>5</v>
      </c>
    </row>
    <row r="98" spans="1:4" ht="18" customHeight="1" x14ac:dyDescent="0.15">
      <c r="A98" s="8">
        <v>76</v>
      </c>
      <c r="B98" s="21">
        <v>5</v>
      </c>
      <c r="C98" s="6">
        <v>3</v>
      </c>
      <c r="D98" s="5">
        <v>8</v>
      </c>
    </row>
    <row r="99" spans="1:4" ht="18" customHeight="1" x14ac:dyDescent="0.15">
      <c r="A99" s="8">
        <v>77</v>
      </c>
      <c r="B99" s="21">
        <v>2</v>
      </c>
      <c r="C99" s="6">
        <v>4</v>
      </c>
      <c r="D99" s="5">
        <v>6</v>
      </c>
    </row>
    <row r="100" spans="1:4" ht="18" customHeight="1" x14ac:dyDescent="0.15">
      <c r="A100" s="8">
        <v>78</v>
      </c>
      <c r="B100" s="21">
        <v>6</v>
      </c>
      <c r="C100" s="6">
        <v>5</v>
      </c>
      <c r="D100" s="5">
        <v>11</v>
      </c>
    </row>
    <row r="101" spans="1:4" ht="18" customHeight="1" x14ac:dyDescent="0.15">
      <c r="A101" s="8">
        <v>79</v>
      </c>
      <c r="B101" s="21">
        <v>3</v>
      </c>
      <c r="C101" s="6">
        <v>3</v>
      </c>
      <c r="D101" s="5">
        <v>6</v>
      </c>
    </row>
    <row r="102" spans="1:4" ht="18" customHeight="1" x14ac:dyDescent="0.15">
      <c r="A102" s="8" t="s">
        <v>8</v>
      </c>
      <c r="B102" s="21">
        <v>18</v>
      </c>
      <c r="C102" s="6">
        <v>18</v>
      </c>
      <c r="D102" s="5">
        <v>36</v>
      </c>
    </row>
    <row r="103" spans="1:4" ht="18" customHeight="1" x14ac:dyDescent="0.15">
      <c r="A103" s="8">
        <v>80</v>
      </c>
      <c r="B103" s="21">
        <v>1</v>
      </c>
      <c r="C103" s="6">
        <v>1</v>
      </c>
      <c r="D103" s="5">
        <v>2</v>
      </c>
    </row>
    <row r="104" spans="1:4" ht="18" customHeight="1" x14ac:dyDescent="0.15">
      <c r="A104" s="8">
        <v>81</v>
      </c>
      <c r="B104" s="21">
        <v>2</v>
      </c>
      <c r="C104" s="6">
        <v>4</v>
      </c>
      <c r="D104" s="5">
        <v>6</v>
      </c>
    </row>
    <row r="105" spans="1:4" ht="18" customHeight="1" x14ac:dyDescent="0.15">
      <c r="A105" s="8">
        <v>82</v>
      </c>
      <c r="B105" s="21">
        <v>0</v>
      </c>
      <c r="C105" s="6">
        <v>2</v>
      </c>
      <c r="D105" s="5">
        <v>2</v>
      </c>
    </row>
    <row r="106" spans="1:4" ht="18" customHeight="1" x14ac:dyDescent="0.15">
      <c r="A106" s="8">
        <v>83</v>
      </c>
      <c r="B106" s="21">
        <v>2</v>
      </c>
      <c r="C106" s="6">
        <v>2</v>
      </c>
      <c r="D106" s="5">
        <v>4</v>
      </c>
    </row>
    <row r="107" spans="1:4" ht="18" customHeight="1" x14ac:dyDescent="0.15">
      <c r="A107" s="8">
        <v>84</v>
      </c>
      <c r="B107" s="21">
        <v>2</v>
      </c>
      <c r="C107" s="6">
        <v>1</v>
      </c>
      <c r="D107" s="5">
        <v>3</v>
      </c>
    </row>
    <row r="108" spans="1:4" ht="18" customHeight="1" x14ac:dyDescent="0.15">
      <c r="A108" s="8" t="s">
        <v>7</v>
      </c>
      <c r="B108" s="21">
        <v>7</v>
      </c>
      <c r="C108" s="6">
        <v>10</v>
      </c>
      <c r="D108" s="5">
        <v>17</v>
      </c>
    </row>
    <row r="109" spans="1:4" ht="18" customHeight="1" x14ac:dyDescent="0.15">
      <c r="A109" s="8">
        <v>85</v>
      </c>
      <c r="B109" s="21">
        <v>1</v>
      </c>
      <c r="C109" s="6">
        <v>4</v>
      </c>
      <c r="D109" s="5">
        <v>5</v>
      </c>
    </row>
    <row r="110" spans="1:4" ht="18" customHeight="1" x14ac:dyDescent="0.15">
      <c r="A110" s="8">
        <v>86</v>
      </c>
      <c r="B110" s="21">
        <v>3</v>
      </c>
      <c r="C110" s="6">
        <v>0</v>
      </c>
      <c r="D110" s="5">
        <v>3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0</v>
      </c>
      <c r="C112" s="6">
        <v>6</v>
      </c>
      <c r="D112" s="5">
        <v>6</v>
      </c>
    </row>
    <row r="113" spans="1:4" ht="18" customHeight="1" x14ac:dyDescent="0.15">
      <c r="A113" s="8">
        <v>89</v>
      </c>
      <c r="B113" s="21">
        <v>1</v>
      </c>
      <c r="C113" s="6">
        <v>6</v>
      </c>
      <c r="D113" s="5">
        <v>7</v>
      </c>
    </row>
    <row r="114" spans="1:4" ht="18" customHeight="1" x14ac:dyDescent="0.15">
      <c r="A114" s="8" t="s">
        <v>6</v>
      </c>
      <c r="B114" s="21">
        <v>5</v>
      </c>
      <c r="C114" s="6">
        <v>17</v>
      </c>
      <c r="D114" s="5">
        <v>22</v>
      </c>
    </row>
    <row r="115" spans="1:4" ht="18" customHeight="1" x14ac:dyDescent="0.15">
      <c r="A115" s="8">
        <v>90</v>
      </c>
      <c r="B115" s="21">
        <v>1</v>
      </c>
      <c r="C115" s="6">
        <v>1</v>
      </c>
      <c r="D115" s="5">
        <v>2</v>
      </c>
    </row>
    <row r="116" spans="1:4" ht="18" customHeight="1" x14ac:dyDescent="0.15">
      <c r="A116" s="8">
        <v>91</v>
      </c>
      <c r="B116" s="21">
        <v>1</v>
      </c>
      <c r="C116" s="6">
        <v>4</v>
      </c>
      <c r="D116" s="5">
        <v>5</v>
      </c>
    </row>
    <row r="117" spans="1:4" ht="18" customHeight="1" x14ac:dyDescent="0.15">
      <c r="A117" s="8">
        <v>92</v>
      </c>
      <c r="B117" s="21">
        <v>1</v>
      </c>
      <c r="C117" s="6">
        <v>0</v>
      </c>
      <c r="D117" s="5">
        <v>1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3</v>
      </c>
      <c r="C120" s="6">
        <v>8</v>
      </c>
      <c r="D120" s="5">
        <v>11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5</v>
      </c>
      <c r="D126" s="5">
        <v>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53</v>
      </c>
      <c r="C130" s="6">
        <v>78</v>
      </c>
      <c r="D130" s="5">
        <v>131</v>
      </c>
    </row>
    <row r="131" spans="1:4" ht="18" customHeight="1" x14ac:dyDescent="0.15">
      <c r="A131" s="4" t="s">
        <v>0</v>
      </c>
      <c r="B131" s="20">
        <v>123</v>
      </c>
      <c r="C131" s="2">
        <v>126</v>
      </c>
      <c r="D131" s="1">
        <v>2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8E802E-9E3F-45B3-8AEC-B7EDAB37C13A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2</v>
      </c>
      <c r="C6" s="6">
        <v>0</v>
      </c>
      <c r="D6" s="5">
        <v>2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2</v>
      </c>
      <c r="C9" s="28">
        <v>1</v>
      </c>
      <c r="D9" s="27">
        <v>3</v>
      </c>
    </row>
    <row r="10" spans="1:4" ht="18" customHeight="1" x14ac:dyDescent="0.15">
      <c r="A10" s="8" t="s">
        <v>25</v>
      </c>
      <c r="B10" s="21">
        <v>4</v>
      </c>
      <c r="C10" s="6">
        <v>3</v>
      </c>
      <c r="D10" s="5">
        <v>7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2</v>
      </c>
      <c r="C12" s="6">
        <v>1</v>
      </c>
      <c r="D12" s="5">
        <v>3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5</v>
      </c>
      <c r="C16" s="6">
        <v>3</v>
      </c>
      <c r="D16" s="5">
        <v>8</v>
      </c>
    </row>
    <row r="17" spans="1:4" ht="18" customHeight="1" x14ac:dyDescent="0.15">
      <c r="A17" s="8">
        <v>10</v>
      </c>
      <c r="B17" s="21">
        <v>1</v>
      </c>
      <c r="C17" s="6">
        <v>1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1</v>
      </c>
      <c r="D19" s="5">
        <v>1</v>
      </c>
    </row>
    <row r="20" spans="1:4" ht="18" customHeight="1" x14ac:dyDescent="0.15">
      <c r="A20" s="8">
        <v>13</v>
      </c>
      <c r="B20" s="21">
        <v>1</v>
      </c>
      <c r="C20" s="6">
        <v>0</v>
      </c>
      <c r="D20" s="5">
        <v>1</v>
      </c>
    </row>
    <row r="21" spans="1:4" ht="18" customHeight="1" x14ac:dyDescent="0.15">
      <c r="A21" s="8">
        <v>14</v>
      </c>
      <c r="B21" s="21">
        <v>1</v>
      </c>
      <c r="C21" s="6">
        <v>1</v>
      </c>
      <c r="D21" s="5">
        <v>2</v>
      </c>
    </row>
    <row r="22" spans="1:4" ht="18" customHeight="1" x14ac:dyDescent="0.15">
      <c r="A22" s="8" t="s">
        <v>23</v>
      </c>
      <c r="B22" s="21">
        <v>3</v>
      </c>
      <c r="C22" s="6">
        <v>3</v>
      </c>
      <c r="D22" s="5">
        <v>6</v>
      </c>
    </row>
    <row r="23" spans="1:4" ht="18" customHeight="1" x14ac:dyDescent="0.15">
      <c r="A23" s="8" t="s">
        <v>22</v>
      </c>
      <c r="B23" s="21">
        <v>12</v>
      </c>
      <c r="C23" s="6">
        <v>9</v>
      </c>
      <c r="D23" s="5">
        <v>21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2</v>
      </c>
      <c r="C25" s="6">
        <v>0</v>
      </c>
      <c r="D25" s="5">
        <v>2</v>
      </c>
    </row>
    <row r="26" spans="1:4" ht="18" customHeight="1" x14ac:dyDescent="0.15">
      <c r="A26" s="8">
        <v>17</v>
      </c>
      <c r="B26" s="21">
        <v>0</v>
      </c>
      <c r="C26" s="6">
        <v>1</v>
      </c>
      <c r="D26" s="5">
        <v>1</v>
      </c>
    </row>
    <row r="27" spans="1:4" ht="18" customHeight="1" x14ac:dyDescent="0.15">
      <c r="A27" s="8">
        <v>18</v>
      </c>
      <c r="B27" s="21">
        <v>1</v>
      </c>
      <c r="C27" s="6">
        <v>4</v>
      </c>
      <c r="D27" s="5">
        <v>5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4</v>
      </c>
      <c r="C29" s="6">
        <v>5</v>
      </c>
      <c r="D29" s="5">
        <v>9</v>
      </c>
    </row>
    <row r="30" spans="1:4" ht="18" customHeight="1" x14ac:dyDescent="0.15">
      <c r="A30" s="8">
        <v>20</v>
      </c>
      <c r="B30" s="21">
        <v>2</v>
      </c>
      <c r="C30" s="6">
        <v>0</v>
      </c>
      <c r="D30" s="5">
        <v>2</v>
      </c>
    </row>
    <row r="31" spans="1:4" ht="18" customHeight="1" x14ac:dyDescent="0.15">
      <c r="A31" s="8">
        <v>21</v>
      </c>
      <c r="B31" s="21">
        <v>0</v>
      </c>
      <c r="C31" s="6">
        <v>1</v>
      </c>
      <c r="D31" s="5">
        <v>1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1</v>
      </c>
      <c r="D33" s="5">
        <v>1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2</v>
      </c>
      <c r="C35" s="6">
        <v>2</v>
      </c>
      <c r="D35" s="5">
        <v>4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3</v>
      </c>
      <c r="C41" s="6">
        <v>1</v>
      </c>
      <c r="D41" s="5">
        <v>4</v>
      </c>
    </row>
    <row r="42" spans="1:4" ht="18" customHeight="1" x14ac:dyDescent="0.15">
      <c r="A42" s="8">
        <v>30</v>
      </c>
      <c r="B42" s="21">
        <v>5</v>
      </c>
      <c r="C42" s="6">
        <v>0</v>
      </c>
      <c r="D42" s="5">
        <v>5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0</v>
      </c>
      <c r="D44" s="5">
        <v>1</v>
      </c>
    </row>
    <row r="45" spans="1:4" ht="18" customHeight="1" x14ac:dyDescent="0.15">
      <c r="A45" s="8">
        <v>33</v>
      </c>
      <c r="B45" s="21">
        <v>0</v>
      </c>
      <c r="C45" s="6">
        <v>1</v>
      </c>
      <c r="D45" s="5">
        <v>1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8</v>
      </c>
      <c r="C47" s="6">
        <v>1</v>
      </c>
      <c r="D47" s="5">
        <v>9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2</v>
      </c>
      <c r="D49" s="5">
        <v>2</v>
      </c>
    </row>
    <row r="50" spans="1:4" ht="18" customHeight="1" x14ac:dyDescent="0.15">
      <c r="A50" s="8">
        <v>37</v>
      </c>
      <c r="B50" s="21">
        <v>4</v>
      </c>
      <c r="C50" s="6">
        <v>2</v>
      </c>
      <c r="D50" s="5">
        <v>6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3</v>
      </c>
      <c r="C52" s="6">
        <v>2</v>
      </c>
      <c r="D52" s="5">
        <v>5</v>
      </c>
    </row>
    <row r="53" spans="1:4" ht="18" customHeight="1" x14ac:dyDescent="0.15">
      <c r="A53" s="8" t="s">
        <v>17</v>
      </c>
      <c r="B53" s="21">
        <v>9</v>
      </c>
      <c r="C53" s="6">
        <v>7</v>
      </c>
      <c r="D53" s="5">
        <v>16</v>
      </c>
    </row>
    <row r="54" spans="1:4" ht="18" customHeight="1" x14ac:dyDescent="0.15">
      <c r="A54" s="8">
        <v>40</v>
      </c>
      <c r="B54" s="21">
        <v>1</v>
      </c>
      <c r="C54" s="6">
        <v>2</v>
      </c>
      <c r="D54" s="5">
        <v>3</v>
      </c>
    </row>
    <row r="55" spans="1:4" ht="18" customHeight="1" x14ac:dyDescent="0.15">
      <c r="A55" s="8">
        <v>41</v>
      </c>
      <c r="B55" s="21">
        <v>2</v>
      </c>
      <c r="C55" s="6">
        <v>1</v>
      </c>
      <c r="D55" s="5">
        <v>3</v>
      </c>
    </row>
    <row r="56" spans="1:4" ht="18" customHeight="1" x14ac:dyDescent="0.15">
      <c r="A56" s="8">
        <v>42</v>
      </c>
      <c r="B56" s="21">
        <v>0</v>
      </c>
      <c r="C56" s="6">
        <v>4</v>
      </c>
      <c r="D56" s="5">
        <v>4</v>
      </c>
    </row>
    <row r="57" spans="1:4" ht="18" customHeight="1" x14ac:dyDescent="0.15">
      <c r="A57" s="8">
        <v>43</v>
      </c>
      <c r="B57" s="21">
        <v>1</v>
      </c>
      <c r="C57" s="6">
        <v>0</v>
      </c>
      <c r="D57" s="5">
        <v>1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7</v>
      </c>
      <c r="D59" s="5">
        <v>12</v>
      </c>
    </row>
    <row r="60" spans="1:4" ht="18" customHeight="1" x14ac:dyDescent="0.15">
      <c r="A60" s="8">
        <v>45</v>
      </c>
      <c r="B60" s="21">
        <v>3</v>
      </c>
      <c r="C60" s="6">
        <v>0</v>
      </c>
      <c r="D60" s="5">
        <v>3</v>
      </c>
    </row>
    <row r="61" spans="1:4" ht="18" customHeight="1" x14ac:dyDescent="0.15">
      <c r="A61" s="8">
        <v>46</v>
      </c>
      <c r="B61" s="21">
        <v>1</v>
      </c>
      <c r="C61" s="6">
        <v>1</v>
      </c>
      <c r="D61" s="5">
        <v>2</v>
      </c>
    </row>
    <row r="62" spans="1:4" ht="18" customHeight="1" x14ac:dyDescent="0.15">
      <c r="A62" s="8">
        <v>47</v>
      </c>
      <c r="B62" s="21">
        <v>2</v>
      </c>
      <c r="C62" s="6">
        <v>1</v>
      </c>
      <c r="D62" s="5">
        <v>3</v>
      </c>
    </row>
    <row r="63" spans="1:4" ht="18" customHeight="1" x14ac:dyDescent="0.15">
      <c r="A63" s="8">
        <v>48</v>
      </c>
      <c r="B63" s="21">
        <v>1</v>
      </c>
      <c r="C63" s="6">
        <v>2</v>
      </c>
      <c r="D63" s="5">
        <v>3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8</v>
      </c>
      <c r="C65" s="6">
        <v>4</v>
      </c>
      <c r="D65" s="5">
        <v>12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2</v>
      </c>
      <c r="C67" s="6">
        <v>1</v>
      </c>
      <c r="D67" s="5">
        <v>3</v>
      </c>
    </row>
    <row r="68" spans="1:4" ht="18" customHeight="1" x14ac:dyDescent="0.15">
      <c r="A68" s="8">
        <v>52</v>
      </c>
      <c r="B68" s="21">
        <v>0</v>
      </c>
      <c r="C68" s="6">
        <v>0</v>
      </c>
      <c r="D68" s="5">
        <v>0</v>
      </c>
    </row>
    <row r="69" spans="1:4" ht="18" customHeight="1" x14ac:dyDescent="0.15">
      <c r="A69" s="8">
        <v>53</v>
      </c>
      <c r="B69" s="21">
        <v>1</v>
      </c>
      <c r="C69" s="6">
        <v>3</v>
      </c>
      <c r="D69" s="5">
        <v>4</v>
      </c>
    </row>
    <row r="70" spans="1:4" ht="18" customHeight="1" x14ac:dyDescent="0.15">
      <c r="A70" s="8">
        <v>54</v>
      </c>
      <c r="B70" s="21">
        <v>2</v>
      </c>
      <c r="C70" s="6">
        <v>1</v>
      </c>
      <c r="D70" s="5">
        <v>3</v>
      </c>
    </row>
    <row r="71" spans="1:4" ht="18" customHeight="1" x14ac:dyDescent="0.15">
      <c r="A71" s="8" t="s">
        <v>14</v>
      </c>
      <c r="B71" s="21">
        <v>6</v>
      </c>
      <c r="C71" s="6">
        <v>6</v>
      </c>
      <c r="D71" s="5">
        <v>12</v>
      </c>
    </row>
    <row r="72" spans="1:4" ht="18" customHeight="1" x14ac:dyDescent="0.15">
      <c r="A72" s="8">
        <v>55</v>
      </c>
      <c r="B72" s="21">
        <v>1</v>
      </c>
      <c r="C72" s="6">
        <v>1</v>
      </c>
      <c r="D72" s="5">
        <v>2</v>
      </c>
    </row>
    <row r="73" spans="1:4" ht="18" customHeight="1" x14ac:dyDescent="0.15">
      <c r="A73" s="8">
        <v>56</v>
      </c>
      <c r="B73" s="21">
        <v>1</v>
      </c>
      <c r="C73" s="6">
        <v>1</v>
      </c>
      <c r="D73" s="5">
        <v>2</v>
      </c>
    </row>
    <row r="74" spans="1:4" ht="18" customHeight="1" x14ac:dyDescent="0.15">
      <c r="A74" s="8">
        <v>57</v>
      </c>
      <c r="B74" s="21">
        <v>0</v>
      </c>
      <c r="C74" s="6">
        <v>3</v>
      </c>
      <c r="D74" s="5">
        <v>3</v>
      </c>
    </row>
    <row r="75" spans="1:4" ht="18" customHeight="1" x14ac:dyDescent="0.15">
      <c r="A75" s="8">
        <v>58</v>
      </c>
      <c r="B75" s="21">
        <v>0</v>
      </c>
      <c r="C75" s="6">
        <v>0</v>
      </c>
      <c r="D75" s="5">
        <v>0</v>
      </c>
    </row>
    <row r="76" spans="1:4" ht="18" customHeight="1" x14ac:dyDescent="0.15">
      <c r="A76" s="8">
        <v>59</v>
      </c>
      <c r="B76" s="21">
        <v>0</v>
      </c>
      <c r="C76" s="6">
        <v>1</v>
      </c>
      <c r="D76" s="5">
        <v>1</v>
      </c>
    </row>
    <row r="77" spans="1:4" ht="18" customHeight="1" x14ac:dyDescent="0.15">
      <c r="A77" s="8" t="s">
        <v>13</v>
      </c>
      <c r="B77" s="21">
        <v>2</v>
      </c>
      <c r="C77" s="6">
        <v>6</v>
      </c>
      <c r="D77" s="5">
        <v>8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2</v>
      </c>
      <c r="C79" s="6">
        <v>1</v>
      </c>
      <c r="D79" s="5">
        <v>3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3</v>
      </c>
      <c r="C81" s="6">
        <v>3</v>
      </c>
      <c r="D81" s="5">
        <v>6</v>
      </c>
    </row>
    <row r="82" spans="1:4" ht="18" customHeight="1" x14ac:dyDescent="0.15">
      <c r="A82" s="8">
        <v>64</v>
      </c>
      <c r="B82" s="21">
        <v>4</v>
      </c>
      <c r="C82" s="6">
        <v>3</v>
      </c>
      <c r="D82" s="5">
        <v>7</v>
      </c>
    </row>
    <row r="83" spans="1:4" ht="18" customHeight="1" x14ac:dyDescent="0.15">
      <c r="A83" s="8" t="s">
        <v>12</v>
      </c>
      <c r="B83" s="21">
        <v>10</v>
      </c>
      <c r="C83" s="6">
        <v>9</v>
      </c>
      <c r="D83" s="5">
        <v>19</v>
      </c>
    </row>
    <row r="84" spans="1:4" ht="18" customHeight="1" x14ac:dyDescent="0.15">
      <c r="A84" s="8" t="s">
        <v>11</v>
      </c>
      <c r="B84" s="21">
        <v>57</v>
      </c>
      <c r="C84" s="6">
        <v>48</v>
      </c>
      <c r="D84" s="5">
        <v>105</v>
      </c>
    </row>
    <row r="85" spans="1:4" ht="18" customHeight="1" x14ac:dyDescent="0.15">
      <c r="A85" s="8">
        <v>65</v>
      </c>
      <c r="B85" s="21">
        <v>2</v>
      </c>
      <c r="C85" s="6">
        <v>2</v>
      </c>
      <c r="D85" s="5">
        <v>4</v>
      </c>
    </row>
    <row r="86" spans="1:4" ht="18" customHeight="1" x14ac:dyDescent="0.15">
      <c r="A86" s="8">
        <v>66</v>
      </c>
      <c r="B86" s="21">
        <v>4</v>
      </c>
      <c r="C86" s="6">
        <v>2</v>
      </c>
      <c r="D86" s="5">
        <v>6</v>
      </c>
    </row>
    <row r="87" spans="1:4" ht="18" customHeight="1" x14ac:dyDescent="0.15">
      <c r="A87" s="8">
        <v>67</v>
      </c>
      <c r="B87" s="21">
        <v>2</v>
      </c>
      <c r="C87" s="6">
        <v>3</v>
      </c>
      <c r="D87" s="5">
        <v>5</v>
      </c>
    </row>
    <row r="88" spans="1:4" ht="18" customHeight="1" x14ac:dyDescent="0.15">
      <c r="A88" s="8">
        <v>68</v>
      </c>
      <c r="B88" s="21">
        <v>2</v>
      </c>
      <c r="C88" s="6">
        <v>0</v>
      </c>
      <c r="D88" s="5">
        <v>2</v>
      </c>
    </row>
    <row r="89" spans="1:4" ht="18" customHeight="1" x14ac:dyDescent="0.15">
      <c r="A89" s="8">
        <v>69</v>
      </c>
      <c r="B89" s="21">
        <v>2</v>
      </c>
      <c r="C89" s="6">
        <v>1</v>
      </c>
      <c r="D89" s="5">
        <v>3</v>
      </c>
    </row>
    <row r="90" spans="1:4" ht="18" customHeight="1" x14ac:dyDescent="0.15">
      <c r="A90" s="8" t="s">
        <v>10</v>
      </c>
      <c r="B90" s="21">
        <v>12</v>
      </c>
      <c r="C90" s="6">
        <v>8</v>
      </c>
      <c r="D90" s="5">
        <v>20</v>
      </c>
    </row>
    <row r="91" spans="1:4" ht="18" customHeight="1" x14ac:dyDescent="0.15">
      <c r="A91" s="8">
        <v>70</v>
      </c>
      <c r="B91" s="21">
        <v>0</v>
      </c>
      <c r="C91" s="6">
        <v>5</v>
      </c>
      <c r="D91" s="5">
        <v>5</v>
      </c>
    </row>
    <row r="92" spans="1:4" ht="18" customHeight="1" x14ac:dyDescent="0.15">
      <c r="A92" s="8">
        <v>71</v>
      </c>
      <c r="B92" s="21">
        <v>1</v>
      </c>
      <c r="C92" s="6">
        <v>1</v>
      </c>
      <c r="D92" s="5">
        <v>2</v>
      </c>
    </row>
    <row r="93" spans="1:4" ht="18" customHeight="1" x14ac:dyDescent="0.15">
      <c r="A93" s="8">
        <v>72</v>
      </c>
      <c r="B93" s="21">
        <v>4</v>
      </c>
      <c r="C93" s="6">
        <v>1</v>
      </c>
      <c r="D93" s="5">
        <v>5</v>
      </c>
    </row>
    <row r="94" spans="1:4" ht="18" customHeight="1" x14ac:dyDescent="0.15">
      <c r="A94" s="8">
        <v>73</v>
      </c>
      <c r="B94" s="21">
        <v>2</v>
      </c>
      <c r="C94" s="6">
        <v>1</v>
      </c>
      <c r="D94" s="5">
        <v>3</v>
      </c>
    </row>
    <row r="95" spans="1:4" ht="18" customHeight="1" x14ac:dyDescent="0.15">
      <c r="A95" s="8">
        <v>74</v>
      </c>
      <c r="B95" s="21">
        <v>1</v>
      </c>
      <c r="C95" s="6">
        <v>2</v>
      </c>
      <c r="D95" s="5">
        <v>3</v>
      </c>
    </row>
    <row r="96" spans="1:4" ht="18" customHeight="1" x14ac:dyDescent="0.15">
      <c r="A96" s="8" t="s">
        <v>9</v>
      </c>
      <c r="B96" s="21">
        <v>8</v>
      </c>
      <c r="C96" s="6">
        <v>10</v>
      </c>
      <c r="D96" s="5">
        <v>18</v>
      </c>
    </row>
    <row r="97" spans="1:4" ht="18" customHeight="1" x14ac:dyDescent="0.15">
      <c r="A97" s="8">
        <v>75</v>
      </c>
      <c r="B97" s="21">
        <v>4</v>
      </c>
      <c r="C97" s="6">
        <v>1</v>
      </c>
      <c r="D97" s="5">
        <v>5</v>
      </c>
    </row>
    <row r="98" spans="1:4" ht="18" customHeight="1" x14ac:dyDescent="0.15">
      <c r="A98" s="8">
        <v>76</v>
      </c>
      <c r="B98" s="21">
        <v>5</v>
      </c>
      <c r="C98" s="6">
        <v>3</v>
      </c>
      <c r="D98" s="5">
        <v>8</v>
      </c>
    </row>
    <row r="99" spans="1:4" ht="18" customHeight="1" x14ac:dyDescent="0.15">
      <c r="A99" s="8">
        <v>77</v>
      </c>
      <c r="B99" s="21">
        <v>3</v>
      </c>
      <c r="C99" s="6">
        <v>1</v>
      </c>
      <c r="D99" s="5">
        <v>4</v>
      </c>
    </row>
    <row r="100" spans="1:4" ht="18" customHeight="1" x14ac:dyDescent="0.15">
      <c r="A100" s="8">
        <v>78</v>
      </c>
      <c r="B100" s="21">
        <v>2</v>
      </c>
      <c r="C100" s="6">
        <v>1</v>
      </c>
      <c r="D100" s="5">
        <v>3</v>
      </c>
    </row>
    <row r="101" spans="1:4" ht="18" customHeight="1" x14ac:dyDescent="0.15">
      <c r="A101" s="8">
        <v>79</v>
      </c>
      <c r="B101" s="21">
        <v>2</v>
      </c>
      <c r="C101" s="6">
        <v>1</v>
      </c>
      <c r="D101" s="5">
        <v>3</v>
      </c>
    </row>
    <row r="102" spans="1:4" ht="18" customHeight="1" x14ac:dyDescent="0.15">
      <c r="A102" s="8" t="s">
        <v>8</v>
      </c>
      <c r="B102" s="21">
        <v>16</v>
      </c>
      <c r="C102" s="6">
        <v>7</v>
      </c>
      <c r="D102" s="5">
        <v>23</v>
      </c>
    </row>
    <row r="103" spans="1:4" ht="18" customHeight="1" x14ac:dyDescent="0.15">
      <c r="A103" s="8">
        <v>80</v>
      </c>
      <c r="B103" s="21">
        <v>1</v>
      </c>
      <c r="C103" s="6">
        <v>2</v>
      </c>
      <c r="D103" s="5">
        <v>3</v>
      </c>
    </row>
    <row r="104" spans="1:4" ht="18" customHeight="1" x14ac:dyDescent="0.15">
      <c r="A104" s="8">
        <v>81</v>
      </c>
      <c r="B104" s="21">
        <v>1</v>
      </c>
      <c r="C104" s="6">
        <v>1</v>
      </c>
      <c r="D104" s="5">
        <v>2</v>
      </c>
    </row>
    <row r="105" spans="1:4" ht="18" customHeight="1" x14ac:dyDescent="0.15">
      <c r="A105" s="8">
        <v>82</v>
      </c>
      <c r="B105" s="21">
        <v>0</v>
      </c>
      <c r="C105" s="6">
        <v>2</v>
      </c>
      <c r="D105" s="5">
        <v>2</v>
      </c>
    </row>
    <row r="106" spans="1:4" ht="18" customHeight="1" x14ac:dyDescent="0.15">
      <c r="A106" s="8">
        <v>83</v>
      </c>
      <c r="B106" s="21">
        <v>2</v>
      </c>
      <c r="C106" s="6">
        <v>4</v>
      </c>
      <c r="D106" s="5">
        <v>6</v>
      </c>
    </row>
    <row r="107" spans="1:4" ht="18" customHeight="1" x14ac:dyDescent="0.15">
      <c r="A107" s="8">
        <v>84</v>
      </c>
      <c r="B107" s="21">
        <v>2</v>
      </c>
      <c r="C107" s="6">
        <v>1</v>
      </c>
      <c r="D107" s="5">
        <v>3</v>
      </c>
    </row>
    <row r="108" spans="1:4" ht="18" customHeight="1" x14ac:dyDescent="0.15">
      <c r="A108" s="8" t="s">
        <v>7</v>
      </c>
      <c r="B108" s="21">
        <v>6</v>
      </c>
      <c r="C108" s="6">
        <v>10</v>
      </c>
      <c r="D108" s="5">
        <v>16</v>
      </c>
    </row>
    <row r="109" spans="1:4" ht="18" customHeight="1" x14ac:dyDescent="0.15">
      <c r="A109" s="8">
        <v>85</v>
      </c>
      <c r="B109" s="21">
        <v>0</v>
      </c>
      <c r="C109" s="6">
        <v>0</v>
      </c>
      <c r="D109" s="5">
        <v>0</v>
      </c>
    </row>
    <row r="110" spans="1:4" ht="18" customHeight="1" x14ac:dyDescent="0.15">
      <c r="A110" s="8">
        <v>86</v>
      </c>
      <c r="B110" s="21">
        <v>0</v>
      </c>
      <c r="C110" s="6">
        <v>1</v>
      </c>
      <c r="D110" s="5">
        <v>1</v>
      </c>
    </row>
    <row r="111" spans="1:4" ht="18" customHeight="1" x14ac:dyDescent="0.15">
      <c r="A111" s="8">
        <v>87</v>
      </c>
      <c r="B111" s="21">
        <v>1</v>
      </c>
      <c r="C111" s="6">
        <v>3</v>
      </c>
      <c r="D111" s="5">
        <v>4</v>
      </c>
    </row>
    <row r="112" spans="1:4" ht="18" customHeight="1" x14ac:dyDescent="0.15">
      <c r="A112" s="8">
        <v>88</v>
      </c>
      <c r="B112" s="21">
        <v>0</v>
      </c>
      <c r="C112" s="6">
        <v>3</v>
      </c>
      <c r="D112" s="5">
        <v>3</v>
      </c>
    </row>
    <row r="113" spans="1:4" ht="18" customHeight="1" x14ac:dyDescent="0.15">
      <c r="A113" s="8">
        <v>89</v>
      </c>
      <c r="B113" s="21">
        <v>2</v>
      </c>
      <c r="C113" s="6">
        <v>1</v>
      </c>
      <c r="D113" s="5">
        <v>3</v>
      </c>
    </row>
    <row r="114" spans="1:4" ht="18" customHeight="1" x14ac:dyDescent="0.15">
      <c r="A114" s="8" t="s">
        <v>6</v>
      </c>
      <c r="B114" s="21">
        <v>3</v>
      </c>
      <c r="C114" s="6">
        <v>8</v>
      </c>
      <c r="D114" s="5">
        <v>11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1</v>
      </c>
      <c r="D116" s="5">
        <v>1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1</v>
      </c>
      <c r="C120" s="6">
        <v>1</v>
      </c>
      <c r="D120" s="5">
        <v>2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5</v>
      </c>
      <c r="D126" s="5">
        <v>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7</v>
      </c>
      <c r="C130" s="6">
        <v>50</v>
      </c>
      <c r="D130" s="5">
        <v>97</v>
      </c>
    </row>
    <row r="131" spans="1:4" ht="18" customHeight="1" x14ac:dyDescent="0.15">
      <c r="A131" s="4" t="s">
        <v>0</v>
      </c>
      <c r="B131" s="20">
        <v>116</v>
      </c>
      <c r="C131" s="2">
        <v>107</v>
      </c>
      <c r="D131" s="1">
        <v>2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80223D-AE00-45E5-975D-1997253D60E2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3</v>
      </c>
      <c r="C6" s="6">
        <v>3</v>
      </c>
      <c r="D6" s="5">
        <v>6</v>
      </c>
    </row>
    <row r="7" spans="1:4" ht="18" customHeight="1" x14ac:dyDescent="0.15">
      <c r="A7" s="8">
        <v>2</v>
      </c>
      <c r="B7" s="26">
        <v>3</v>
      </c>
      <c r="C7" s="6">
        <v>3</v>
      </c>
      <c r="D7" s="5">
        <v>6</v>
      </c>
    </row>
    <row r="8" spans="1:4" ht="18" customHeight="1" x14ac:dyDescent="0.15">
      <c r="A8" s="8">
        <v>3</v>
      </c>
      <c r="B8" s="26">
        <v>3</v>
      </c>
      <c r="C8" s="6">
        <v>2</v>
      </c>
      <c r="D8" s="5">
        <v>5</v>
      </c>
    </row>
    <row r="9" spans="1:4" ht="18" customHeight="1" x14ac:dyDescent="0.15">
      <c r="A9" s="8">
        <v>4</v>
      </c>
      <c r="B9" s="29">
        <v>3</v>
      </c>
      <c r="C9" s="28">
        <v>3</v>
      </c>
      <c r="D9" s="27">
        <v>6</v>
      </c>
    </row>
    <row r="10" spans="1:4" ht="18" customHeight="1" x14ac:dyDescent="0.15">
      <c r="A10" s="8" t="s">
        <v>25</v>
      </c>
      <c r="B10" s="21">
        <v>14</v>
      </c>
      <c r="C10" s="6">
        <v>11</v>
      </c>
      <c r="D10" s="5">
        <v>25</v>
      </c>
    </row>
    <row r="11" spans="1:4" ht="18" customHeight="1" x14ac:dyDescent="0.15">
      <c r="A11" s="8">
        <v>5</v>
      </c>
      <c r="B11" s="26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6">
        <v>1</v>
      </c>
      <c r="C12" s="6">
        <v>3</v>
      </c>
      <c r="D12" s="5">
        <v>4</v>
      </c>
    </row>
    <row r="13" spans="1:4" ht="18" customHeight="1" x14ac:dyDescent="0.15">
      <c r="A13" s="8">
        <v>7</v>
      </c>
      <c r="B13" s="26">
        <v>4</v>
      </c>
      <c r="C13" s="6">
        <v>4</v>
      </c>
      <c r="D13" s="5">
        <v>8</v>
      </c>
    </row>
    <row r="14" spans="1:4" ht="18" customHeight="1" x14ac:dyDescent="0.15">
      <c r="A14" s="8">
        <v>8</v>
      </c>
      <c r="B14" s="26">
        <v>5</v>
      </c>
      <c r="C14" s="6">
        <v>2</v>
      </c>
      <c r="D14" s="5">
        <v>7</v>
      </c>
    </row>
    <row r="15" spans="1:4" ht="18" customHeight="1" x14ac:dyDescent="0.15">
      <c r="A15" s="8">
        <v>9</v>
      </c>
      <c r="B15" s="26">
        <v>6</v>
      </c>
      <c r="C15" s="6">
        <v>6</v>
      </c>
      <c r="D15" s="5">
        <v>12</v>
      </c>
    </row>
    <row r="16" spans="1:4" ht="18" customHeight="1" x14ac:dyDescent="0.15">
      <c r="A16" s="8" t="s">
        <v>24</v>
      </c>
      <c r="B16" s="21">
        <v>19</v>
      </c>
      <c r="C16" s="6">
        <v>18</v>
      </c>
      <c r="D16" s="5">
        <v>37</v>
      </c>
    </row>
    <row r="17" spans="1:4" ht="18" customHeight="1" x14ac:dyDescent="0.15">
      <c r="A17" s="8">
        <v>10</v>
      </c>
      <c r="B17" s="21">
        <v>9</v>
      </c>
      <c r="C17" s="6">
        <v>2</v>
      </c>
      <c r="D17" s="5">
        <v>11</v>
      </c>
    </row>
    <row r="18" spans="1:4" ht="18" customHeight="1" x14ac:dyDescent="0.15">
      <c r="A18" s="8">
        <v>11</v>
      </c>
      <c r="B18" s="21">
        <v>3</v>
      </c>
      <c r="C18" s="6">
        <v>2</v>
      </c>
      <c r="D18" s="5">
        <v>5</v>
      </c>
    </row>
    <row r="19" spans="1:4" ht="18" customHeight="1" x14ac:dyDescent="0.15">
      <c r="A19" s="8">
        <v>12</v>
      </c>
      <c r="B19" s="21">
        <v>1</v>
      </c>
      <c r="C19" s="6">
        <v>7</v>
      </c>
      <c r="D19" s="5">
        <v>8</v>
      </c>
    </row>
    <row r="20" spans="1:4" ht="18" customHeight="1" x14ac:dyDescent="0.15">
      <c r="A20" s="8">
        <v>13</v>
      </c>
      <c r="B20" s="21">
        <v>2</v>
      </c>
      <c r="C20" s="6">
        <v>5</v>
      </c>
      <c r="D20" s="5">
        <v>7</v>
      </c>
    </row>
    <row r="21" spans="1:4" ht="18" customHeight="1" x14ac:dyDescent="0.15">
      <c r="A21" s="8">
        <v>14</v>
      </c>
      <c r="B21" s="21">
        <v>6</v>
      </c>
      <c r="C21" s="6">
        <v>3</v>
      </c>
      <c r="D21" s="5">
        <v>9</v>
      </c>
    </row>
    <row r="22" spans="1:4" ht="18" customHeight="1" x14ac:dyDescent="0.15">
      <c r="A22" s="8" t="s">
        <v>23</v>
      </c>
      <c r="B22" s="21">
        <v>21</v>
      </c>
      <c r="C22" s="6">
        <v>19</v>
      </c>
      <c r="D22" s="5">
        <v>40</v>
      </c>
    </row>
    <row r="23" spans="1:4" ht="18" customHeight="1" x14ac:dyDescent="0.15">
      <c r="A23" s="8" t="s">
        <v>22</v>
      </c>
      <c r="B23" s="21">
        <v>54</v>
      </c>
      <c r="C23" s="6">
        <v>48</v>
      </c>
      <c r="D23" s="5">
        <v>102</v>
      </c>
    </row>
    <row r="24" spans="1:4" ht="18" customHeight="1" x14ac:dyDescent="0.15">
      <c r="A24" s="8">
        <v>15</v>
      </c>
      <c r="B24" s="21">
        <v>4</v>
      </c>
      <c r="C24" s="6">
        <v>3</v>
      </c>
      <c r="D24" s="5">
        <v>7</v>
      </c>
    </row>
    <row r="25" spans="1:4" ht="18" customHeight="1" x14ac:dyDescent="0.15">
      <c r="A25" s="8">
        <v>16</v>
      </c>
      <c r="B25" s="21">
        <v>6</v>
      </c>
      <c r="C25" s="6">
        <v>6</v>
      </c>
      <c r="D25" s="5">
        <v>12</v>
      </c>
    </row>
    <row r="26" spans="1:4" ht="18" customHeight="1" x14ac:dyDescent="0.15">
      <c r="A26" s="8">
        <v>17</v>
      </c>
      <c r="B26" s="21">
        <v>9</v>
      </c>
      <c r="C26" s="6">
        <v>7</v>
      </c>
      <c r="D26" s="5">
        <v>16</v>
      </c>
    </row>
    <row r="27" spans="1:4" ht="18" customHeight="1" x14ac:dyDescent="0.15">
      <c r="A27" s="8">
        <v>18</v>
      </c>
      <c r="B27" s="21">
        <v>4</v>
      </c>
      <c r="C27" s="6">
        <v>5</v>
      </c>
      <c r="D27" s="5">
        <v>9</v>
      </c>
    </row>
    <row r="28" spans="1:4" ht="18" customHeight="1" x14ac:dyDescent="0.15">
      <c r="A28" s="8">
        <v>19</v>
      </c>
      <c r="B28" s="21">
        <v>10</v>
      </c>
      <c r="C28" s="6">
        <v>9</v>
      </c>
      <c r="D28" s="5">
        <v>19</v>
      </c>
    </row>
    <row r="29" spans="1:4" ht="18" customHeight="1" x14ac:dyDescent="0.15">
      <c r="A29" s="8" t="s">
        <v>21</v>
      </c>
      <c r="B29" s="21">
        <v>33</v>
      </c>
      <c r="C29" s="6">
        <v>30</v>
      </c>
      <c r="D29" s="5">
        <v>63</v>
      </c>
    </row>
    <row r="30" spans="1:4" ht="18" customHeight="1" x14ac:dyDescent="0.15">
      <c r="A30" s="8">
        <v>20</v>
      </c>
      <c r="B30" s="21">
        <v>4</v>
      </c>
      <c r="C30" s="6">
        <v>4</v>
      </c>
      <c r="D30" s="5">
        <v>8</v>
      </c>
    </row>
    <row r="31" spans="1:4" ht="18" customHeight="1" x14ac:dyDescent="0.15">
      <c r="A31" s="8">
        <v>21</v>
      </c>
      <c r="B31" s="21">
        <v>12</v>
      </c>
      <c r="C31" s="6">
        <v>7</v>
      </c>
      <c r="D31" s="5">
        <v>19</v>
      </c>
    </row>
    <row r="32" spans="1:4" ht="18" customHeight="1" x14ac:dyDescent="0.15">
      <c r="A32" s="8">
        <v>22</v>
      </c>
      <c r="B32" s="21">
        <v>5</v>
      </c>
      <c r="C32" s="6">
        <v>10</v>
      </c>
      <c r="D32" s="5">
        <v>15</v>
      </c>
    </row>
    <row r="33" spans="1:4" ht="18" customHeight="1" x14ac:dyDescent="0.15">
      <c r="A33" s="8">
        <v>23</v>
      </c>
      <c r="B33" s="21">
        <v>7</v>
      </c>
      <c r="C33" s="6">
        <v>1</v>
      </c>
      <c r="D33" s="5">
        <v>8</v>
      </c>
    </row>
    <row r="34" spans="1:4" ht="18" customHeight="1" x14ac:dyDescent="0.15">
      <c r="A34" s="8">
        <v>24</v>
      </c>
      <c r="B34" s="21">
        <v>6</v>
      </c>
      <c r="C34" s="6">
        <v>7</v>
      </c>
      <c r="D34" s="5">
        <v>13</v>
      </c>
    </row>
    <row r="35" spans="1:4" ht="18" customHeight="1" x14ac:dyDescent="0.15">
      <c r="A35" s="8" t="s">
        <v>20</v>
      </c>
      <c r="B35" s="21">
        <v>34</v>
      </c>
      <c r="C35" s="6">
        <v>29</v>
      </c>
      <c r="D35" s="5">
        <v>63</v>
      </c>
    </row>
    <row r="36" spans="1:4" ht="18" customHeight="1" x14ac:dyDescent="0.15">
      <c r="A36" s="8">
        <v>25</v>
      </c>
      <c r="B36" s="21">
        <v>5</v>
      </c>
      <c r="C36" s="6">
        <v>2</v>
      </c>
      <c r="D36" s="5">
        <v>7</v>
      </c>
    </row>
    <row r="37" spans="1:4" ht="18" customHeight="1" x14ac:dyDescent="0.15">
      <c r="A37" s="8">
        <v>26</v>
      </c>
      <c r="B37" s="21">
        <v>5</v>
      </c>
      <c r="C37" s="6">
        <v>8</v>
      </c>
      <c r="D37" s="5">
        <v>13</v>
      </c>
    </row>
    <row r="38" spans="1:4" ht="18" customHeight="1" x14ac:dyDescent="0.15">
      <c r="A38" s="8">
        <v>27</v>
      </c>
      <c r="B38" s="21">
        <v>2</v>
      </c>
      <c r="C38" s="6">
        <v>5</v>
      </c>
      <c r="D38" s="5">
        <v>7</v>
      </c>
    </row>
    <row r="39" spans="1:4" ht="18" customHeight="1" x14ac:dyDescent="0.15">
      <c r="A39" s="8">
        <v>28</v>
      </c>
      <c r="B39" s="21">
        <v>10</v>
      </c>
      <c r="C39" s="6">
        <v>4</v>
      </c>
      <c r="D39" s="5">
        <v>14</v>
      </c>
    </row>
    <row r="40" spans="1:4" ht="18" customHeight="1" x14ac:dyDescent="0.15">
      <c r="A40" s="8">
        <v>29</v>
      </c>
      <c r="B40" s="21">
        <v>8</v>
      </c>
      <c r="C40" s="6">
        <v>2</v>
      </c>
      <c r="D40" s="5">
        <v>10</v>
      </c>
    </row>
    <row r="41" spans="1:4" ht="18" customHeight="1" x14ac:dyDescent="0.15">
      <c r="A41" s="8" t="s">
        <v>19</v>
      </c>
      <c r="B41" s="21">
        <v>30</v>
      </c>
      <c r="C41" s="6">
        <v>21</v>
      </c>
      <c r="D41" s="5">
        <v>51</v>
      </c>
    </row>
    <row r="42" spans="1:4" ht="18" customHeight="1" x14ac:dyDescent="0.15">
      <c r="A42" s="8">
        <v>30</v>
      </c>
      <c r="B42" s="21">
        <v>5</v>
      </c>
      <c r="C42" s="6">
        <v>4</v>
      </c>
      <c r="D42" s="5">
        <v>9</v>
      </c>
    </row>
    <row r="43" spans="1:4" ht="18" customHeight="1" x14ac:dyDescent="0.15">
      <c r="A43" s="8">
        <v>31</v>
      </c>
      <c r="B43" s="21">
        <v>9</v>
      </c>
      <c r="C43" s="6">
        <v>2</v>
      </c>
      <c r="D43" s="5">
        <v>11</v>
      </c>
    </row>
    <row r="44" spans="1:4" ht="18" customHeight="1" x14ac:dyDescent="0.15">
      <c r="A44" s="8">
        <v>32</v>
      </c>
      <c r="B44" s="21">
        <v>6</v>
      </c>
      <c r="C44" s="6">
        <v>5</v>
      </c>
      <c r="D44" s="5">
        <v>11</v>
      </c>
    </row>
    <row r="45" spans="1:4" ht="18" customHeight="1" x14ac:dyDescent="0.15">
      <c r="A45" s="8">
        <v>33</v>
      </c>
      <c r="B45" s="21">
        <v>12</v>
      </c>
      <c r="C45" s="6">
        <v>5</v>
      </c>
      <c r="D45" s="5">
        <v>17</v>
      </c>
    </row>
    <row r="46" spans="1:4" ht="18" customHeight="1" x14ac:dyDescent="0.15">
      <c r="A46" s="8">
        <v>34</v>
      </c>
      <c r="B46" s="21">
        <v>7</v>
      </c>
      <c r="C46" s="6">
        <v>6</v>
      </c>
      <c r="D46" s="5">
        <v>13</v>
      </c>
    </row>
    <row r="47" spans="1:4" ht="18" customHeight="1" x14ac:dyDescent="0.15">
      <c r="A47" s="8" t="s">
        <v>18</v>
      </c>
      <c r="B47" s="21">
        <v>39</v>
      </c>
      <c r="C47" s="6">
        <v>22</v>
      </c>
      <c r="D47" s="5">
        <v>61</v>
      </c>
    </row>
    <row r="48" spans="1:4" ht="18" customHeight="1" x14ac:dyDescent="0.15">
      <c r="A48" s="8">
        <v>35</v>
      </c>
      <c r="B48" s="21">
        <v>13</v>
      </c>
      <c r="C48" s="6">
        <v>8</v>
      </c>
      <c r="D48" s="5">
        <v>21</v>
      </c>
    </row>
    <row r="49" spans="1:4" ht="18" customHeight="1" x14ac:dyDescent="0.15">
      <c r="A49" s="8">
        <v>36</v>
      </c>
      <c r="B49" s="21">
        <v>7</v>
      </c>
      <c r="C49" s="6">
        <v>9</v>
      </c>
      <c r="D49" s="5">
        <v>16</v>
      </c>
    </row>
    <row r="50" spans="1:4" ht="18" customHeight="1" x14ac:dyDescent="0.15">
      <c r="A50" s="8">
        <v>37</v>
      </c>
      <c r="B50" s="21">
        <v>9</v>
      </c>
      <c r="C50" s="6">
        <v>11</v>
      </c>
      <c r="D50" s="5">
        <v>20</v>
      </c>
    </row>
    <row r="51" spans="1:4" ht="18" customHeight="1" x14ac:dyDescent="0.15">
      <c r="A51" s="8">
        <v>38</v>
      </c>
      <c r="B51" s="21">
        <v>9</v>
      </c>
      <c r="C51" s="6">
        <v>8</v>
      </c>
      <c r="D51" s="5">
        <v>17</v>
      </c>
    </row>
    <row r="52" spans="1:4" ht="18" customHeight="1" x14ac:dyDescent="0.15">
      <c r="A52" s="8">
        <v>39</v>
      </c>
      <c r="B52" s="21">
        <v>12</v>
      </c>
      <c r="C52" s="6">
        <v>12</v>
      </c>
      <c r="D52" s="5">
        <v>24</v>
      </c>
    </row>
    <row r="53" spans="1:4" ht="18" customHeight="1" x14ac:dyDescent="0.15">
      <c r="A53" s="8" t="s">
        <v>17</v>
      </c>
      <c r="B53" s="21">
        <v>50</v>
      </c>
      <c r="C53" s="6">
        <v>48</v>
      </c>
      <c r="D53" s="5">
        <v>98</v>
      </c>
    </row>
    <row r="54" spans="1:4" ht="18" customHeight="1" x14ac:dyDescent="0.15">
      <c r="A54" s="8">
        <v>40</v>
      </c>
      <c r="B54" s="21">
        <v>12</v>
      </c>
      <c r="C54" s="6">
        <v>7</v>
      </c>
      <c r="D54" s="5">
        <v>19</v>
      </c>
    </row>
    <row r="55" spans="1:4" ht="18" customHeight="1" x14ac:dyDescent="0.15">
      <c r="A55" s="8">
        <v>41</v>
      </c>
      <c r="B55" s="21">
        <v>9</v>
      </c>
      <c r="C55" s="6">
        <v>7</v>
      </c>
      <c r="D55" s="5">
        <v>16</v>
      </c>
    </row>
    <row r="56" spans="1:4" ht="18" customHeight="1" x14ac:dyDescent="0.15">
      <c r="A56" s="8">
        <v>42</v>
      </c>
      <c r="B56" s="21">
        <v>18</v>
      </c>
      <c r="C56" s="6">
        <v>8</v>
      </c>
      <c r="D56" s="5">
        <v>26</v>
      </c>
    </row>
    <row r="57" spans="1:4" ht="18" customHeight="1" x14ac:dyDescent="0.15">
      <c r="A57" s="8">
        <v>43</v>
      </c>
      <c r="B57" s="21">
        <v>17</v>
      </c>
      <c r="C57" s="6">
        <v>21</v>
      </c>
      <c r="D57" s="5">
        <v>38</v>
      </c>
    </row>
    <row r="58" spans="1:4" ht="18" customHeight="1" x14ac:dyDescent="0.15">
      <c r="A58" s="8">
        <v>44</v>
      </c>
      <c r="B58" s="21">
        <v>19</v>
      </c>
      <c r="C58" s="6">
        <v>9</v>
      </c>
      <c r="D58" s="5">
        <v>28</v>
      </c>
    </row>
    <row r="59" spans="1:4" ht="18" customHeight="1" x14ac:dyDescent="0.15">
      <c r="A59" s="8" t="s">
        <v>16</v>
      </c>
      <c r="B59" s="21">
        <v>75</v>
      </c>
      <c r="C59" s="6">
        <v>52</v>
      </c>
      <c r="D59" s="5">
        <v>127</v>
      </c>
    </row>
    <row r="60" spans="1:4" ht="18" customHeight="1" x14ac:dyDescent="0.15">
      <c r="A60" s="8">
        <v>45</v>
      </c>
      <c r="B60" s="21">
        <v>10</v>
      </c>
      <c r="C60" s="6">
        <v>9</v>
      </c>
      <c r="D60" s="5">
        <v>19</v>
      </c>
    </row>
    <row r="61" spans="1:4" ht="18" customHeight="1" x14ac:dyDescent="0.15">
      <c r="A61" s="8">
        <v>46</v>
      </c>
      <c r="B61" s="21">
        <v>13</v>
      </c>
      <c r="C61" s="6">
        <v>8</v>
      </c>
      <c r="D61" s="5">
        <v>21</v>
      </c>
    </row>
    <row r="62" spans="1:4" ht="18" customHeight="1" x14ac:dyDescent="0.15">
      <c r="A62" s="8">
        <v>47</v>
      </c>
      <c r="B62" s="21">
        <v>16</v>
      </c>
      <c r="C62" s="6">
        <v>11</v>
      </c>
      <c r="D62" s="5">
        <v>27</v>
      </c>
    </row>
    <row r="63" spans="1:4" ht="18" customHeight="1" x14ac:dyDescent="0.15">
      <c r="A63" s="8">
        <v>48</v>
      </c>
      <c r="B63" s="21">
        <v>10</v>
      </c>
      <c r="C63" s="6">
        <v>11</v>
      </c>
      <c r="D63" s="5">
        <v>21</v>
      </c>
    </row>
    <row r="64" spans="1:4" ht="18" customHeight="1" x14ac:dyDescent="0.15">
      <c r="A64" s="8">
        <v>49</v>
      </c>
      <c r="B64" s="21">
        <v>18</v>
      </c>
      <c r="C64" s="6">
        <v>15</v>
      </c>
      <c r="D64" s="5">
        <v>33</v>
      </c>
    </row>
    <row r="65" spans="1:4" ht="18" customHeight="1" x14ac:dyDescent="0.15">
      <c r="A65" s="8" t="s">
        <v>15</v>
      </c>
      <c r="B65" s="21">
        <v>67</v>
      </c>
      <c r="C65" s="6">
        <v>54</v>
      </c>
      <c r="D65" s="5">
        <v>121</v>
      </c>
    </row>
    <row r="66" spans="1:4" ht="18" customHeight="1" x14ac:dyDescent="0.15">
      <c r="A66" s="8">
        <v>50</v>
      </c>
      <c r="B66" s="21">
        <v>18</v>
      </c>
      <c r="C66" s="6">
        <v>15</v>
      </c>
      <c r="D66" s="5">
        <v>33</v>
      </c>
    </row>
    <row r="67" spans="1:4" ht="18" customHeight="1" x14ac:dyDescent="0.15">
      <c r="A67" s="8">
        <v>51</v>
      </c>
      <c r="B67" s="21">
        <v>18</v>
      </c>
      <c r="C67" s="6">
        <v>10</v>
      </c>
      <c r="D67" s="5">
        <v>28</v>
      </c>
    </row>
    <row r="68" spans="1:4" ht="18" customHeight="1" x14ac:dyDescent="0.15">
      <c r="A68" s="8">
        <v>52</v>
      </c>
      <c r="B68" s="21">
        <v>9</v>
      </c>
      <c r="C68" s="6">
        <v>5</v>
      </c>
      <c r="D68" s="5">
        <v>14</v>
      </c>
    </row>
    <row r="69" spans="1:4" ht="18" customHeight="1" x14ac:dyDescent="0.15">
      <c r="A69" s="8">
        <v>53</v>
      </c>
      <c r="B69" s="21">
        <v>16</v>
      </c>
      <c r="C69" s="6">
        <v>6</v>
      </c>
      <c r="D69" s="5">
        <v>22</v>
      </c>
    </row>
    <row r="70" spans="1:4" ht="18" customHeight="1" x14ac:dyDescent="0.15">
      <c r="A70" s="8">
        <v>54</v>
      </c>
      <c r="B70" s="21">
        <v>13</v>
      </c>
      <c r="C70" s="6">
        <v>15</v>
      </c>
      <c r="D70" s="5">
        <v>28</v>
      </c>
    </row>
    <row r="71" spans="1:4" ht="18" customHeight="1" x14ac:dyDescent="0.15">
      <c r="A71" s="8" t="s">
        <v>14</v>
      </c>
      <c r="B71" s="21">
        <v>74</v>
      </c>
      <c r="C71" s="6">
        <v>51</v>
      </c>
      <c r="D71" s="5">
        <v>125</v>
      </c>
    </row>
    <row r="72" spans="1:4" ht="18" customHeight="1" x14ac:dyDescent="0.15">
      <c r="A72" s="8">
        <v>55</v>
      </c>
      <c r="B72" s="21">
        <v>15</v>
      </c>
      <c r="C72" s="6">
        <v>13</v>
      </c>
      <c r="D72" s="5">
        <v>28</v>
      </c>
    </row>
    <row r="73" spans="1:4" ht="18" customHeight="1" x14ac:dyDescent="0.15">
      <c r="A73" s="8">
        <v>56</v>
      </c>
      <c r="B73" s="21">
        <v>10</v>
      </c>
      <c r="C73" s="6">
        <v>10</v>
      </c>
      <c r="D73" s="5">
        <v>20</v>
      </c>
    </row>
    <row r="74" spans="1:4" ht="18" customHeight="1" x14ac:dyDescent="0.15">
      <c r="A74" s="8">
        <v>57</v>
      </c>
      <c r="B74" s="21">
        <v>11</v>
      </c>
      <c r="C74" s="6">
        <v>10</v>
      </c>
      <c r="D74" s="5">
        <v>21</v>
      </c>
    </row>
    <row r="75" spans="1:4" ht="18" customHeight="1" x14ac:dyDescent="0.15">
      <c r="A75" s="8">
        <v>58</v>
      </c>
      <c r="B75" s="21">
        <v>16</v>
      </c>
      <c r="C75" s="6">
        <v>10</v>
      </c>
      <c r="D75" s="5">
        <v>26</v>
      </c>
    </row>
    <row r="76" spans="1:4" ht="18" customHeight="1" x14ac:dyDescent="0.15">
      <c r="A76" s="8">
        <v>59</v>
      </c>
      <c r="B76" s="21">
        <v>7</v>
      </c>
      <c r="C76" s="6">
        <v>11</v>
      </c>
      <c r="D76" s="5">
        <v>18</v>
      </c>
    </row>
    <row r="77" spans="1:4" ht="18" customHeight="1" x14ac:dyDescent="0.15">
      <c r="A77" s="8" t="s">
        <v>13</v>
      </c>
      <c r="B77" s="21">
        <v>59</v>
      </c>
      <c r="C77" s="6">
        <v>54</v>
      </c>
      <c r="D77" s="5">
        <v>113</v>
      </c>
    </row>
    <row r="78" spans="1:4" ht="18" customHeight="1" x14ac:dyDescent="0.15">
      <c r="A78" s="8">
        <v>60</v>
      </c>
      <c r="B78" s="21">
        <v>16</v>
      </c>
      <c r="C78" s="6">
        <v>9</v>
      </c>
      <c r="D78" s="5">
        <v>25</v>
      </c>
    </row>
    <row r="79" spans="1:4" ht="18" customHeight="1" x14ac:dyDescent="0.15">
      <c r="A79" s="8">
        <v>61</v>
      </c>
      <c r="B79" s="21">
        <v>15</v>
      </c>
      <c r="C79" s="6">
        <v>16</v>
      </c>
      <c r="D79" s="5">
        <v>31</v>
      </c>
    </row>
    <row r="80" spans="1:4" ht="18" customHeight="1" x14ac:dyDescent="0.15">
      <c r="A80" s="8">
        <v>62</v>
      </c>
      <c r="B80" s="21">
        <v>14</v>
      </c>
      <c r="C80" s="6">
        <v>14</v>
      </c>
      <c r="D80" s="5">
        <v>28</v>
      </c>
    </row>
    <row r="81" spans="1:4" ht="18" customHeight="1" x14ac:dyDescent="0.15">
      <c r="A81" s="8">
        <v>63</v>
      </c>
      <c r="B81" s="21">
        <v>7</v>
      </c>
      <c r="C81" s="6">
        <v>6</v>
      </c>
      <c r="D81" s="5">
        <v>13</v>
      </c>
    </row>
    <row r="82" spans="1:4" ht="18" customHeight="1" x14ac:dyDescent="0.15">
      <c r="A82" s="8">
        <v>64</v>
      </c>
      <c r="B82" s="21">
        <v>12</v>
      </c>
      <c r="C82" s="6">
        <v>19</v>
      </c>
      <c r="D82" s="5">
        <v>31</v>
      </c>
    </row>
    <row r="83" spans="1:4" ht="18" customHeight="1" x14ac:dyDescent="0.15">
      <c r="A83" s="8" t="s">
        <v>12</v>
      </c>
      <c r="B83" s="21">
        <v>64</v>
      </c>
      <c r="C83" s="6">
        <v>64</v>
      </c>
      <c r="D83" s="5">
        <v>128</v>
      </c>
    </row>
    <row r="84" spans="1:4" ht="18" customHeight="1" x14ac:dyDescent="0.15">
      <c r="A84" s="8" t="s">
        <v>11</v>
      </c>
      <c r="B84" s="21">
        <v>525</v>
      </c>
      <c r="C84" s="6">
        <v>425</v>
      </c>
      <c r="D84" s="5">
        <v>950</v>
      </c>
    </row>
    <row r="85" spans="1:4" ht="18" customHeight="1" x14ac:dyDescent="0.15">
      <c r="A85" s="8">
        <v>65</v>
      </c>
      <c r="B85" s="21">
        <v>11</v>
      </c>
      <c r="C85" s="6">
        <v>11</v>
      </c>
      <c r="D85" s="5">
        <v>22</v>
      </c>
    </row>
    <row r="86" spans="1:4" ht="18" customHeight="1" x14ac:dyDescent="0.15">
      <c r="A86" s="8">
        <v>66</v>
      </c>
      <c r="B86" s="21">
        <v>12</v>
      </c>
      <c r="C86" s="6">
        <v>21</v>
      </c>
      <c r="D86" s="5">
        <v>33</v>
      </c>
    </row>
    <row r="87" spans="1:4" ht="18" customHeight="1" x14ac:dyDescent="0.15">
      <c r="A87" s="8">
        <v>67</v>
      </c>
      <c r="B87" s="21">
        <v>16</v>
      </c>
      <c r="C87" s="6">
        <v>20</v>
      </c>
      <c r="D87" s="5">
        <v>36</v>
      </c>
    </row>
    <row r="88" spans="1:4" ht="18" customHeight="1" x14ac:dyDescent="0.15">
      <c r="A88" s="8">
        <v>68</v>
      </c>
      <c r="B88" s="21">
        <v>20</v>
      </c>
      <c r="C88" s="6">
        <v>25</v>
      </c>
      <c r="D88" s="5">
        <v>45</v>
      </c>
    </row>
    <row r="89" spans="1:4" ht="18" customHeight="1" x14ac:dyDescent="0.15">
      <c r="A89" s="8">
        <v>69</v>
      </c>
      <c r="B89" s="21">
        <v>20</v>
      </c>
      <c r="C89" s="6">
        <v>16</v>
      </c>
      <c r="D89" s="5">
        <v>36</v>
      </c>
    </row>
    <row r="90" spans="1:4" ht="18" customHeight="1" x14ac:dyDescent="0.15">
      <c r="A90" s="8" t="s">
        <v>10</v>
      </c>
      <c r="B90" s="21">
        <v>79</v>
      </c>
      <c r="C90" s="6">
        <v>93</v>
      </c>
      <c r="D90" s="5">
        <v>172</v>
      </c>
    </row>
    <row r="91" spans="1:4" ht="18" customHeight="1" x14ac:dyDescent="0.15">
      <c r="A91" s="8">
        <v>70</v>
      </c>
      <c r="B91" s="21">
        <v>18</v>
      </c>
      <c r="C91" s="6">
        <v>14</v>
      </c>
      <c r="D91" s="5">
        <v>32</v>
      </c>
    </row>
    <row r="92" spans="1:4" ht="18" customHeight="1" x14ac:dyDescent="0.15">
      <c r="A92" s="8">
        <v>71</v>
      </c>
      <c r="B92" s="21">
        <v>29</v>
      </c>
      <c r="C92" s="6">
        <v>18</v>
      </c>
      <c r="D92" s="5">
        <v>47</v>
      </c>
    </row>
    <row r="93" spans="1:4" ht="18" customHeight="1" x14ac:dyDescent="0.15">
      <c r="A93" s="8">
        <v>72</v>
      </c>
      <c r="B93" s="21">
        <v>24</v>
      </c>
      <c r="C93" s="6">
        <v>25</v>
      </c>
      <c r="D93" s="5">
        <v>49</v>
      </c>
    </row>
    <row r="94" spans="1:4" ht="18" customHeight="1" x14ac:dyDescent="0.15">
      <c r="A94" s="8">
        <v>73</v>
      </c>
      <c r="B94" s="21">
        <v>21</v>
      </c>
      <c r="C94" s="6">
        <v>10</v>
      </c>
      <c r="D94" s="5">
        <v>31</v>
      </c>
    </row>
    <row r="95" spans="1:4" ht="18" customHeight="1" x14ac:dyDescent="0.15">
      <c r="A95" s="8">
        <v>74</v>
      </c>
      <c r="B95" s="21">
        <v>22</v>
      </c>
      <c r="C95" s="6">
        <v>7</v>
      </c>
      <c r="D95" s="5">
        <v>29</v>
      </c>
    </row>
    <row r="96" spans="1:4" ht="18" customHeight="1" x14ac:dyDescent="0.15">
      <c r="A96" s="8" t="s">
        <v>9</v>
      </c>
      <c r="B96" s="21">
        <v>114</v>
      </c>
      <c r="C96" s="6">
        <v>74</v>
      </c>
      <c r="D96" s="5">
        <v>188</v>
      </c>
    </row>
    <row r="97" spans="1:4" ht="18" customHeight="1" x14ac:dyDescent="0.15">
      <c r="A97" s="8">
        <v>75</v>
      </c>
      <c r="B97" s="21">
        <v>17</v>
      </c>
      <c r="C97" s="6">
        <v>22</v>
      </c>
      <c r="D97" s="5">
        <v>39</v>
      </c>
    </row>
    <row r="98" spans="1:4" ht="18" customHeight="1" x14ac:dyDescent="0.15">
      <c r="A98" s="8">
        <v>76</v>
      </c>
      <c r="B98" s="21">
        <v>14</v>
      </c>
      <c r="C98" s="6">
        <v>20</v>
      </c>
      <c r="D98" s="5">
        <v>34</v>
      </c>
    </row>
    <row r="99" spans="1:4" ht="18" customHeight="1" x14ac:dyDescent="0.15">
      <c r="A99" s="8">
        <v>77</v>
      </c>
      <c r="B99" s="21">
        <v>19</v>
      </c>
      <c r="C99" s="6">
        <v>13</v>
      </c>
      <c r="D99" s="5">
        <v>32</v>
      </c>
    </row>
    <row r="100" spans="1:4" ht="18" customHeight="1" x14ac:dyDescent="0.15">
      <c r="A100" s="8">
        <v>78</v>
      </c>
      <c r="B100" s="21">
        <v>21</v>
      </c>
      <c r="C100" s="6">
        <v>28</v>
      </c>
      <c r="D100" s="5">
        <v>49</v>
      </c>
    </row>
    <row r="101" spans="1:4" ht="18" customHeight="1" x14ac:dyDescent="0.15">
      <c r="A101" s="8">
        <v>79</v>
      </c>
      <c r="B101" s="21">
        <v>8</v>
      </c>
      <c r="C101" s="6">
        <v>10</v>
      </c>
      <c r="D101" s="5">
        <v>18</v>
      </c>
    </row>
    <row r="102" spans="1:4" ht="18" customHeight="1" x14ac:dyDescent="0.15">
      <c r="A102" s="8" t="s">
        <v>8</v>
      </c>
      <c r="B102" s="21">
        <v>79</v>
      </c>
      <c r="C102" s="6">
        <v>93</v>
      </c>
      <c r="D102" s="5">
        <v>172</v>
      </c>
    </row>
    <row r="103" spans="1:4" ht="18" customHeight="1" x14ac:dyDescent="0.15">
      <c r="A103" s="8">
        <v>80</v>
      </c>
      <c r="B103" s="21">
        <v>8</v>
      </c>
      <c r="C103" s="6">
        <v>11</v>
      </c>
      <c r="D103" s="5">
        <v>19</v>
      </c>
    </row>
    <row r="104" spans="1:4" ht="18" customHeight="1" x14ac:dyDescent="0.15">
      <c r="A104" s="8">
        <v>81</v>
      </c>
      <c r="B104" s="21">
        <v>13</v>
      </c>
      <c r="C104" s="6">
        <v>15</v>
      </c>
      <c r="D104" s="5">
        <v>28</v>
      </c>
    </row>
    <row r="105" spans="1:4" ht="18" customHeight="1" x14ac:dyDescent="0.15">
      <c r="A105" s="8">
        <v>82</v>
      </c>
      <c r="B105" s="21">
        <v>6</v>
      </c>
      <c r="C105" s="6">
        <v>12</v>
      </c>
      <c r="D105" s="5">
        <v>18</v>
      </c>
    </row>
    <row r="106" spans="1:4" ht="18" customHeight="1" x14ac:dyDescent="0.15">
      <c r="A106" s="8">
        <v>83</v>
      </c>
      <c r="B106" s="21">
        <v>6</v>
      </c>
      <c r="C106" s="6">
        <v>13</v>
      </c>
      <c r="D106" s="5">
        <v>19</v>
      </c>
    </row>
    <row r="107" spans="1:4" ht="18" customHeight="1" x14ac:dyDescent="0.15">
      <c r="A107" s="8">
        <v>84</v>
      </c>
      <c r="B107" s="21">
        <v>5</v>
      </c>
      <c r="C107" s="6">
        <v>11</v>
      </c>
      <c r="D107" s="5">
        <v>16</v>
      </c>
    </row>
    <row r="108" spans="1:4" ht="18" customHeight="1" x14ac:dyDescent="0.15">
      <c r="A108" s="8" t="s">
        <v>7</v>
      </c>
      <c r="B108" s="21">
        <v>38</v>
      </c>
      <c r="C108" s="6">
        <v>62</v>
      </c>
      <c r="D108" s="5">
        <v>100</v>
      </c>
    </row>
    <row r="109" spans="1:4" ht="18" customHeight="1" x14ac:dyDescent="0.15">
      <c r="A109" s="8">
        <v>85</v>
      </c>
      <c r="B109" s="21">
        <v>6</v>
      </c>
      <c r="C109" s="6">
        <v>8</v>
      </c>
      <c r="D109" s="5">
        <v>14</v>
      </c>
    </row>
    <row r="110" spans="1:4" ht="18" customHeight="1" x14ac:dyDescent="0.15">
      <c r="A110" s="8">
        <v>86</v>
      </c>
      <c r="B110" s="21">
        <v>9</v>
      </c>
      <c r="C110" s="6">
        <v>12</v>
      </c>
      <c r="D110" s="5">
        <v>21</v>
      </c>
    </row>
    <row r="111" spans="1:4" ht="18" customHeight="1" x14ac:dyDescent="0.15">
      <c r="A111" s="8">
        <v>87</v>
      </c>
      <c r="B111" s="21">
        <v>6</v>
      </c>
      <c r="C111" s="6">
        <v>8</v>
      </c>
      <c r="D111" s="5">
        <v>14</v>
      </c>
    </row>
    <row r="112" spans="1:4" ht="18" customHeight="1" x14ac:dyDescent="0.15">
      <c r="A112" s="8">
        <v>88</v>
      </c>
      <c r="B112" s="21">
        <v>3</v>
      </c>
      <c r="C112" s="6">
        <v>12</v>
      </c>
      <c r="D112" s="5">
        <v>15</v>
      </c>
    </row>
    <row r="113" spans="1:4" ht="18" customHeight="1" x14ac:dyDescent="0.15">
      <c r="A113" s="8">
        <v>89</v>
      </c>
      <c r="B113" s="21">
        <v>3</v>
      </c>
      <c r="C113" s="6">
        <v>12</v>
      </c>
      <c r="D113" s="5">
        <v>15</v>
      </c>
    </row>
    <row r="114" spans="1:4" ht="18" customHeight="1" x14ac:dyDescent="0.15">
      <c r="A114" s="8" t="s">
        <v>6</v>
      </c>
      <c r="B114" s="21">
        <v>27</v>
      </c>
      <c r="C114" s="6">
        <v>52</v>
      </c>
      <c r="D114" s="5">
        <v>79</v>
      </c>
    </row>
    <row r="115" spans="1:4" ht="18" customHeight="1" x14ac:dyDescent="0.15">
      <c r="A115" s="8">
        <v>90</v>
      </c>
      <c r="B115" s="21">
        <v>2</v>
      </c>
      <c r="C115" s="6">
        <v>9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7</v>
      </c>
      <c r="D116" s="5">
        <v>9</v>
      </c>
    </row>
    <row r="117" spans="1:4" ht="18" customHeight="1" x14ac:dyDescent="0.15">
      <c r="A117" s="8">
        <v>92</v>
      </c>
      <c r="B117" s="21">
        <v>2</v>
      </c>
      <c r="C117" s="6">
        <v>13</v>
      </c>
      <c r="D117" s="5">
        <v>15</v>
      </c>
    </row>
    <row r="118" spans="1:4" ht="18" customHeight="1" x14ac:dyDescent="0.15">
      <c r="A118" s="8">
        <v>93</v>
      </c>
      <c r="B118" s="21">
        <v>2</v>
      </c>
      <c r="C118" s="6">
        <v>7</v>
      </c>
      <c r="D118" s="5">
        <v>9</v>
      </c>
    </row>
    <row r="119" spans="1:4" ht="18" customHeight="1" x14ac:dyDescent="0.15">
      <c r="A119" s="8">
        <v>94</v>
      </c>
      <c r="B119" s="21">
        <v>3</v>
      </c>
      <c r="C119" s="6">
        <v>5</v>
      </c>
      <c r="D119" s="5">
        <v>8</v>
      </c>
    </row>
    <row r="120" spans="1:4" ht="18" customHeight="1" x14ac:dyDescent="0.15">
      <c r="A120" s="8" t="s">
        <v>5</v>
      </c>
      <c r="B120" s="21">
        <v>11</v>
      </c>
      <c r="C120" s="6">
        <v>41</v>
      </c>
      <c r="D120" s="5">
        <v>52</v>
      </c>
    </row>
    <row r="121" spans="1:4" ht="18" customHeight="1" x14ac:dyDescent="0.15">
      <c r="A121" s="8">
        <v>95</v>
      </c>
      <c r="B121" s="21">
        <v>4</v>
      </c>
      <c r="C121" s="6">
        <v>6</v>
      </c>
      <c r="D121" s="5">
        <v>10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2</v>
      </c>
      <c r="D125" s="5">
        <v>3</v>
      </c>
    </row>
    <row r="126" spans="1:4" ht="18" customHeight="1" x14ac:dyDescent="0.15">
      <c r="A126" s="8" t="s">
        <v>4</v>
      </c>
      <c r="B126" s="21">
        <v>8</v>
      </c>
      <c r="C126" s="6">
        <v>17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56</v>
      </c>
      <c r="C130" s="6">
        <v>434</v>
      </c>
      <c r="D130" s="5">
        <v>790</v>
      </c>
    </row>
    <row r="131" spans="1:4" ht="18" customHeight="1" x14ac:dyDescent="0.15">
      <c r="A131" s="4" t="s">
        <v>0</v>
      </c>
      <c r="B131" s="20">
        <v>935</v>
      </c>
      <c r="C131" s="2">
        <v>907</v>
      </c>
      <c r="D131" s="1">
        <v>184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B7D17D-B272-4A0E-B2F0-5624B882B2D6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3</v>
      </c>
      <c r="C5" s="31">
        <v>17</v>
      </c>
      <c r="D5" s="30">
        <v>40</v>
      </c>
    </row>
    <row r="6" spans="1:4" ht="18" customHeight="1" x14ac:dyDescent="0.15">
      <c r="A6" s="8">
        <v>1</v>
      </c>
      <c r="B6" s="26">
        <v>17</v>
      </c>
      <c r="C6" s="6">
        <v>30</v>
      </c>
      <c r="D6" s="5">
        <v>47</v>
      </c>
    </row>
    <row r="7" spans="1:4" ht="18" customHeight="1" x14ac:dyDescent="0.15">
      <c r="A7" s="8">
        <v>2</v>
      </c>
      <c r="B7" s="26">
        <v>20</v>
      </c>
      <c r="C7" s="6">
        <v>21</v>
      </c>
      <c r="D7" s="5">
        <v>41</v>
      </c>
    </row>
    <row r="8" spans="1:4" ht="18" customHeight="1" x14ac:dyDescent="0.15">
      <c r="A8" s="8">
        <v>3</v>
      </c>
      <c r="B8" s="26">
        <v>19</v>
      </c>
      <c r="C8" s="6">
        <v>28</v>
      </c>
      <c r="D8" s="5">
        <v>47</v>
      </c>
    </row>
    <row r="9" spans="1:4" ht="18" customHeight="1" x14ac:dyDescent="0.15">
      <c r="A9" s="8">
        <v>4</v>
      </c>
      <c r="B9" s="29">
        <v>26</v>
      </c>
      <c r="C9" s="28">
        <v>23</v>
      </c>
      <c r="D9" s="27">
        <v>49</v>
      </c>
    </row>
    <row r="10" spans="1:4" ht="18" customHeight="1" x14ac:dyDescent="0.15">
      <c r="A10" s="8" t="s">
        <v>25</v>
      </c>
      <c r="B10" s="21">
        <v>105</v>
      </c>
      <c r="C10" s="6">
        <v>119</v>
      </c>
      <c r="D10" s="5">
        <v>224</v>
      </c>
    </row>
    <row r="11" spans="1:4" ht="18" customHeight="1" x14ac:dyDescent="0.15">
      <c r="A11" s="8">
        <v>5</v>
      </c>
      <c r="B11" s="26">
        <v>31</v>
      </c>
      <c r="C11" s="6">
        <v>22</v>
      </c>
      <c r="D11" s="5">
        <v>53</v>
      </c>
    </row>
    <row r="12" spans="1:4" ht="18" customHeight="1" x14ac:dyDescent="0.15">
      <c r="A12" s="8">
        <v>6</v>
      </c>
      <c r="B12" s="26">
        <v>32</v>
      </c>
      <c r="C12" s="6">
        <v>23</v>
      </c>
      <c r="D12" s="5">
        <v>55</v>
      </c>
    </row>
    <row r="13" spans="1:4" ht="18" customHeight="1" x14ac:dyDescent="0.15">
      <c r="A13" s="8">
        <v>7</v>
      </c>
      <c r="B13" s="26">
        <v>29</v>
      </c>
      <c r="C13" s="6">
        <v>30</v>
      </c>
      <c r="D13" s="5">
        <v>59</v>
      </c>
    </row>
    <row r="14" spans="1:4" ht="18" customHeight="1" x14ac:dyDescent="0.15">
      <c r="A14" s="8">
        <v>8</v>
      </c>
      <c r="B14" s="26">
        <v>31</v>
      </c>
      <c r="C14" s="6">
        <v>29</v>
      </c>
      <c r="D14" s="5">
        <v>60</v>
      </c>
    </row>
    <row r="15" spans="1:4" ht="18" customHeight="1" x14ac:dyDescent="0.15">
      <c r="A15" s="8">
        <v>9</v>
      </c>
      <c r="B15" s="26">
        <v>25</v>
      </c>
      <c r="C15" s="6">
        <v>34</v>
      </c>
      <c r="D15" s="5">
        <v>59</v>
      </c>
    </row>
    <row r="16" spans="1:4" ht="18" customHeight="1" x14ac:dyDescent="0.15">
      <c r="A16" s="8" t="s">
        <v>24</v>
      </c>
      <c r="B16" s="21">
        <v>148</v>
      </c>
      <c r="C16" s="6">
        <v>138</v>
      </c>
      <c r="D16" s="5">
        <v>286</v>
      </c>
    </row>
    <row r="17" spans="1:4" ht="18" customHeight="1" x14ac:dyDescent="0.15">
      <c r="A17" s="8">
        <v>10</v>
      </c>
      <c r="B17" s="21">
        <v>44</v>
      </c>
      <c r="C17" s="6">
        <v>34</v>
      </c>
      <c r="D17" s="5">
        <v>78</v>
      </c>
    </row>
    <row r="18" spans="1:4" ht="18" customHeight="1" x14ac:dyDescent="0.15">
      <c r="A18" s="8">
        <v>11</v>
      </c>
      <c r="B18" s="21">
        <v>33</v>
      </c>
      <c r="C18" s="6">
        <v>28</v>
      </c>
      <c r="D18" s="5">
        <v>61</v>
      </c>
    </row>
    <row r="19" spans="1:4" ht="18" customHeight="1" x14ac:dyDescent="0.15">
      <c r="A19" s="8">
        <v>12</v>
      </c>
      <c r="B19" s="21">
        <v>33</v>
      </c>
      <c r="C19" s="6">
        <v>38</v>
      </c>
      <c r="D19" s="5">
        <v>71</v>
      </c>
    </row>
    <row r="20" spans="1:4" ht="18" customHeight="1" x14ac:dyDescent="0.15">
      <c r="A20" s="8">
        <v>13</v>
      </c>
      <c r="B20" s="21">
        <v>37</v>
      </c>
      <c r="C20" s="6">
        <v>35</v>
      </c>
      <c r="D20" s="5">
        <v>72</v>
      </c>
    </row>
    <row r="21" spans="1:4" ht="18" customHeight="1" x14ac:dyDescent="0.15">
      <c r="A21" s="8">
        <v>14</v>
      </c>
      <c r="B21" s="21">
        <v>45</v>
      </c>
      <c r="C21" s="6">
        <v>36</v>
      </c>
      <c r="D21" s="5">
        <v>81</v>
      </c>
    </row>
    <row r="22" spans="1:4" ht="18" customHeight="1" x14ac:dyDescent="0.15">
      <c r="A22" s="8" t="s">
        <v>23</v>
      </c>
      <c r="B22" s="21">
        <v>192</v>
      </c>
      <c r="C22" s="6">
        <v>171</v>
      </c>
      <c r="D22" s="5">
        <v>363</v>
      </c>
    </row>
    <row r="23" spans="1:4" ht="18" customHeight="1" x14ac:dyDescent="0.15">
      <c r="A23" s="8" t="s">
        <v>22</v>
      </c>
      <c r="B23" s="21">
        <v>445</v>
      </c>
      <c r="C23" s="6">
        <v>428</v>
      </c>
      <c r="D23" s="5">
        <v>873</v>
      </c>
    </row>
    <row r="24" spans="1:4" ht="18" customHeight="1" x14ac:dyDescent="0.15">
      <c r="A24" s="8">
        <v>15</v>
      </c>
      <c r="B24" s="21">
        <v>51</v>
      </c>
      <c r="C24" s="6">
        <v>50</v>
      </c>
      <c r="D24" s="5">
        <v>101</v>
      </c>
    </row>
    <row r="25" spans="1:4" ht="18" customHeight="1" x14ac:dyDescent="0.15">
      <c r="A25" s="8">
        <v>16</v>
      </c>
      <c r="B25" s="21">
        <v>42</v>
      </c>
      <c r="C25" s="6">
        <v>36</v>
      </c>
      <c r="D25" s="5">
        <v>78</v>
      </c>
    </row>
    <row r="26" spans="1:4" ht="18" customHeight="1" x14ac:dyDescent="0.15">
      <c r="A26" s="8">
        <v>17</v>
      </c>
      <c r="B26" s="21">
        <v>44</v>
      </c>
      <c r="C26" s="6">
        <v>47</v>
      </c>
      <c r="D26" s="5">
        <v>91</v>
      </c>
    </row>
    <row r="27" spans="1:4" ht="18" customHeight="1" x14ac:dyDescent="0.15">
      <c r="A27" s="8">
        <v>18</v>
      </c>
      <c r="B27" s="21">
        <v>31</v>
      </c>
      <c r="C27" s="6">
        <v>31</v>
      </c>
      <c r="D27" s="5">
        <v>62</v>
      </c>
    </row>
    <row r="28" spans="1:4" ht="18" customHeight="1" x14ac:dyDescent="0.15">
      <c r="A28" s="8">
        <v>19</v>
      </c>
      <c r="B28" s="21">
        <v>33</v>
      </c>
      <c r="C28" s="6">
        <v>38</v>
      </c>
      <c r="D28" s="5">
        <v>71</v>
      </c>
    </row>
    <row r="29" spans="1:4" ht="18" customHeight="1" x14ac:dyDescent="0.15">
      <c r="A29" s="8" t="s">
        <v>21</v>
      </c>
      <c r="B29" s="21">
        <v>201</v>
      </c>
      <c r="C29" s="6">
        <v>202</v>
      </c>
      <c r="D29" s="5">
        <v>403</v>
      </c>
    </row>
    <row r="30" spans="1:4" ht="18" customHeight="1" x14ac:dyDescent="0.15">
      <c r="A30" s="8">
        <v>20</v>
      </c>
      <c r="B30" s="21">
        <v>37</v>
      </c>
      <c r="C30" s="6">
        <v>40</v>
      </c>
      <c r="D30" s="5">
        <v>77</v>
      </c>
    </row>
    <row r="31" spans="1:4" ht="18" customHeight="1" x14ac:dyDescent="0.15">
      <c r="A31" s="8">
        <v>21</v>
      </c>
      <c r="B31" s="21">
        <v>52</v>
      </c>
      <c r="C31" s="6">
        <v>53</v>
      </c>
      <c r="D31" s="5">
        <v>105</v>
      </c>
    </row>
    <row r="32" spans="1:4" ht="18" customHeight="1" x14ac:dyDescent="0.15">
      <c r="A32" s="8">
        <v>22</v>
      </c>
      <c r="B32" s="21">
        <v>50</v>
      </c>
      <c r="C32" s="6">
        <v>38</v>
      </c>
      <c r="D32" s="5">
        <v>88</v>
      </c>
    </row>
    <row r="33" spans="1:4" ht="18" customHeight="1" x14ac:dyDescent="0.15">
      <c r="A33" s="8">
        <v>23</v>
      </c>
      <c r="B33" s="21">
        <v>60</v>
      </c>
      <c r="C33" s="6">
        <v>39</v>
      </c>
      <c r="D33" s="5">
        <v>99</v>
      </c>
    </row>
    <row r="34" spans="1:4" ht="18" customHeight="1" x14ac:dyDescent="0.15">
      <c r="A34" s="8">
        <v>24</v>
      </c>
      <c r="B34" s="21">
        <v>53</v>
      </c>
      <c r="C34" s="6">
        <v>47</v>
      </c>
      <c r="D34" s="5">
        <v>100</v>
      </c>
    </row>
    <row r="35" spans="1:4" ht="18" customHeight="1" x14ac:dyDescent="0.15">
      <c r="A35" s="8" t="s">
        <v>20</v>
      </c>
      <c r="B35" s="21">
        <v>252</v>
      </c>
      <c r="C35" s="6">
        <v>217</v>
      </c>
      <c r="D35" s="5">
        <v>469</v>
      </c>
    </row>
    <row r="36" spans="1:4" ht="18" customHeight="1" x14ac:dyDescent="0.15">
      <c r="A36" s="8">
        <v>25</v>
      </c>
      <c r="B36" s="21">
        <v>73</v>
      </c>
      <c r="C36" s="6">
        <v>54</v>
      </c>
      <c r="D36" s="5">
        <v>127</v>
      </c>
    </row>
    <row r="37" spans="1:4" ht="18" customHeight="1" x14ac:dyDescent="0.15">
      <c r="A37" s="8">
        <v>26</v>
      </c>
      <c r="B37" s="21">
        <v>50</v>
      </c>
      <c r="C37" s="6">
        <v>46</v>
      </c>
      <c r="D37" s="5">
        <v>96</v>
      </c>
    </row>
    <row r="38" spans="1:4" ht="18" customHeight="1" x14ac:dyDescent="0.15">
      <c r="A38" s="8">
        <v>27</v>
      </c>
      <c r="B38" s="21">
        <v>59</v>
      </c>
      <c r="C38" s="6">
        <v>47</v>
      </c>
      <c r="D38" s="5">
        <v>106</v>
      </c>
    </row>
    <row r="39" spans="1:4" ht="18" customHeight="1" x14ac:dyDescent="0.15">
      <c r="A39" s="8">
        <v>28</v>
      </c>
      <c r="B39" s="21">
        <v>64</v>
      </c>
      <c r="C39" s="6">
        <v>44</v>
      </c>
      <c r="D39" s="5">
        <v>108</v>
      </c>
    </row>
    <row r="40" spans="1:4" ht="18" customHeight="1" x14ac:dyDescent="0.15">
      <c r="A40" s="8">
        <v>29</v>
      </c>
      <c r="B40" s="21">
        <v>49</v>
      </c>
      <c r="C40" s="6">
        <v>41</v>
      </c>
      <c r="D40" s="5">
        <v>90</v>
      </c>
    </row>
    <row r="41" spans="1:4" ht="18" customHeight="1" x14ac:dyDescent="0.15">
      <c r="A41" s="8" t="s">
        <v>19</v>
      </c>
      <c r="B41" s="21">
        <v>295</v>
      </c>
      <c r="C41" s="6">
        <v>232</v>
      </c>
      <c r="D41" s="5">
        <v>527</v>
      </c>
    </row>
    <row r="42" spans="1:4" ht="18" customHeight="1" x14ac:dyDescent="0.15">
      <c r="A42" s="8">
        <v>30</v>
      </c>
      <c r="B42" s="21">
        <v>59</v>
      </c>
      <c r="C42" s="6">
        <v>39</v>
      </c>
      <c r="D42" s="5">
        <v>98</v>
      </c>
    </row>
    <row r="43" spans="1:4" ht="18" customHeight="1" x14ac:dyDescent="0.15">
      <c r="A43" s="8">
        <v>31</v>
      </c>
      <c r="B43" s="21">
        <v>50</v>
      </c>
      <c r="C43" s="6">
        <v>37</v>
      </c>
      <c r="D43" s="5">
        <v>87</v>
      </c>
    </row>
    <row r="44" spans="1:4" ht="18" customHeight="1" x14ac:dyDescent="0.15">
      <c r="A44" s="8">
        <v>32</v>
      </c>
      <c r="B44" s="21">
        <v>44</v>
      </c>
      <c r="C44" s="6">
        <v>42</v>
      </c>
      <c r="D44" s="5">
        <v>86</v>
      </c>
    </row>
    <row r="45" spans="1:4" ht="18" customHeight="1" x14ac:dyDescent="0.15">
      <c r="A45" s="8">
        <v>33</v>
      </c>
      <c r="B45" s="21">
        <v>46</v>
      </c>
      <c r="C45" s="6">
        <v>39</v>
      </c>
      <c r="D45" s="5">
        <v>85</v>
      </c>
    </row>
    <row r="46" spans="1:4" ht="18" customHeight="1" x14ac:dyDescent="0.15">
      <c r="A46" s="8">
        <v>34</v>
      </c>
      <c r="B46" s="21">
        <v>51</v>
      </c>
      <c r="C46" s="6">
        <v>36</v>
      </c>
      <c r="D46" s="5">
        <v>87</v>
      </c>
    </row>
    <row r="47" spans="1:4" ht="18" customHeight="1" x14ac:dyDescent="0.15">
      <c r="A47" s="8" t="s">
        <v>18</v>
      </c>
      <c r="B47" s="21">
        <v>250</v>
      </c>
      <c r="C47" s="6">
        <v>193</v>
      </c>
      <c r="D47" s="5">
        <v>443</v>
      </c>
    </row>
    <row r="48" spans="1:4" ht="18" customHeight="1" x14ac:dyDescent="0.15">
      <c r="A48" s="8">
        <v>35</v>
      </c>
      <c r="B48" s="21">
        <v>40</v>
      </c>
      <c r="C48" s="6">
        <v>36</v>
      </c>
      <c r="D48" s="5">
        <v>76</v>
      </c>
    </row>
    <row r="49" spans="1:4" ht="18" customHeight="1" x14ac:dyDescent="0.15">
      <c r="A49" s="8">
        <v>36</v>
      </c>
      <c r="B49" s="21">
        <v>52</v>
      </c>
      <c r="C49" s="6">
        <v>31</v>
      </c>
      <c r="D49" s="5">
        <v>83</v>
      </c>
    </row>
    <row r="50" spans="1:4" ht="18" customHeight="1" x14ac:dyDescent="0.15">
      <c r="A50" s="8">
        <v>37</v>
      </c>
      <c r="B50" s="21">
        <v>61</v>
      </c>
      <c r="C50" s="6">
        <v>40</v>
      </c>
      <c r="D50" s="5">
        <v>101</v>
      </c>
    </row>
    <row r="51" spans="1:4" ht="18" customHeight="1" x14ac:dyDescent="0.15">
      <c r="A51" s="8">
        <v>38</v>
      </c>
      <c r="B51" s="21">
        <v>57</v>
      </c>
      <c r="C51" s="6">
        <v>57</v>
      </c>
      <c r="D51" s="5">
        <v>114</v>
      </c>
    </row>
    <row r="52" spans="1:4" ht="18" customHeight="1" x14ac:dyDescent="0.15">
      <c r="A52" s="8">
        <v>39</v>
      </c>
      <c r="B52" s="21">
        <v>50</v>
      </c>
      <c r="C52" s="6">
        <v>52</v>
      </c>
      <c r="D52" s="5">
        <v>102</v>
      </c>
    </row>
    <row r="53" spans="1:4" ht="18" customHeight="1" x14ac:dyDescent="0.15">
      <c r="A53" s="8" t="s">
        <v>17</v>
      </c>
      <c r="B53" s="21">
        <v>260</v>
      </c>
      <c r="C53" s="6">
        <v>216</v>
      </c>
      <c r="D53" s="5">
        <v>476</v>
      </c>
    </row>
    <row r="54" spans="1:4" ht="18" customHeight="1" x14ac:dyDescent="0.15">
      <c r="A54" s="8">
        <v>40</v>
      </c>
      <c r="B54" s="21">
        <v>53</v>
      </c>
      <c r="C54" s="6">
        <v>60</v>
      </c>
      <c r="D54" s="5">
        <v>113</v>
      </c>
    </row>
    <row r="55" spans="1:4" ht="18" customHeight="1" x14ac:dyDescent="0.15">
      <c r="A55" s="8">
        <v>41</v>
      </c>
      <c r="B55" s="21">
        <v>70</v>
      </c>
      <c r="C55" s="6">
        <v>47</v>
      </c>
      <c r="D55" s="5">
        <v>117</v>
      </c>
    </row>
    <row r="56" spans="1:4" ht="18" customHeight="1" x14ac:dyDescent="0.15">
      <c r="A56" s="8">
        <v>42</v>
      </c>
      <c r="B56" s="21">
        <v>62</v>
      </c>
      <c r="C56" s="6">
        <v>37</v>
      </c>
      <c r="D56" s="5">
        <v>99</v>
      </c>
    </row>
    <row r="57" spans="1:4" ht="18" customHeight="1" x14ac:dyDescent="0.15">
      <c r="A57" s="8">
        <v>43</v>
      </c>
      <c r="B57" s="21">
        <v>54</v>
      </c>
      <c r="C57" s="6">
        <v>54</v>
      </c>
      <c r="D57" s="5">
        <v>108</v>
      </c>
    </row>
    <row r="58" spans="1:4" ht="18" customHeight="1" x14ac:dyDescent="0.15">
      <c r="A58" s="8">
        <v>44</v>
      </c>
      <c r="B58" s="21">
        <v>53</v>
      </c>
      <c r="C58" s="6">
        <v>60</v>
      </c>
      <c r="D58" s="5">
        <v>113</v>
      </c>
    </row>
    <row r="59" spans="1:4" ht="18" customHeight="1" x14ac:dyDescent="0.15">
      <c r="A59" s="8" t="s">
        <v>16</v>
      </c>
      <c r="B59" s="21">
        <v>292</v>
      </c>
      <c r="C59" s="6">
        <v>258</v>
      </c>
      <c r="D59" s="5">
        <v>550</v>
      </c>
    </row>
    <row r="60" spans="1:4" ht="18" customHeight="1" x14ac:dyDescent="0.15">
      <c r="A60" s="8">
        <v>45</v>
      </c>
      <c r="B60" s="21">
        <v>55</v>
      </c>
      <c r="C60" s="6">
        <v>49</v>
      </c>
      <c r="D60" s="5">
        <v>104</v>
      </c>
    </row>
    <row r="61" spans="1:4" ht="18" customHeight="1" x14ac:dyDescent="0.15">
      <c r="A61" s="8">
        <v>46</v>
      </c>
      <c r="B61" s="21">
        <v>63</v>
      </c>
      <c r="C61" s="6">
        <v>54</v>
      </c>
      <c r="D61" s="5">
        <v>117</v>
      </c>
    </row>
    <row r="62" spans="1:4" ht="18" customHeight="1" x14ac:dyDescent="0.15">
      <c r="A62" s="8">
        <v>47</v>
      </c>
      <c r="B62" s="21">
        <v>63</v>
      </c>
      <c r="C62" s="6">
        <v>64</v>
      </c>
      <c r="D62" s="5">
        <v>127</v>
      </c>
    </row>
    <row r="63" spans="1:4" ht="18" customHeight="1" x14ac:dyDescent="0.15">
      <c r="A63" s="8">
        <v>48</v>
      </c>
      <c r="B63" s="21">
        <v>74</v>
      </c>
      <c r="C63" s="6">
        <v>59</v>
      </c>
      <c r="D63" s="5">
        <v>133</v>
      </c>
    </row>
    <row r="64" spans="1:4" ht="18" customHeight="1" x14ac:dyDescent="0.15">
      <c r="A64" s="8">
        <v>49</v>
      </c>
      <c r="B64" s="21">
        <v>74</v>
      </c>
      <c r="C64" s="6">
        <v>59</v>
      </c>
      <c r="D64" s="5">
        <v>133</v>
      </c>
    </row>
    <row r="65" spans="1:4" ht="18" customHeight="1" x14ac:dyDescent="0.15">
      <c r="A65" s="8" t="s">
        <v>15</v>
      </c>
      <c r="B65" s="21">
        <v>329</v>
      </c>
      <c r="C65" s="6">
        <v>285</v>
      </c>
      <c r="D65" s="5">
        <v>614</v>
      </c>
    </row>
    <row r="66" spans="1:4" ht="18" customHeight="1" x14ac:dyDescent="0.15">
      <c r="A66" s="8">
        <v>50</v>
      </c>
      <c r="B66" s="21">
        <v>74</v>
      </c>
      <c r="C66" s="6">
        <v>84</v>
      </c>
      <c r="D66" s="5">
        <v>158</v>
      </c>
    </row>
    <row r="67" spans="1:4" ht="18" customHeight="1" x14ac:dyDescent="0.15">
      <c r="A67" s="8">
        <v>51</v>
      </c>
      <c r="B67" s="21">
        <v>82</v>
      </c>
      <c r="C67" s="6">
        <v>84</v>
      </c>
      <c r="D67" s="5">
        <v>166</v>
      </c>
    </row>
    <row r="68" spans="1:4" ht="18" customHeight="1" x14ac:dyDescent="0.15">
      <c r="A68" s="8">
        <v>52</v>
      </c>
      <c r="B68" s="21">
        <v>81</v>
      </c>
      <c r="C68" s="6">
        <v>66</v>
      </c>
      <c r="D68" s="5">
        <v>147</v>
      </c>
    </row>
    <row r="69" spans="1:4" ht="18" customHeight="1" x14ac:dyDescent="0.15">
      <c r="A69" s="8">
        <v>53</v>
      </c>
      <c r="B69" s="21">
        <v>93</v>
      </c>
      <c r="C69" s="6">
        <v>97</v>
      </c>
      <c r="D69" s="5">
        <v>190</v>
      </c>
    </row>
    <row r="70" spans="1:4" ht="18" customHeight="1" x14ac:dyDescent="0.15">
      <c r="A70" s="8">
        <v>54</v>
      </c>
      <c r="B70" s="21">
        <v>88</v>
      </c>
      <c r="C70" s="6">
        <v>97</v>
      </c>
      <c r="D70" s="5">
        <v>185</v>
      </c>
    </row>
    <row r="71" spans="1:4" ht="18" customHeight="1" x14ac:dyDescent="0.15">
      <c r="A71" s="8" t="s">
        <v>14</v>
      </c>
      <c r="B71" s="21">
        <v>418</v>
      </c>
      <c r="C71" s="6">
        <v>428</v>
      </c>
      <c r="D71" s="5">
        <v>846</v>
      </c>
    </row>
    <row r="72" spans="1:4" ht="18" customHeight="1" x14ac:dyDescent="0.15">
      <c r="A72" s="8">
        <v>55</v>
      </c>
      <c r="B72" s="21">
        <v>80</v>
      </c>
      <c r="C72" s="6">
        <v>85</v>
      </c>
      <c r="D72" s="5">
        <v>165</v>
      </c>
    </row>
    <row r="73" spans="1:4" ht="18" customHeight="1" x14ac:dyDescent="0.15">
      <c r="A73" s="8">
        <v>56</v>
      </c>
      <c r="B73" s="21">
        <v>88</v>
      </c>
      <c r="C73" s="6">
        <v>73</v>
      </c>
      <c r="D73" s="5">
        <v>161</v>
      </c>
    </row>
    <row r="74" spans="1:4" ht="18" customHeight="1" x14ac:dyDescent="0.15">
      <c r="A74" s="8">
        <v>57</v>
      </c>
      <c r="B74" s="21">
        <v>80</v>
      </c>
      <c r="C74" s="6">
        <v>88</v>
      </c>
      <c r="D74" s="5">
        <v>168</v>
      </c>
    </row>
    <row r="75" spans="1:4" ht="18" customHeight="1" x14ac:dyDescent="0.15">
      <c r="A75" s="8">
        <v>58</v>
      </c>
      <c r="B75" s="21">
        <v>101</v>
      </c>
      <c r="C75" s="6">
        <v>83</v>
      </c>
      <c r="D75" s="5">
        <v>184</v>
      </c>
    </row>
    <row r="76" spans="1:4" ht="18" customHeight="1" x14ac:dyDescent="0.15">
      <c r="A76" s="8">
        <v>59</v>
      </c>
      <c r="B76" s="21">
        <v>67</v>
      </c>
      <c r="C76" s="6">
        <v>75</v>
      </c>
      <c r="D76" s="5">
        <v>142</v>
      </c>
    </row>
    <row r="77" spans="1:4" ht="18" customHeight="1" x14ac:dyDescent="0.15">
      <c r="A77" s="8" t="s">
        <v>13</v>
      </c>
      <c r="B77" s="21">
        <v>416</v>
      </c>
      <c r="C77" s="6">
        <v>404</v>
      </c>
      <c r="D77" s="5">
        <v>820</v>
      </c>
    </row>
    <row r="78" spans="1:4" ht="18" customHeight="1" x14ac:dyDescent="0.15">
      <c r="A78" s="8">
        <v>60</v>
      </c>
      <c r="B78" s="21">
        <v>71</v>
      </c>
      <c r="C78" s="6">
        <v>69</v>
      </c>
      <c r="D78" s="5">
        <v>140</v>
      </c>
    </row>
    <row r="79" spans="1:4" ht="18" customHeight="1" x14ac:dyDescent="0.15">
      <c r="A79" s="8">
        <v>61</v>
      </c>
      <c r="B79" s="21">
        <v>77</v>
      </c>
      <c r="C79" s="6">
        <v>87</v>
      </c>
      <c r="D79" s="5">
        <v>164</v>
      </c>
    </row>
    <row r="80" spans="1:4" ht="18" customHeight="1" x14ac:dyDescent="0.15">
      <c r="A80" s="8">
        <v>62</v>
      </c>
      <c r="B80" s="21">
        <v>78</v>
      </c>
      <c r="C80" s="6">
        <v>71</v>
      </c>
      <c r="D80" s="5">
        <v>149</v>
      </c>
    </row>
    <row r="81" spans="1:4" ht="18" customHeight="1" x14ac:dyDescent="0.15">
      <c r="A81" s="8">
        <v>63</v>
      </c>
      <c r="B81" s="21">
        <v>93</v>
      </c>
      <c r="C81" s="6">
        <v>58</v>
      </c>
      <c r="D81" s="5">
        <v>151</v>
      </c>
    </row>
    <row r="82" spans="1:4" ht="18" customHeight="1" x14ac:dyDescent="0.15">
      <c r="A82" s="8">
        <v>64</v>
      </c>
      <c r="B82" s="21">
        <v>62</v>
      </c>
      <c r="C82" s="6">
        <v>95</v>
      </c>
      <c r="D82" s="5">
        <v>157</v>
      </c>
    </row>
    <row r="83" spans="1:4" ht="18" customHeight="1" x14ac:dyDescent="0.15">
      <c r="A83" s="8" t="s">
        <v>12</v>
      </c>
      <c r="B83" s="21">
        <v>381</v>
      </c>
      <c r="C83" s="6">
        <v>380</v>
      </c>
      <c r="D83" s="5">
        <v>761</v>
      </c>
    </row>
    <row r="84" spans="1:4" ht="18" customHeight="1" x14ac:dyDescent="0.15">
      <c r="A84" s="8" t="s">
        <v>11</v>
      </c>
      <c r="B84" s="21">
        <v>3094</v>
      </c>
      <c r="C84" s="6">
        <v>2815</v>
      </c>
      <c r="D84" s="5">
        <v>5909</v>
      </c>
    </row>
    <row r="85" spans="1:4" ht="18" customHeight="1" x14ac:dyDescent="0.15">
      <c r="A85" s="8">
        <v>65</v>
      </c>
      <c r="B85" s="21">
        <v>81</v>
      </c>
      <c r="C85" s="6">
        <v>84</v>
      </c>
      <c r="D85" s="5">
        <v>165</v>
      </c>
    </row>
    <row r="86" spans="1:4" ht="18" customHeight="1" x14ac:dyDescent="0.15">
      <c r="A86" s="8">
        <v>66</v>
      </c>
      <c r="B86" s="21">
        <v>72</v>
      </c>
      <c r="C86" s="6">
        <v>81</v>
      </c>
      <c r="D86" s="5">
        <v>153</v>
      </c>
    </row>
    <row r="87" spans="1:4" ht="18" customHeight="1" x14ac:dyDescent="0.15">
      <c r="A87" s="8">
        <v>67</v>
      </c>
      <c r="B87" s="21">
        <v>80</v>
      </c>
      <c r="C87" s="6">
        <v>86</v>
      </c>
      <c r="D87" s="5">
        <v>166</v>
      </c>
    </row>
    <row r="88" spans="1:4" ht="18" customHeight="1" x14ac:dyDescent="0.15">
      <c r="A88" s="8">
        <v>68</v>
      </c>
      <c r="B88" s="21">
        <v>69</v>
      </c>
      <c r="C88" s="6">
        <v>66</v>
      </c>
      <c r="D88" s="5">
        <v>135</v>
      </c>
    </row>
    <row r="89" spans="1:4" ht="18" customHeight="1" x14ac:dyDescent="0.15">
      <c r="A89" s="8">
        <v>69</v>
      </c>
      <c r="B89" s="21">
        <v>81</v>
      </c>
      <c r="C89" s="6">
        <v>67</v>
      </c>
      <c r="D89" s="5">
        <v>148</v>
      </c>
    </row>
    <row r="90" spans="1:4" ht="18" customHeight="1" x14ac:dyDescent="0.15">
      <c r="A90" s="8" t="s">
        <v>10</v>
      </c>
      <c r="B90" s="21">
        <v>383</v>
      </c>
      <c r="C90" s="6">
        <v>384</v>
      </c>
      <c r="D90" s="5">
        <v>767</v>
      </c>
    </row>
    <row r="91" spans="1:4" ht="18" customHeight="1" x14ac:dyDescent="0.15">
      <c r="A91" s="8">
        <v>70</v>
      </c>
      <c r="B91" s="21">
        <v>82</v>
      </c>
      <c r="C91" s="6">
        <v>84</v>
      </c>
      <c r="D91" s="5">
        <v>166</v>
      </c>
    </row>
    <row r="92" spans="1:4" ht="18" customHeight="1" x14ac:dyDescent="0.15">
      <c r="A92" s="8">
        <v>71</v>
      </c>
      <c r="B92" s="21">
        <v>68</v>
      </c>
      <c r="C92" s="6">
        <v>74</v>
      </c>
      <c r="D92" s="5">
        <v>142</v>
      </c>
    </row>
    <row r="93" spans="1:4" ht="18" customHeight="1" x14ac:dyDescent="0.15">
      <c r="A93" s="8">
        <v>72</v>
      </c>
      <c r="B93" s="21">
        <v>72</v>
      </c>
      <c r="C93" s="6">
        <v>81</v>
      </c>
      <c r="D93" s="5">
        <v>153</v>
      </c>
    </row>
    <row r="94" spans="1:4" ht="18" customHeight="1" x14ac:dyDescent="0.15">
      <c r="A94" s="8">
        <v>73</v>
      </c>
      <c r="B94" s="21">
        <v>68</v>
      </c>
      <c r="C94" s="6">
        <v>85</v>
      </c>
      <c r="D94" s="5">
        <v>153</v>
      </c>
    </row>
    <row r="95" spans="1:4" ht="18" customHeight="1" x14ac:dyDescent="0.15">
      <c r="A95" s="8">
        <v>74</v>
      </c>
      <c r="B95" s="21">
        <v>71</v>
      </c>
      <c r="C95" s="6">
        <v>81</v>
      </c>
      <c r="D95" s="5">
        <v>152</v>
      </c>
    </row>
    <row r="96" spans="1:4" ht="18" customHeight="1" x14ac:dyDescent="0.15">
      <c r="A96" s="8" t="s">
        <v>9</v>
      </c>
      <c r="B96" s="21">
        <v>361</v>
      </c>
      <c r="C96" s="6">
        <v>405</v>
      </c>
      <c r="D96" s="5">
        <v>766</v>
      </c>
    </row>
    <row r="97" spans="1:4" ht="18" customHeight="1" x14ac:dyDescent="0.15">
      <c r="A97" s="8">
        <v>75</v>
      </c>
      <c r="B97" s="21">
        <v>74</v>
      </c>
      <c r="C97" s="6">
        <v>73</v>
      </c>
      <c r="D97" s="5">
        <v>147</v>
      </c>
    </row>
    <row r="98" spans="1:4" ht="18" customHeight="1" x14ac:dyDescent="0.15">
      <c r="A98" s="8">
        <v>76</v>
      </c>
      <c r="B98" s="21">
        <v>82</v>
      </c>
      <c r="C98" s="6">
        <v>99</v>
      </c>
      <c r="D98" s="5">
        <v>181</v>
      </c>
    </row>
    <row r="99" spans="1:4" ht="18" customHeight="1" x14ac:dyDescent="0.15">
      <c r="A99" s="8">
        <v>77</v>
      </c>
      <c r="B99" s="21">
        <v>86</v>
      </c>
      <c r="C99" s="6">
        <v>93</v>
      </c>
      <c r="D99" s="5">
        <v>179</v>
      </c>
    </row>
    <row r="100" spans="1:4" ht="18" customHeight="1" x14ac:dyDescent="0.15">
      <c r="A100" s="8">
        <v>78</v>
      </c>
      <c r="B100" s="21">
        <v>81</v>
      </c>
      <c r="C100" s="6">
        <v>121</v>
      </c>
      <c r="D100" s="5">
        <v>202</v>
      </c>
    </row>
    <row r="101" spans="1:4" ht="18" customHeight="1" x14ac:dyDescent="0.15">
      <c r="A101" s="8">
        <v>79</v>
      </c>
      <c r="B101" s="21">
        <v>50</v>
      </c>
      <c r="C101" s="6">
        <v>65</v>
      </c>
      <c r="D101" s="5">
        <v>115</v>
      </c>
    </row>
    <row r="102" spans="1:4" ht="18" customHeight="1" x14ac:dyDescent="0.15">
      <c r="A102" s="8" t="s">
        <v>8</v>
      </c>
      <c r="B102" s="21">
        <v>373</v>
      </c>
      <c r="C102" s="6">
        <v>451</v>
      </c>
      <c r="D102" s="5">
        <v>824</v>
      </c>
    </row>
    <row r="103" spans="1:4" ht="18" customHeight="1" x14ac:dyDescent="0.15">
      <c r="A103" s="8">
        <v>80</v>
      </c>
      <c r="B103" s="21">
        <v>43</v>
      </c>
      <c r="C103" s="6">
        <v>65</v>
      </c>
      <c r="D103" s="5">
        <v>108</v>
      </c>
    </row>
    <row r="104" spans="1:4" ht="18" customHeight="1" x14ac:dyDescent="0.15">
      <c r="A104" s="8">
        <v>81</v>
      </c>
      <c r="B104" s="21">
        <v>50</v>
      </c>
      <c r="C104" s="6">
        <v>83</v>
      </c>
      <c r="D104" s="5">
        <v>133</v>
      </c>
    </row>
    <row r="105" spans="1:4" ht="18" customHeight="1" x14ac:dyDescent="0.15">
      <c r="A105" s="8">
        <v>82</v>
      </c>
      <c r="B105" s="21">
        <v>46</v>
      </c>
      <c r="C105" s="6">
        <v>91</v>
      </c>
      <c r="D105" s="5">
        <v>137</v>
      </c>
    </row>
    <row r="106" spans="1:4" ht="18" customHeight="1" x14ac:dyDescent="0.15">
      <c r="A106" s="8">
        <v>83</v>
      </c>
      <c r="B106" s="21">
        <v>62</v>
      </c>
      <c r="C106" s="6">
        <v>93</v>
      </c>
      <c r="D106" s="5">
        <v>155</v>
      </c>
    </row>
    <row r="107" spans="1:4" ht="18" customHeight="1" x14ac:dyDescent="0.15">
      <c r="A107" s="8">
        <v>84</v>
      </c>
      <c r="B107" s="21">
        <v>50</v>
      </c>
      <c r="C107" s="6">
        <v>78</v>
      </c>
      <c r="D107" s="5">
        <v>128</v>
      </c>
    </row>
    <row r="108" spans="1:4" ht="18" customHeight="1" x14ac:dyDescent="0.15">
      <c r="A108" s="8" t="s">
        <v>7</v>
      </c>
      <c r="B108" s="21">
        <v>251</v>
      </c>
      <c r="C108" s="6">
        <v>410</v>
      </c>
      <c r="D108" s="5">
        <v>661</v>
      </c>
    </row>
    <row r="109" spans="1:4" ht="18" customHeight="1" x14ac:dyDescent="0.15">
      <c r="A109" s="8">
        <v>85</v>
      </c>
      <c r="B109" s="21">
        <v>37</v>
      </c>
      <c r="C109" s="6">
        <v>85</v>
      </c>
      <c r="D109" s="5">
        <v>122</v>
      </c>
    </row>
    <row r="110" spans="1:4" ht="18" customHeight="1" x14ac:dyDescent="0.15">
      <c r="A110" s="8">
        <v>86</v>
      </c>
      <c r="B110" s="21">
        <v>37</v>
      </c>
      <c r="C110" s="6">
        <v>57</v>
      </c>
      <c r="D110" s="5">
        <v>94</v>
      </c>
    </row>
    <row r="111" spans="1:4" ht="18" customHeight="1" x14ac:dyDescent="0.15">
      <c r="A111" s="8">
        <v>87</v>
      </c>
      <c r="B111" s="21">
        <v>32</v>
      </c>
      <c r="C111" s="6">
        <v>49</v>
      </c>
      <c r="D111" s="5">
        <v>81</v>
      </c>
    </row>
    <row r="112" spans="1:4" ht="18" customHeight="1" x14ac:dyDescent="0.15">
      <c r="A112" s="8">
        <v>88</v>
      </c>
      <c r="B112" s="21">
        <v>25</v>
      </c>
      <c r="C112" s="6">
        <v>35</v>
      </c>
      <c r="D112" s="5">
        <v>60</v>
      </c>
    </row>
    <row r="113" spans="1:4" ht="18" customHeight="1" x14ac:dyDescent="0.15">
      <c r="A113" s="8">
        <v>89</v>
      </c>
      <c r="B113" s="21">
        <v>24</v>
      </c>
      <c r="C113" s="6">
        <v>51</v>
      </c>
      <c r="D113" s="5">
        <v>75</v>
      </c>
    </row>
    <row r="114" spans="1:4" ht="18" customHeight="1" x14ac:dyDescent="0.15">
      <c r="A114" s="8" t="s">
        <v>6</v>
      </c>
      <c r="B114" s="21">
        <v>155</v>
      </c>
      <c r="C114" s="6">
        <v>277</v>
      </c>
      <c r="D114" s="5">
        <v>432</v>
      </c>
    </row>
    <row r="115" spans="1:4" ht="18" customHeight="1" x14ac:dyDescent="0.15">
      <c r="A115" s="8">
        <v>90</v>
      </c>
      <c r="B115" s="21">
        <v>22</v>
      </c>
      <c r="C115" s="6">
        <v>55</v>
      </c>
      <c r="D115" s="5">
        <v>77</v>
      </c>
    </row>
    <row r="116" spans="1:4" ht="18" customHeight="1" x14ac:dyDescent="0.15">
      <c r="A116" s="8">
        <v>91</v>
      </c>
      <c r="B116" s="21">
        <v>18</v>
      </c>
      <c r="C116" s="6">
        <v>44</v>
      </c>
      <c r="D116" s="5">
        <v>62</v>
      </c>
    </row>
    <row r="117" spans="1:4" ht="18" customHeight="1" x14ac:dyDescent="0.15">
      <c r="A117" s="8">
        <v>92</v>
      </c>
      <c r="B117" s="21">
        <v>13</v>
      </c>
      <c r="C117" s="6">
        <v>32</v>
      </c>
      <c r="D117" s="5">
        <v>45</v>
      </c>
    </row>
    <row r="118" spans="1:4" ht="18" customHeight="1" x14ac:dyDescent="0.15">
      <c r="A118" s="8">
        <v>93</v>
      </c>
      <c r="B118" s="21">
        <v>11</v>
      </c>
      <c r="C118" s="6">
        <v>24</v>
      </c>
      <c r="D118" s="5">
        <v>35</v>
      </c>
    </row>
    <row r="119" spans="1:4" ht="18" customHeight="1" x14ac:dyDescent="0.15">
      <c r="A119" s="8">
        <v>94</v>
      </c>
      <c r="B119" s="21">
        <v>6</v>
      </c>
      <c r="C119" s="6">
        <v>34</v>
      </c>
      <c r="D119" s="5">
        <v>40</v>
      </c>
    </row>
    <row r="120" spans="1:4" ht="18" customHeight="1" x14ac:dyDescent="0.15">
      <c r="A120" s="8" t="s">
        <v>5</v>
      </c>
      <c r="B120" s="21">
        <v>70</v>
      </c>
      <c r="C120" s="6">
        <v>189</v>
      </c>
      <c r="D120" s="5">
        <v>259</v>
      </c>
    </row>
    <row r="121" spans="1:4" ht="18" customHeight="1" x14ac:dyDescent="0.15">
      <c r="A121" s="8">
        <v>95</v>
      </c>
      <c r="B121" s="21">
        <v>3</v>
      </c>
      <c r="C121" s="6">
        <v>24</v>
      </c>
      <c r="D121" s="5">
        <v>27</v>
      </c>
    </row>
    <row r="122" spans="1:4" ht="18" customHeight="1" x14ac:dyDescent="0.15">
      <c r="A122" s="8">
        <v>96</v>
      </c>
      <c r="B122" s="21">
        <v>2</v>
      </c>
      <c r="C122" s="6">
        <v>18</v>
      </c>
      <c r="D122" s="5">
        <v>20</v>
      </c>
    </row>
    <row r="123" spans="1:4" ht="18" customHeight="1" x14ac:dyDescent="0.15">
      <c r="A123" s="8">
        <v>97</v>
      </c>
      <c r="B123" s="21">
        <v>3</v>
      </c>
      <c r="C123" s="6">
        <v>13</v>
      </c>
      <c r="D123" s="5">
        <v>16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9</v>
      </c>
      <c r="C126" s="6">
        <v>61</v>
      </c>
      <c r="D126" s="5">
        <v>7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603</v>
      </c>
      <c r="C130" s="6">
        <v>2184</v>
      </c>
      <c r="D130" s="5">
        <v>3787</v>
      </c>
    </row>
    <row r="131" spans="1:4" ht="18" customHeight="1" x14ac:dyDescent="0.15">
      <c r="A131" s="4" t="s">
        <v>0</v>
      </c>
      <c r="B131" s="20">
        <v>5142</v>
      </c>
      <c r="C131" s="2">
        <v>5427</v>
      </c>
      <c r="D131" s="1">
        <v>105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C7E59A-65FE-4B56-8A09-D6D8D36FF61B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7</v>
      </c>
      <c r="C5" s="31">
        <v>38</v>
      </c>
      <c r="D5" s="30">
        <v>65</v>
      </c>
    </row>
    <row r="6" spans="1:4" ht="18" customHeight="1" x14ac:dyDescent="0.15">
      <c r="A6" s="8">
        <v>1</v>
      </c>
      <c r="B6" s="26">
        <v>41</v>
      </c>
      <c r="C6" s="6">
        <v>29</v>
      </c>
      <c r="D6" s="5">
        <v>70</v>
      </c>
    </row>
    <row r="7" spans="1:4" ht="18" customHeight="1" x14ac:dyDescent="0.15">
      <c r="A7" s="8">
        <v>2</v>
      </c>
      <c r="B7" s="26">
        <v>42</v>
      </c>
      <c r="C7" s="6">
        <v>48</v>
      </c>
      <c r="D7" s="5">
        <v>90</v>
      </c>
    </row>
    <row r="8" spans="1:4" ht="18" customHeight="1" x14ac:dyDescent="0.15">
      <c r="A8" s="8">
        <v>3</v>
      </c>
      <c r="B8" s="26">
        <v>47</v>
      </c>
      <c r="C8" s="6">
        <v>35</v>
      </c>
      <c r="D8" s="5">
        <v>82</v>
      </c>
    </row>
    <row r="9" spans="1:4" ht="18" customHeight="1" x14ac:dyDescent="0.15">
      <c r="A9" s="8">
        <v>4</v>
      </c>
      <c r="B9" s="29">
        <v>43</v>
      </c>
      <c r="C9" s="28">
        <v>40</v>
      </c>
      <c r="D9" s="27">
        <v>83</v>
      </c>
    </row>
    <row r="10" spans="1:4" ht="18" customHeight="1" x14ac:dyDescent="0.15">
      <c r="A10" s="8" t="s">
        <v>25</v>
      </c>
      <c r="B10" s="21">
        <v>200</v>
      </c>
      <c r="C10" s="6">
        <v>190</v>
      </c>
      <c r="D10" s="5">
        <v>390</v>
      </c>
    </row>
    <row r="11" spans="1:4" ht="18" customHeight="1" x14ac:dyDescent="0.15">
      <c r="A11" s="8">
        <v>5</v>
      </c>
      <c r="B11" s="26">
        <v>43</v>
      </c>
      <c r="C11" s="6">
        <v>48</v>
      </c>
      <c r="D11" s="5">
        <v>91</v>
      </c>
    </row>
    <row r="12" spans="1:4" ht="18" customHeight="1" x14ac:dyDescent="0.15">
      <c r="A12" s="8">
        <v>6</v>
      </c>
      <c r="B12" s="26">
        <v>50</v>
      </c>
      <c r="C12" s="6">
        <v>30</v>
      </c>
      <c r="D12" s="5">
        <v>80</v>
      </c>
    </row>
    <row r="13" spans="1:4" ht="18" customHeight="1" x14ac:dyDescent="0.15">
      <c r="A13" s="8">
        <v>7</v>
      </c>
      <c r="B13" s="26">
        <v>44</v>
      </c>
      <c r="C13" s="6">
        <v>63</v>
      </c>
      <c r="D13" s="5">
        <v>107</v>
      </c>
    </row>
    <row r="14" spans="1:4" ht="18" customHeight="1" x14ac:dyDescent="0.15">
      <c r="A14" s="8">
        <v>8</v>
      </c>
      <c r="B14" s="26">
        <v>53</v>
      </c>
      <c r="C14" s="6">
        <v>31</v>
      </c>
      <c r="D14" s="5">
        <v>84</v>
      </c>
    </row>
    <row r="15" spans="1:4" ht="18" customHeight="1" x14ac:dyDescent="0.15">
      <c r="A15" s="8">
        <v>9</v>
      </c>
      <c r="B15" s="26">
        <v>50</v>
      </c>
      <c r="C15" s="6">
        <v>34</v>
      </c>
      <c r="D15" s="5">
        <v>84</v>
      </c>
    </row>
    <row r="16" spans="1:4" ht="18" customHeight="1" x14ac:dyDescent="0.15">
      <c r="A16" s="8" t="s">
        <v>24</v>
      </c>
      <c r="B16" s="21">
        <v>240</v>
      </c>
      <c r="C16" s="6">
        <v>206</v>
      </c>
      <c r="D16" s="5">
        <v>446</v>
      </c>
    </row>
    <row r="17" spans="1:4" ht="18" customHeight="1" x14ac:dyDescent="0.15">
      <c r="A17" s="8">
        <v>10</v>
      </c>
      <c r="B17" s="21">
        <v>33</v>
      </c>
      <c r="C17" s="6">
        <v>51</v>
      </c>
      <c r="D17" s="5">
        <v>84</v>
      </c>
    </row>
    <row r="18" spans="1:4" ht="18" customHeight="1" x14ac:dyDescent="0.15">
      <c r="A18" s="8">
        <v>11</v>
      </c>
      <c r="B18" s="21">
        <v>35</v>
      </c>
      <c r="C18" s="6">
        <v>41</v>
      </c>
      <c r="D18" s="5">
        <v>76</v>
      </c>
    </row>
    <row r="19" spans="1:4" ht="18" customHeight="1" x14ac:dyDescent="0.15">
      <c r="A19" s="8">
        <v>12</v>
      </c>
      <c r="B19" s="21">
        <v>38</v>
      </c>
      <c r="C19" s="6">
        <v>28</v>
      </c>
      <c r="D19" s="5">
        <v>66</v>
      </c>
    </row>
    <row r="20" spans="1:4" ht="18" customHeight="1" x14ac:dyDescent="0.15">
      <c r="A20" s="8">
        <v>13</v>
      </c>
      <c r="B20" s="21">
        <v>44</v>
      </c>
      <c r="C20" s="6">
        <v>31</v>
      </c>
      <c r="D20" s="5">
        <v>75</v>
      </c>
    </row>
    <row r="21" spans="1:4" ht="18" customHeight="1" x14ac:dyDescent="0.15">
      <c r="A21" s="8">
        <v>14</v>
      </c>
      <c r="B21" s="21">
        <v>36</v>
      </c>
      <c r="C21" s="6">
        <v>35</v>
      </c>
      <c r="D21" s="5">
        <v>71</v>
      </c>
    </row>
    <row r="22" spans="1:4" ht="18" customHeight="1" x14ac:dyDescent="0.15">
      <c r="A22" s="8" t="s">
        <v>23</v>
      </c>
      <c r="B22" s="21">
        <v>186</v>
      </c>
      <c r="C22" s="6">
        <v>186</v>
      </c>
      <c r="D22" s="5">
        <v>372</v>
      </c>
    </row>
    <row r="23" spans="1:4" ht="18" customHeight="1" x14ac:dyDescent="0.15">
      <c r="A23" s="8" t="s">
        <v>22</v>
      </c>
      <c r="B23" s="21">
        <v>626</v>
      </c>
      <c r="C23" s="6">
        <v>582</v>
      </c>
      <c r="D23" s="5">
        <v>1208</v>
      </c>
    </row>
    <row r="24" spans="1:4" ht="18" customHeight="1" x14ac:dyDescent="0.15">
      <c r="A24" s="8">
        <v>15</v>
      </c>
      <c r="B24" s="21">
        <v>45</v>
      </c>
      <c r="C24" s="6">
        <v>31</v>
      </c>
      <c r="D24" s="5">
        <v>76</v>
      </c>
    </row>
    <row r="25" spans="1:4" ht="18" customHeight="1" x14ac:dyDescent="0.15">
      <c r="A25" s="8">
        <v>16</v>
      </c>
      <c r="B25" s="21">
        <v>33</v>
      </c>
      <c r="C25" s="6">
        <v>36</v>
      </c>
      <c r="D25" s="5">
        <v>69</v>
      </c>
    </row>
    <row r="26" spans="1:4" ht="18" customHeight="1" x14ac:dyDescent="0.15">
      <c r="A26" s="8">
        <v>17</v>
      </c>
      <c r="B26" s="21">
        <v>39</v>
      </c>
      <c r="C26" s="6">
        <v>32</v>
      </c>
      <c r="D26" s="5">
        <v>71</v>
      </c>
    </row>
    <row r="27" spans="1:4" ht="18" customHeight="1" x14ac:dyDescent="0.15">
      <c r="A27" s="8">
        <v>18</v>
      </c>
      <c r="B27" s="21">
        <v>46</v>
      </c>
      <c r="C27" s="6">
        <v>29</v>
      </c>
      <c r="D27" s="5">
        <v>75</v>
      </c>
    </row>
    <row r="28" spans="1:4" ht="18" customHeight="1" x14ac:dyDescent="0.15">
      <c r="A28" s="8">
        <v>19</v>
      </c>
      <c r="B28" s="21">
        <v>35</v>
      </c>
      <c r="C28" s="6">
        <v>38</v>
      </c>
      <c r="D28" s="5">
        <v>73</v>
      </c>
    </row>
    <row r="29" spans="1:4" ht="18" customHeight="1" x14ac:dyDescent="0.15">
      <c r="A29" s="8" t="s">
        <v>21</v>
      </c>
      <c r="B29" s="21">
        <v>198</v>
      </c>
      <c r="C29" s="6">
        <v>166</v>
      </c>
      <c r="D29" s="5">
        <v>364</v>
      </c>
    </row>
    <row r="30" spans="1:4" ht="18" customHeight="1" x14ac:dyDescent="0.15">
      <c r="A30" s="8">
        <v>20</v>
      </c>
      <c r="B30" s="21">
        <v>44</v>
      </c>
      <c r="C30" s="6">
        <v>30</v>
      </c>
      <c r="D30" s="5">
        <v>74</v>
      </c>
    </row>
    <row r="31" spans="1:4" ht="18" customHeight="1" x14ac:dyDescent="0.15">
      <c r="A31" s="8">
        <v>21</v>
      </c>
      <c r="B31" s="21">
        <v>38</v>
      </c>
      <c r="C31" s="6">
        <v>28</v>
      </c>
      <c r="D31" s="5">
        <v>66</v>
      </c>
    </row>
    <row r="32" spans="1:4" ht="18" customHeight="1" x14ac:dyDescent="0.15">
      <c r="A32" s="8">
        <v>22</v>
      </c>
      <c r="B32" s="21">
        <v>41</v>
      </c>
      <c r="C32" s="6">
        <v>25</v>
      </c>
      <c r="D32" s="5">
        <v>66</v>
      </c>
    </row>
    <row r="33" spans="1:4" ht="18" customHeight="1" x14ac:dyDescent="0.15">
      <c r="A33" s="8">
        <v>23</v>
      </c>
      <c r="B33" s="21">
        <v>49</v>
      </c>
      <c r="C33" s="6">
        <v>37</v>
      </c>
      <c r="D33" s="5">
        <v>86</v>
      </c>
    </row>
    <row r="34" spans="1:4" ht="18" customHeight="1" x14ac:dyDescent="0.15">
      <c r="A34" s="8">
        <v>24</v>
      </c>
      <c r="B34" s="21">
        <v>40</v>
      </c>
      <c r="C34" s="6">
        <v>50</v>
      </c>
      <c r="D34" s="5">
        <v>90</v>
      </c>
    </row>
    <row r="35" spans="1:4" ht="18" customHeight="1" x14ac:dyDescent="0.15">
      <c r="A35" s="8" t="s">
        <v>20</v>
      </c>
      <c r="B35" s="21">
        <v>212</v>
      </c>
      <c r="C35" s="6">
        <v>170</v>
      </c>
      <c r="D35" s="5">
        <v>382</v>
      </c>
    </row>
    <row r="36" spans="1:4" ht="18" customHeight="1" x14ac:dyDescent="0.15">
      <c r="A36" s="8">
        <v>25</v>
      </c>
      <c r="B36" s="21">
        <v>36</v>
      </c>
      <c r="C36" s="6">
        <v>27</v>
      </c>
      <c r="D36" s="5">
        <v>63</v>
      </c>
    </row>
    <row r="37" spans="1:4" ht="18" customHeight="1" x14ac:dyDescent="0.15">
      <c r="A37" s="8">
        <v>26</v>
      </c>
      <c r="B37" s="21">
        <v>44</v>
      </c>
      <c r="C37" s="6">
        <v>37</v>
      </c>
      <c r="D37" s="5">
        <v>81</v>
      </c>
    </row>
    <row r="38" spans="1:4" ht="18" customHeight="1" x14ac:dyDescent="0.15">
      <c r="A38" s="8">
        <v>27</v>
      </c>
      <c r="B38" s="21">
        <v>42</v>
      </c>
      <c r="C38" s="6">
        <v>34</v>
      </c>
      <c r="D38" s="5">
        <v>76</v>
      </c>
    </row>
    <row r="39" spans="1:4" ht="18" customHeight="1" x14ac:dyDescent="0.15">
      <c r="A39" s="8">
        <v>28</v>
      </c>
      <c r="B39" s="21">
        <v>32</v>
      </c>
      <c r="C39" s="6">
        <v>45</v>
      </c>
      <c r="D39" s="5">
        <v>77</v>
      </c>
    </row>
    <row r="40" spans="1:4" ht="18" customHeight="1" x14ac:dyDescent="0.15">
      <c r="A40" s="8">
        <v>29</v>
      </c>
      <c r="B40" s="21">
        <v>33</v>
      </c>
      <c r="C40" s="6">
        <v>31</v>
      </c>
      <c r="D40" s="5">
        <v>64</v>
      </c>
    </row>
    <row r="41" spans="1:4" ht="18" customHeight="1" x14ac:dyDescent="0.15">
      <c r="A41" s="8" t="s">
        <v>19</v>
      </c>
      <c r="B41" s="21">
        <v>187</v>
      </c>
      <c r="C41" s="6">
        <v>174</v>
      </c>
      <c r="D41" s="5">
        <v>361</v>
      </c>
    </row>
    <row r="42" spans="1:4" ht="18" customHeight="1" x14ac:dyDescent="0.15">
      <c r="A42" s="8">
        <v>30</v>
      </c>
      <c r="B42" s="21">
        <v>41</v>
      </c>
      <c r="C42" s="6">
        <v>43</v>
      </c>
      <c r="D42" s="5">
        <v>84</v>
      </c>
    </row>
    <row r="43" spans="1:4" ht="18" customHeight="1" x14ac:dyDescent="0.15">
      <c r="A43" s="8">
        <v>31</v>
      </c>
      <c r="B43" s="21">
        <v>51</v>
      </c>
      <c r="C43" s="6">
        <v>45</v>
      </c>
      <c r="D43" s="5">
        <v>96</v>
      </c>
    </row>
    <row r="44" spans="1:4" ht="18" customHeight="1" x14ac:dyDescent="0.15">
      <c r="A44" s="8">
        <v>32</v>
      </c>
      <c r="B44" s="21">
        <v>53</v>
      </c>
      <c r="C44" s="6">
        <v>58</v>
      </c>
      <c r="D44" s="5">
        <v>111</v>
      </c>
    </row>
    <row r="45" spans="1:4" ht="18" customHeight="1" x14ac:dyDescent="0.15">
      <c r="A45" s="8">
        <v>33</v>
      </c>
      <c r="B45" s="21">
        <v>60</v>
      </c>
      <c r="C45" s="6">
        <v>42</v>
      </c>
      <c r="D45" s="5">
        <v>102</v>
      </c>
    </row>
    <row r="46" spans="1:4" ht="18" customHeight="1" x14ac:dyDescent="0.15">
      <c r="A46" s="8">
        <v>34</v>
      </c>
      <c r="B46" s="21">
        <v>51</v>
      </c>
      <c r="C46" s="6">
        <v>58</v>
      </c>
      <c r="D46" s="5">
        <v>109</v>
      </c>
    </row>
    <row r="47" spans="1:4" ht="18" customHeight="1" x14ac:dyDescent="0.15">
      <c r="A47" s="8" t="s">
        <v>18</v>
      </c>
      <c r="B47" s="21">
        <v>256</v>
      </c>
      <c r="C47" s="6">
        <v>246</v>
      </c>
      <c r="D47" s="5">
        <v>502</v>
      </c>
    </row>
    <row r="48" spans="1:4" ht="18" customHeight="1" x14ac:dyDescent="0.15">
      <c r="A48" s="8">
        <v>35</v>
      </c>
      <c r="B48" s="21">
        <v>51</v>
      </c>
      <c r="C48" s="6">
        <v>50</v>
      </c>
      <c r="D48" s="5">
        <v>101</v>
      </c>
    </row>
    <row r="49" spans="1:4" ht="18" customHeight="1" x14ac:dyDescent="0.15">
      <c r="A49" s="8">
        <v>36</v>
      </c>
      <c r="B49" s="21">
        <v>63</v>
      </c>
      <c r="C49" s="6">
        <v>63</v>
      </c>
      <c r="D49" s="5">
        <v>126</v>
      </c>
    </row>
    <row r="50" spans="1:4" ht="18" customHeight="1" x14ac:dyDescent="0.15">
      <c r="A50" s="8">
        <v>37</v>
      </c>
      <c r="B50" s="21">
        <v>48</v>
      </c>
      <c r="C50" s="6">
        <v>54</v>
      </c>
      <c r="D50" s="5">
        <v>102</v>
      </c>
    </row>
    <row r="51" spans="1:4" ht="18" customHeight="1" x14ac:dyDescent="0.15">
      <c r="A51" s="8">
        <v>38</v>
      </c>
      <c r="B51" s="21">
        <v>56</v>
      </c>
      <c r="C51" s="6">
        <v>36</v>
      </c>
      <c r="D51" s="5">
        <v>92</v>
      </c>
    </row>
    <row r="52" spans="1:4" ht="18" customHeight="1" x14ac:dyDescent="0.15">
      <c r="A52" s="8">
        <v>39</v>
      </c>
      <c r="B52" s="21">
        <v>57</v>
      </c>
      <c r="C52" s="6">
        <v>62</v>
      </c>
      <c r="D52" s="5">
        <v>119</v>
      </c>
    </row>
    <row r="53" spans="1:4" ht="18" customHeight="1" x14ac:dyDescent="0.15">
      <c r="A53" s="8" t="s">
        <v>17</v>
      </c>
      <c r="B53" s="21">
        <v>275</v>
      </c>
      <c r="C53" s="6">
        <v>265</v>
      </c>
      <c r="D53" s="5">
        <v>540</v>
      </c>
    </row>
    <row r="54" spans="1:4" ht="18" customHeight="1" x14ac:dyDescent="0.15">
      <c r="A54" s="8">
        <v>40</v>
      </c>
      <c r="B54" s="21">
        <v>57</v>
      </c>
      <c r="C54" s="6">
        <v>49</v>
      </c>
      <c r="D54" s="5">
        <v>106</v>
      </c>
    </row>
    <row r="55" spans="1:4" ht="18" customHeight="1" x14ac:dyDescent="0.15">
      <c r="A55" s="8">
        <v>41</v>
      </c>
      <c r="B55" s="21">
        <v>66</v>
      </c>
      <c r="C55" s="6">
        <v>53</v>
      </c>
      <c r="D55" s="5">
        <v>119</v>
      </c>
    </row>
    <row r="56" spans="1:4" ht="18" customHeight="1" x14ac:dyDescent="0.15">
      <c r="A56" s="8">
        <v>42</v>
      </c>
      <c r="B56" s="21">
        <v>54</v>
      </c>
      <c r="C56" s="6">
        <v>38</v>
      </c>
      <c r="D56" s="5">
        <v>92</v>
      </c>
    </row>
    <row r="57" spans="1:4" ht="18" customHeight="1" x14ac:dyDescent="0.15">
      <c r="A57" s="8">
        <v>43</v>
      </c>
      <c r="B57" s="21">
        <v>47</v>
      </c>
      <c r="C57" s="6">
        <v>52</v>
      </c>
      <c r="D57" s="5">
        <v>99</v>
      </c>
    </row>
    <row r="58" spans="1:4" ht="18" customHeight="1" x14ac:dyDescent="0.15">
      <c r="A58" s="8">
        <v>44</v>
      </c>
      <c r="B58" s="21">
        <v>52</v>
      </c>
      <c r="C58" s="6">
        <v>61</v>
      </c>
      <c r="D58" s="5">
        <v>113</v>
      </c>
    </row>
    <row r="59" spans="1:4" ht="18" customHeight="1" x14ac:dyDescent="0.15">
      <c r="A59" s="8" t="s">
        <v>16</v>
      </c>
      <c r="B59" s="21">
        <v>276</v>
      </c>
      <c r="C59" s="6">
        <v>253</v>
      </c>
      <c r="D59" s="5">
        <v>529</v>
      </c>
    </row>
    <row r="60" spans="1:4" ht="18" customHeight="1" x14ac:dyDescent="0.15">
      <c r="A60" s="8">
        <v>45</v>
      </c>
      <c r="B60" s="21">
        <v>56</v>
      </c>
      <c r="C60" s="6">
        <v>45</v>
      </c>
      <c r="D60" s="5">
        <v>101</v>
      </c>
    </row>
    <row r="61" spans="1:4" ht="18" customHeight="1" x14ac:dyDescent="0.15">
      <c r="A61" s="8">
        <v>46</v>
      </c>
      <c r="B61" s="21">
        <v>65</v>
      </c>
      <c r="C61" s="6">
        <v>58</v>
      </c>
      <c r="D61" s="5">
        <v>123</v>
      </c>
    </row>
    <row r="62" spans="1:4" ht="18" customHeight="1" x14ac:dyDescent="0.15">
      <c r="A62" s="8">
        <v>47</v>
      </c>
      <c r="B62" s="21">
        <v>63</v>
      </c>
      <c r="C62" s="6">
        <v>59</v>
      </c>
      <c r="D62" s="5">
        <v>122</v>
      </c>
    </row>
    <row r="63" spans="1:4" ht="18" customHeight="1" x14ac:dyDescent="0.15">
      <c r="A63" s="8">
        <v>48</v>
      </c>
      <c r="B63" s="21">
        <v>53</v>
      </c>
      <c r="C63" s="6">
        <v>60</v>
      </c>
      <c r="D63" s="5">
        <v>113</v>
      </c>
    </row>
    <row r="64" spans="1:4" ht="18" customHeight="1" x14ac:dyDescent="0.15">
      <c r="A64" s="8">
        <v>49</v>
      </c>
      <c r="B64" s="21">
        <v>66</v>
      </c>
      <c r="C64" s="6">
        <v>50</v>
      </c>
      <c r="D64" s="5">
        <v>116</v>
      </c>
    </row>
    <row r="65" spans="1:4" ht="18" customHeight="1" x14ac:dyDescent="0.15">
      <c r="A65" s="8" t="s">
        <v>15</v>
      </c>
      <c r="B65" s="21">
        <v>303</v>
      </c>
      <c r="C65" s="6">
        <v>272</v>
      </c>
      <c r="D65" s="5">
        <v>575</v>
      </c>
    </row>
    <row r="66" spans="1:4" ht="18" customHeight="1" x14ac:dyDescent="0.15">
      <c r="A66" s="8">
        <v>50</v>
      </c>
      <c r="B66" s="21">
        <v>84</v>
      </c>
      <c r="C66" s="6">
        <v>58</v>
      </c>
      <c r="D66" s="5">
        <v>142</v>
      </c>
    </row>
    <row r="67" spans="1:4" ht="18" customHeight="1" x14ac:dyDescent="0.15">
      <c r="A67" s="8">
        <v>51</v>
      </c>
      <c r="B67" s="21">
        <v>44</v>
      </c>
      <c r="C67" s="6">
        <v>63</v>
      </c>
      <c r="D67" s="5">
        <v>107</v>
      </c>
    </row>
    <row r="68" spans="1:4" ht="18" customHeight="1" x14ac:dyDescent="0.15">
      <c r="A68" s="8">
        <v>52</v>
      </c>
      <c r="B68" s="21">
        <v>76</v>
      </c>
      <c r="C68" s="6">
        <v>70</v>
      </c>
      <c r="D68" s="5">
        <v>146</v>
      </c>
    </row>
    <row r="69" spans="1:4" ht="18" customHeight="1" x14ac:dyDescent="0.15">
      <c r="A69" s="8">
        <v>53</v>
      </c>
      <c r="B69" s="21">
        <v>56</v>
      </c>
      <c r="C69" s="6">
        <v>55</v>
      </c>
      <c r="D69" s="5">
        <v>111</v>
      </c>
    </row>
    <row r="70" spans="1:4" ht="18" customHeight="1" x14ac:dyDescent="0.15">
      <c r="A70" s="8">
        <v>54</v>
      </c>
      <c r="B70" s="21">
        <v>60</v>
      </c>
      <c r="C70" s="6">
        <v>52</v>
      </c>
      <c r="D70" s="5">
        <v>112</v>
      </c>
    </row>
    <row r="71" spans="1:4" ht="18" customHeight="1" x14ac:dyDescent="0.15">
      <c r="A71" s="8" t="s">
        <v>14</v>
      </c>
      <c r="B71" s="21">
        <v>320</v>
      </c>
      <c r="C71" s="6">
        <v>298</v>
      </c>
      <c r="D71" s="5">
        <v>618</v>
      </c>
    </row>
    <row r="72" spans="1:4" ht="18" customHeight="1" x14ac:dyDescent="0.15">
      <c r="A72" s="8">
        <v>55</v>
      </c>
      <c r="B72" s="21">
        <v>48</v>
      </c>
      <c r="C72" s="6">
        <v>53</v>
      </c>
      <c r="D72" s="5">
        <v>101</v>
      </c>
    </row>
    <row r="73" spans="1:4" ht="18" customHeight="1" x14ac:dyDescent="0.15">
      <c r="A73" s="8">
        <v>56</v>
      </c>
      <c r="B73" s="21">
        <v>43</v>
      </c>
      <c r="C73" s="6">
        <v>51</v>
      </c>
      <c r="D73" s="5">
        <v>94</v>
      </c>
    </row>
    <row r="74" spans="1:4" ht="18" customHeight="1" x14ac:dyDescent="0.15">
      <c r="A74" s="8">
        <v>57</v>
      </c>
      <c r="B74" s="21">
        <v>63</v>
      </c>
      <c r="C74" s="6">
        <v>51</v>
      </c>
      <c r="D74" s="5">
        <v>114</v>
      </c>
    </row>
    <row r="75" spans="1:4" ht="18" customHeight="1" x14ac:dyDescent="0.15">
      <c r="A75" s="8">
        <v>58</v>
      </c>
      <c r="B75" s="21">
        <v>44</v>
      </c>
      <c r="C75" s="6">
        <v>53</v>
      </c>
      <c r="D75" s="5">
        <v>97</v>
      </c>
    </row>
    <row r="76" spans="1:4" ht="18" customHeight="1" x14ac:dyDescent="0.15">
      <c r="A76" s="8">
        <v>59</v>
      </c>
      <c r="B76" s="21">
        <v>32</v>
      </c>
      <c r="C76" s="6">
        <v>35</v>
      </c>
      <c r="D76" s="5">
        <v>67</v>
      </c>
    </row>
    <row r="77" spans="1:4" ht="18" customHeight="1" x14ac:dyDescent="0.15">
      <c r="A77" s="8" t="s">
        <v>13</v>
      </c>
      <c r="B77" s="21">
        <v>230</v>
      </c>
      <c r="C77" s="6">
        <v>243</v>
      </c>
      <c r="D77" s="5">
        <v>473</v>
      </c>
    </row>
    <row r="78" spans="1:4" ht="18" customHeight="1" x14ac:dyDescent="0.15">
      <c r="A78" s="8">
        <v>60</v>
      </c>
      <c r="B78" s="21">
        <v>55</v>
      </c>
      <c r="C78" s="6">
        <v>48</v>
      </c>
      <c r="D78" s="5">
        <v>103</v>
      </c>
    </row>
    <row r="79" spans="1:4" ht="18" customHeight="1" x14ac:dyDescent="0.15">
      <c r="A79" s="8">
        <v>61</v>
      </c>
      <c r="B79" s="21">
        <v>57</v>
      </c>
      <c r="C79" s="6">
        <v>52</v>
      </c>
      <c r="D79" s="5">
        <v>109</v>
      </c>
    </row>
    <row r="80" spans="1:4" ht="18" customHeight="1" x14ac:dyDescent="0.15">
      <c r="A80" s="8">
        <v>62</v>
      </c>
      <c r="B80" s="21">
        <v>44</v>
      </c>
      <c r="C80" s="6">
        <v>43</v>
      </c>
      <c r="D80" s="5">
        <v>87</v>
      </c>
    </row>
    <row r="81" spans="1:4" ht="18" customHeight="1" x14ac:dyDescent="0.15">
      <c r="A81" s="8">
        <v>63</v>
      </c>
      <c r="B81" s="21">
        <v>41</v>
      </c>
      <c r="C81" s="6">
        <v>35</v>
      </c>
      <c r="D81" s="5">
        <v>76</v>
      </c>
    </row>
    <row r="82" spans="1:4" ht="18" customHeight="1" x14ac:dyDescent="0.15">
      <c r="A82" s="8">
        <v>64</v>
      </c>
      <c r="B82" s="21">
        <v>28</v>
      </c>
      <c r="C82" s="6">
        <v>35</v>
      </c>
      <c r="D82" s="5">
        <v>63</v>
      </c>
    </row>
    <row r="83" spans="1:4" ht="18" customHeight="1" x14ac:dyDescent="0.15">
      <c r="A83" s="8" t="s">
        <v>12</v>
      </c>
      <c r="B83" s="21">
        <v>225</v>
      </c>
      <c r="C83" s="6">
        <v>213</v>
      </c>
      <c r="D83" s="5">
        <v>438</v>
      </c>
    </row>
    <row r="84" spans="1:4" ht="18" customHeight="1" x14ac:dyDescent="0.15">
      <c r="A84" s="8" t="s">
        <v>11</v>
      </c>
      <c r="B84" s="21">
        <v>2482</v>
      </c>
      <c r="C84" s="6">
        <v>2300</v>
      </c>
      <c r="D84" s="5">
        <v>4782</v>
      </c>
    </row>
    <row r="85" spans="1:4" ht="18" customHeight="1" x14ac:dyDescent="0.15">
      <c r="A85" s="8">
        <v>65</v>
      </c>
      <c r="B85" s="21">
        <v>38</v>
      </c>
      <c r="C85" s="6">
        <v>33</v>
      </c>
      <c r="D85" s="5">
        <v>71</v>
      </c>
    </row>
    <row r="86" spans="1:4" ht="18" customHeight="1" x14ac:dyDescent="0.15">
      <c r="A86" s="8">
        <v>66</v>
      </c>
      <c r="B86" s="21">
        <v>44</v>
      </c>
      <c r="C86" s="6">
        <v>44</v>
      </c>
      <c r="D86" s="5">
        <v>88</v>
      </c>
    </row>
    <row r="87" spans="1:4" ht="18" customHeight="1" x14ac:dyDescent="0.15">
      <c r="A87" s="8">
        <v>67</v>
      </c>
      <c r="B87" s="21">
        <v>39</v>
      </c>
      <c r="C87" s="6">
        <v>32</v>
      </c>
      <c r="D87" s="5">
        <v>71</v>
      </c>
    </row>
    <row r="88" spans="1:4" ht="18" customHeight="1" x14ac:dyDescent="0.15">
      <c r="A88" s="8">
        <v>68</v>
      </c>
      <c r="B88" s="21">
        <v>38</v>
      </c>
      <c r="C88" s="6">
        <v>46</v>
      </c>
      <c r="D88" s="5">
        <v>84</v>
      </c>
    </row>
    <row r="89" spans="1:4" ht="18" customHeight="1" x14ac:dyDescent="0.15">
      <c r="A89" s="8">
        <v>69</v>
      </c>
      <c r="B89" s="21">
        <v>35</v>
      </c>
      <c r="C89" s="6">
        <v>37</v>
      </c>
      <c r="D89" s="5">
        <v>72</v>
      </c>
    </row>
    <row r="90" spans="1:4" ht="18" customHeight="1" x14ac:dyDescent="0.15">
      <c r="A90" s="8" t="s">
        <v>10</v>
      </c>
      <c r="B90" s="21">
        <v>194</v>
      </c>
      <c r="C90" s="6">
        <v>192</v>
      </c>
      <c r="D90" s="5">
        <v>386</v>
      </c>
    </row>
    <row r="91" spans="1:4" ht="18" customHeight="1" x14ac:dyDescent="0.15">
      <c r="A91" s="8">
        <v>70</v>
      </c>
      <c r="B91" s="21">
        <v>35</v>
      </c>
      <c r="C91" s="6">
        <v>57</v>
      </c>
      <c r="D91" s="5">
        <v>92</v>
      </c>
    </row>
    <row r="92" spans="1:4" ht="18" customHeight="1" x14ac:dyDescent="0.15">
      <c r="A92" s="8">
        <v>71</v>
      </c>
      <c r="B92" s="21">
        <v>46</v>
      </c>
      <c r="C92" s="6">
        <v>60</v>
      </c>
      <c r="D92" s="5">
        <v>106</v>
      </c>
    </row>
    <row r="93" spans="1:4" ht="18" customHeight="1" x14ac:dyDescent="0.15">
      <c r="A93" s="8">
        <v>72</v>
      </c>
      <c r="B93" s="21">
        <v>24</v>
      </c>
      <c r="C93" s="6">
        <v>35</v>
      </c>
      <c r="D93" s="5">
        <v>59</v>
      </c>
    </row>
    <row r="94" spans="1:4" ht="18" customHeight="1" x14ac:dyDescent="0.15">
      <c r="A94" s="8">
        <v>73</v>
      </c>
      <c r="B94" s="21">
        <v>50</v>
      </c>
      <c r="C94" s="6">
        <v>50</v>
      </c>
      <c r="D94" s="5">
        <v>100</v>
      </c>
    </row>
    <row r="95" spans="1:4" ht="18" customHeight="1" x14ac:dyDescent="0.15">
      <c r="A95" s="8">
        <v>74</v>
      </c>
      <c r="B95" s="21">
        <v>46</v>
      </c>
      <c r="C95" s="6">
        <v>44</v>
      </c>
      <c r="D95" s="5">
        <v>90</v>
      </c>
    </row>
    <row r="96" spans="1:4" ht="18" customHeight="1" x14ac:dyDescent="0.15">
      <c r="A96" s="8" t="s">
        <v>9</v>
      </c>
      <c r="B96" s="21">
        <v>201</v>
      </c>
      <c r="C96" s="6">
        <v>246</v>
      </c>
      <c r="D96" s="5">
        <v>447</v>
      </c>
    </row>
    <row r="97" spans="1:4" ht="18" customHeight="1" x14ac:dyDescent="0.15">
      <c r="A97" s="8">
        <v>75</v>
      </c>
      <c r="B97" s="21">
        <v>54</v>
      </c>
      <c r="C97" s="6">
        <v>46</v>
      </c>
      <c r="D97" s="5">
        <v>100</v>
      </c>
    </row>
    <row r="98" spans="1:4" ht="18" customHeight="1" x14ac:dyDescent="0.15">
      <c r="A98" s="8">
        <v>76</v>
      </c>
      <c r="B98" s="21">
        <v>46</v>
      </c>
      <c r="C98" s="6">
        <v>67</v>
      </c>
      <c r="D98" s="5">
        <v>113</v>
      </c>
    </row>
    <row r="99" spans="1:4" ht="18" customHeight="1" x14ac:dyDescent="0.15">
      <c r="A99" s="8">
        <v>77</v>
      </c>
      <c r="B99" s="21">
        <v>42</v>
      </c>
      <c r="C99" s="6">
        <v>62</v>
      </c>
      <c r="D99" s="5">
        <v>104</v>
      </c>
    </row>
    <row r="100" spans="1:4" ht="18" customHeight="1" x14ac:dyDescent="0.15">
      <c r="A100" s="8">
        <v>78</v>
      </c>
      <c r="B100" s="21">
        <v>46</v>
      </c>
      <c r="C100" s="6">
        <v>48</v>
      </c>
      <c r="D100" s="5">
        <v>94</v>
      </c>
    </row>
    <row r="101" spans="1:4" ht="18" customHeight="1" x14ac:dyDescent="0.15">
      <c r="A101" s="8">
        <v>79</v>
      </c>
      <c r="B101" s="21">
        <v>26</v>
      </c>
      <c r="C101" s="6">
        <v>32</v>
      </c>
      <c r="D101" s="5">
        <v>58</v>
      </c>
    </row>
    <row r="102" spans="1:4" ht="18" customHeight="1" x14ac:dyDescent="0.15">
      <c r="A102" s="8" t="s">
        <v>8</v>
      </c>
      <c r="B102" s="21">
        <v>214</v>
      </c>
      <c r="C102" s="6">
        <v>255</v>
      </c>
      <c r="D102" s="5">
        <v>469</v>
      </c>
    </row>
    <row r="103" spans="1:4" ht="18" customHeight="1" x14ac:dyDescent="0.15">
      <c r="A103" s="8">
        <v>80</v>
      </c>
      <c r="B103" s="21">
        <v>25</v>
      </c>
      <c r="C103" s="6">
        <v>38</v>
      </c>
      <c r="D103" s="5">
        <v>63</v>
      </c>
    </row>
    <row r="104" spans="1:4" ht="18" customHeight="1" x14ac:dyDescent="0.15">
      <c r="A104" s="8">
        <v>81</v>
      </c>
      <c r="B104" s="21">
        <v>28</v>
      </c>
      <c r="C104" s="6">
        <v>42</v>
      </c>
      <c r="D104" s="5">
        <v>70</v>
      </c>
    </row>
    <row r="105" spans="1:4" ht="18" customHeight="1" x14ac:dyDescent="0.15">
      <c r="A105" s="8">
        <v>82</v>
      </c>
      <c r="B105" s="21">
        <v>26</v>
      </c>
      <c r="C105" s="6">
        <v>38</v>
      </c>
      <c r="D105" s="5">
        <v>64</v>
      </c>
    </row>
    <row r="106" spans="1:4" ht="18" customHeight="1" x14ac:dyDescent="0.15">
      <c r="A106" s="8">
        <v>83</v>
      </c>
      <c r="B106" s="21">
        <v>24</v>
      </c>
      <c r="C106" s="6">
        <v>41</v>
      </c>
      <c r="D106" s="5">
        <v>65</v>
      </c>
    </row>
    <row r="107" spans="1:4" ht="18" customHeight="1" x14ac:dyDescent="0.15">
      <c r="A107" s="8">
        <v>84</v>
      </c>
      <c r="B107" s="21">
        <v>22</v>
      </c>
      <c r="C107" s="6">
        <v>41</v>
      </c>
      <c r="D107" s="5">
        <v>63</v>
      </c>
    </row>
    <row r="108" spans="1:4" ht="18" customHeight="1" x14ac:dyDescent="0.15">
      <c r="A108" s="8" t="s">
        <v>7</v>
      </c>
      <c r="B108" s="21">
        <v>125</v>
      </c>
      <c r="C108" s="6">
        <v>200</v>
      </c>
      <c r="D108" s="5">
        <v>325</v>
      </c>
    </row>
    <row r="109" spans="1:4" ht="18" customHeight="1" x14ac:dyDescent="0.15">
      <c r="A109" s="8">
        <v>85</v>
      </c>
      <c r="B109" s="21">
        <v>28</v>
      </c>
      <c r="C109" s="6">
        <v>28</v>
      </c>
      <c r="D109" s="5">
        <v>56</v>
      </c>
    </row>
    <row r="110" spans="1:4" ht="18" customHeight="1" x14ac:dyDescent="0.15">
      <c r="A110" s="8">
        <v>86</v>
      </c>
      <c r="B110" s="21">
        <v>21</v>
      </c>
      <c r="C110" s="6">
        <v>18</v>
      </c>
      <c r="D110" s="5">
        <v>39</v>
      </c>
    </row>
    <row r="111" spans="1:4" ht="18" customHeight="1" x14ac:dyDescent="0.15">
      <c r="A111" s="8">
        <v>87</v>
      </c>
      <c r="B111" s="21">
        <v>17</v>
      </c>
      <c r="C111" s="6">
        <v>19</v>
      </c>
      <c r="D111" s="5">
        <v>36</v>
      </c>
    </row>
    <row r="112" spans="1:4" ht="18" customHeight="1" x14ac:dyDescent="0.15">
      <c r="A112" s="8">
        <v>88</v>
      </c>
      <c r="B112" s="21">
        <v>9</v>
      </c>
      <c r="C112" s="6">
        <v>29</v>
      </c>
      <c r="D112" s="5">
        <v>38</v>
      </c>
    </row>
    <row r="113" spans="1:4" ht="18" customHeight="1" x14ac:dyDescent="0.15">
      <c r="A113" s="8">
        <v>89</v>
      </c>
      <c r="B113" s="21">
        <v>11</v>
      </c>
      <c r="C113" s="6">
        <v>16</v>
      </c>
      <c r="D113" s="5">
        <v>27</v>
      </c>
    </row>
    <row r="114" spans="1:4" ht="18" customHeight="1" x14ac:dyDescent="0.15">
      <c r="A114" s="8" t="s">
        <v>6</v>
      </c>
      <c r="B114" s="21">
        <v>86</v>
      </c>
      <c r="C114" s="6">
        <v>110</v>
      </c>
      <c r="D114" s="5">
        <v>196</v>
      </c>
    </row>
    <row r="115" spans="1:4" ht="18" customHeight="1" x14ac:dyDescent="0.15">
      <c r="A115" s="8">
        <v>90</v>
      </c>
      <c r="B115" s="21">
        <v>10</v>
      </c>
      <c r="C115" s="6">
        <v>29</v>
      </c>
      <c r="D115" s="5">
        <v>39</v>
      </c>
    </row>
    <row r="116" spans="1:4" ht="18" customHeight="1" x14ac:dyDescent="0.15">
      <c r="A116" s="8">
        <v>91</v>
      </c>
      <c r="B116" s="21">
        <v>7</v>
      </c>
      <c r="C116" s="6">
        <v>16</v>
      </c>
      <c r="D116" s="5">
        <v>23</v>
      </c>
    </row>
    <row r="117" spans="1:4" ht="18" customHeight="1" x14ac:dyDescent="0.15">
      <c r="A117" s="8">
        <v>92</v>
      </c>
      <c r="B117" s="21">
        <v>3</v>
      </c>
      <c r="C117" s="6">
        <v>14</v>
      </c>
      <c r="D117" s="5">
        <v>17</v>
      </c>
    </row>
    <row r="118" spans="1:4" ht="18" customHeight="1" x14ac:dyDescent="0.15">
      <c r="A118" s="8">
        <v>93</v>
      </c>
      <c r="B118" s="21">
        <v>2</v>
      </c>
      <c r="C118" s="6">
        <v>16</v>
      </c>
      <c r="D118" s="5">
        <v>18</v>
      </c>
    </row>
    <row r="119" spans="1:4" ht="18" customHeight="1" x14ac:dyDescent="0.15">
      <c r="A119" s="8">
        <v>94</v>
      </c>
      <c r="B119" s="21">
        <v>1</v>
      </c>
      <c r="C119" s="6">
        <v>7</v>
      </c>
      <c r="D119" s="5">
        <v>8</v>
      </c>
    </row>
    <row r="120" spans="1:4" ht="18" customHeight="1" x14ac:dyDescent="0.15">
      <c r="A120" s="8" t="s">
        <v>5</v>
      </c>
      <c r="B120" s="21">
        <v>23</v>
      </c>
      <c r="C120" s="6">
        <v>82</v>
      </c>
      <c r="D120" s="5">
        <v>105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1</v>
      </c>
      <c r="C122" s="6">
        <v>10</v>
      </c>
      <c r="D122" s="5">
        <v>11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3</v>
      </c>
      <c r="C126" s="6">
        <v>36</v>
      </c>
      <c r="D126" s="5">
        <v>39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847</v>
      </c>
      <c r="C130" s="6">
        <v>1128</v>
      </c>
      <c r="D130" s="5">
        <v>1975</v>
      </c>
    </row>
    <row r="131" spans="1:4" ht="18" customHeight="1" x14ac:dyDescent="0.15">
      <c r="A131" s="4" t="s">
        <v>0</v>
      </c>
      <c r="B131" s="20">
        <v>3955</v>
      </c>
      <c r="C131" s="2">
        <v>4010</v>
      </c>
      <c r="D131" s="1">
        <v>796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A39ED5-C8AC-4756-95A2-45642716D19E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2</v>
      </c>
      <c r="C5" s="31">
        <v>56</v>
      </c>
      <c r="D5" s="30">
        <v>108</v>
      </c>
    </row>
    <row r="6" spans="1:4" ht="18" customHeight="1" x14ac:dyDescent="0.15">
      <c r="A6" s="8">
        <v>1</v>
      </c>
      <c r="B6" s="26">
        <v>63</v>
      </c>
      <c r="C6" s="6">
        <v>62</v>
      </c>
      <c r="D6" s="5">
        <v>125</v>
      </c>
    </row>
    <row r="7" spans="1:4" ht="18" customHeight="1" x14ac:dyDescent="0.15">
      <c r="A7" s="8">
        <v>2</v>
      </c>
      <c r="B7" s="26">
        <v>65</v>
      </c>
      <c r="C7" s="6">
        <v>73</v>
      </c>
      <c r="D7" s="5">
        <v>138</v>
      </c>
    </row>
    <row r="8" spans="1:4" ht="18" customHeight="1" x14ac:dyDescent="0.15">
      <c r="A8" s="8">
        <v>3</v>
      </c>
      <c r="B8" s="26">
        <v>70</v>
      </c>
      <c r="C8" s="6">
        <v>65</v>
      </c>
      <c r="D8" s="5">
        <v>135</v>
      </c>
    </row>
    <row r="9" spans="1:4" ht="18" customHeight="1" x14ac:dyDescent="0.15">
      <c r="A9" s="8">
        <v>4</v>
      </c>
      <c r="B9" s="29">
        <v>74</v>
      </c>
      <c r="C9" s="28">
        <v>67</v>
      </c>
      <c r="D9" s="27">
        <v>141</v>
      </c>
    </row>
    <row r="10" spans="1:4" ht="18" customHeight="1" x14ac:dyDescent="0.15">
      <c r="A10" s="8" t="s">
        <v>25</v>
      </c>
      <c r="B10" s="21">
        <v>324</v>
      </c>
      <c r="C10" s="6">
        <v>323</v>
      </c>
      <c r="D10" s="5">
        <v>647</v>
      </c>
    </row>
    <row r="11" spans="1:4" ht="18" customHeight="1" x14ac:dyDescent="0.15">
      <c r="A11" s="8">
        <v>5</v>
      </c>
      <c r="B11" s="26">
        <v>78</v>
      </c>
      <c r="C11" s="6">
        <v>73</v>
      </c>
      <c r="D11" s="5">
        <v>151</v>
      </c>
    </row>
    <row r="12" spans="1:4" ht="18" customHeight="1" x14ac:dyDescent="0.15">
      <c r="A12" s="8">
        <v>6</v>
      </c>
      <c r="B12" s="26">
        <v>85</v>
      </c>
      <c r="C12" s="6">
        <v>57</v>
      </c>
      <c r="D12" s="5">
        <v>142</v>
      </c>
    </row>
    <row r="13" spans="1:4" ht="18" customHeight="1" x14ac:dyDescent="0.15">
      <c r="A13" s="8">
        <v>7</v>
      </c>
      <c r="B13" s="26">
        <v>79</v>
      </c>
      <c r="C13" s="6">
        <v>98</v>
      </c>
      <c r="D13" s="5">
        <v>177</v>
      </c>
    </row>
    <row r="14" spans="1:4" ht="18" customHeight="1" x14ac:dyDescent="0.15">
      <c r="A14" s="8">
        <v>8</v>
      </c>
      <c r="B14" s="26">
        <v>91</v>
      </c>
      <c r="C14" s="6">
        <v>63</v>
      </c>
      <c r="D14" s="5">
        <v>154</v>
      </c>
    </row>
    <row r="15" spans="1:4" ht="18" customHeight="1" x14ac:dyDescent="0.15">
      <c r="A15" s="8">
        <v>9</v>
      </c>
      <c r="B15" s="26">
        <v>82</v>
      </c>
      <c r="C15" s="6">
        <v>75</v>
      </c>
      <c r="D15" s="5">
        <v>157</v>
      </c>
    </row>
    <row r="16" spans="1:4" ht="18" customHeight="1" x14ac:dyDescent="0.15">
      <c r="A16" s="8" t="s">
        <v>24</v>
      </c>
      <c r="B16" s="21">
        <v>415</v>
      </c>
      <c r="C16" s="6">
        <v>366</v>
      </c>
      <c r="D16" s="5">
        <v>781</v>
      </c>
    </row>
    <row r="17" spans="1:4" ht="18" customHeight="1" x14ac:dyDescent="0.15">
      <c r="A17" s="8">
        <v>10</v>
      </c>
      <c r="B17" s="21">
        <v>89</v>
      </c>
      <c r="C17" s="6">
        <v>88</v>
      </c>
      <c r="D17" s="5">
        <v>177</v>
      </c>
    </row>
    <row r="18" spans="1:4" ht="18" customHeight="1" x14ac:dyDescent="0.15">
      <c r="A18" s="8">
        <v>11</v>
      </c>
      <c r="B18" s="21">
        <v>74</v>
      </c>
      <c r="C18" s="6">
        <v>72</v>
      </c>
      <c r="D18" s="5">
        <v>146</v>
      </c>
    </row>
    <row r="19" spans="1:4" ht="18" customHeight="1" x14ac:dyDescent="0.15">
      <c r="A19" s="8">
        <v>12</v>
      </c>
      <c r="B19" s="21">
        <v>73</v>
      </c>
      <c r="C19" s="6">
        <v>75</v>
      </c>
      <c r="D19" s="5">
        <v>148</v>
      </c>
    </row>
    <row r="20" spans="1:4" ht="18" customHeight="1" x14ac:dyDescent="0.15">
      <c r="A20" s="8">
        <v>13</v>
      </c>
      <c r="B20" s="21">
        <v>84</v>
      </c>
      <c r="C20" s="6">
        <v>72</v>
      </c>
      <c r="D20" s="5">
        <v>156</v>
      </c>
    </row>
    <row r="21" spans="1:4" ht="18" customHeight="1" x14ac:dyDescent="0.15">
      <c r="A21" s="8">
        <v>14</v>
      </c>
      <c r="B21" s="21">
        <v>90</v>
      </c>
      <c r="C21" s="6">
        <v>75</v>
      </c>
      <c r="D21" s="5">
        <v>165</v>
      </c>
    </row>
    <row r="22" spans="1:4" ht="18" customHeight="1" x14ac:dyDescent="0.15">
      <c r="A22" s="8" t="s">
        <v>23</v>
      </c>
      <c r="B22" s="21">
        <v>410</v>
      </c>
      <c r="C22" s="6">
        <v>382</v>
      </c>
      <c r="D22" s="5">
        <v>792</v>
      </c>
    </row>
    <row r="23" spans="1:4" ht="18" customHeight="1" x14ac:dyDescent="0.15">
      <c r="A23" s="8" t="s">
        <v>22</v>
      </c>
      <c r="B23" s="21">
        <v>1149</v>
      </c>
      <c r="C23" s="6">
        <v>1071</v>
      </c>
      <c r="D23" s="5">
        <v>2220</v>
      </c>
    </row>
    <row r="24" spans="1:4" ht="18" customHeight="1" x14ac:dyDescent="0.15">
      <c r="A24" s="8">
        <v>15</v>
      </c>
      <c r="B24" s="21">
        <v>102</v>
      </c>
      <c r="C24" s="6">
        <v>84</v>
      </c>
      <c r="D24" s="5">
        <v>186</v>
      </c>
    </row>
    <row r="25" spans="1:4" ht="18" customHeight="1" x14ac:dyDescent="0.15">
      <c r="A25" s="8">
        <v>16</v>
      </c>
      <c r="B25" s="21">
        <v>85</v>
      </c>
      <c r="C25" s="6">
        <v>80</v>
      </c>
      <c r="D25" s="5">
        <v>165</v>
      </c>
    </row>
    <row r="26" spans="1:4" ht="18" customHeight="1" x14ac:dyDescent="0.15">
      <c r="A26" s="8">
        <v>17</v>
      </c>
      <c r="B26" s="21">
        <v>92</v>
      </c>
      <c r="C26" s="6">
        <v>87</v>
      </c>
      <c r="D26" s="5">
        <v>179</v>
      </c>
    </row>
    <row r="27" spans="1:4" ht="18" customHeight="1" x14ac:dyDescent="0.15">
      <c r="A27" s="8">
        <v>18</v>
      </c>
      <c r="B27" s="21">
        <v>82</v>
      </c>
      <c r="C27" s="6">
        <v>69</v>
      </c>
      <c r="D27" s="5">
        <v>151</v>
      </c>
    </row>
    <row r="28" spans="1:4" ht="18" customHeight="1" x14ac:dyDescent="0.15">
      <c r="A28" s="8">
        <v>19</v>
      </c>
      <c r="B28" s="21">
        <v>78</v>
      </c>
      <c r="C28" s="6">
        <v>86</v>
      </c>
      <c r="D28" s="5">
        <v>164</v>
      </c>
    </row>
    <row r="29" spans="1:4" ht="18" customHeight="1" x14ac:dyDescent="0.15">
      <c r="A29" s="8" t="s">
        <v>21</v>
      </c>
      <c r="B29" s="21">
        <v>439</v>
      </c>
      <c r="C29" s="6">
        <v>406</v>
      </c>
      <c r="D29" s="5">
        <v>845</v>
      </c>
    </row>
    <row r="30" spans="1:4" ht="18" customHeight="1" x14ac:dyDescent="0.15">
      <c r="A30" s="8">
        <v>20</v>
      </c>
      <c r="B30" s="21">
        <v>87</v>
      </c>
      <c r="C30" s="6">
        <v>75</v>
      </c>
      <c r="D30" s="5">
        <v>162</v>
      </c>
    </row>
    <row r="31" spans="1:4" ht="18" customHeight="1" x14ac:dyDescent="0.15">
      <c r="A31" s="8">
        <v>21</v>
      </c>
      <c r="B31" s="21">
        <v>103</v>
      </c>
      <c r="C31" s="6">
        <v>89</v>
      </c>
      <c r="D31" s="5">
        <v>192</v>
      </c>
    </row>
    <row r="32" spans="1:4" ht="18" customHeight="1" x14ac:dyDescent="0.15">
      <c r="A32" s="8">
        <v>22</v>
      </c>
      <c r="B32" s="21">
        <v>97</v>
      </c>
      <c r="C32" s="6">
        <v>76</v>
      </c>
      <c r="D32" s="5">
        <v>173</v>
      </c>
    </row>
    <row r="33" spans="1:4" ht="18" customHeight="1" x14ac:dyDescent="0.15">
      <c r="A33" s="8">
        <v>23</v>
      </c>
      <c r="B33" s="21">
        <v>117</v>
      </c>
      <c r="C33" s="6">
        <v>78</v>
      </c>
      <c r="D33" s="5">
        <v>195</v>
      </c>
    </row>
    <row r="34" spans="1:4" ht="18" customHeight="1" x14ac:dyDescent="0.15">
      <c r="A34" s="8">
        <v>24</v>
      </c>
      <c r="B34" s="21">
        <v>101</v>
      </c>
      <c r="C34" s="6">
        <v>105</v>
      </c>
      <c r="D34" s="5">
        <v>206</v>
      </c>
    </row>
    <row r="35" spans="1:4" ht="18" customHeight="1" x14ac:dyDescent="0.15">
      <c r="A35" s="8" t="s">
        <v>20</v>
      </c>
      <c r="B35" s="21">
        <v>505</v>
      </c>
      <c r="C35" s="6">
        <v>423</v>
      </c>
      <c r="D35" s="5">
        <v>928</v>
      </c>
    </row>
    <row r="36" spans="1:4" ht="18" customHeight="1" x14ac:dyDescent="0.15">
      <c r="A36" s="8">
        <v>25</v>
      </c>
      <c r="B36" s="21">
        <v>116</v>
      </c>
      <c r="C36" s="6">
        <v>84</v>
      </c>
      <c r="D36" s="5">
        <v>200</v>
      </c>
    </row>
    <row r="37" spans="1:4" ht="18" customHeight="1" x14ac:dyDescent="0.15">
      <c r="A37" s="8">
        <v>26</v>
      </c>
      <c r="B37" s="21">
        <v>99</v>
      </c>
      <c r="C37" s="6">
        <v>93</v>
      </c>
      <c r="D37" s="5">
        <v>192</v>
      </c>
    </row>
    <row r="38" spans="1:4" ht="18" customHeight="1" x14ac:dyDescent="0.15">
      <c r="A38" s="8">
        <v>27</v>
      </c>
      <c r="B38" s="21">
        <v>104</v>
      </c>
      <c r="C38" s="6">
        <v>86</v>
      </c>
      <c r="D38" s="5">
        <v>190</v>
      </c>
    </row>
    <row r="39" spans="1:4" ht="18" customHeight="1" x14ac:dyDescent="0.15">
      <c r="A39" s="8">
        <v>28</v>
      </c>
      <c r="B39" s="21">
        <v>106</v>
      </c>
      <c r="C39" s="6">
        <v>93</v>
      </c>
      <c r="D39" s="5">
        <v>199</v>
      </c>
    </row>
    <row r="40" spans="1:4" ht="18" customHeight="1" x14ac:dyDescent="0.15">
      <c r="A40" s="8">
        <v>29</v>
      </c>
      <c r="B40" s="21">
        <v>94</v>
      </c>
      <c r="C40" s="6">
        <v>74</v>
      </c>
      <c r="D40" s="5">
        <v>168</v>
      </c>
    </row>
    <row r="41" spans="1:4" ht="18" customHeight="1" x14ac:dyDescent="0.15">
      <c r="A41" s="8" t="s">
        <v>19</v>
      </c>
      <c r="B41" s="21">
        <v>519</v>
      </c>
      <c r="C41" s="6">
        <v>430</v>
      </c>
      <c r="D41" s="5">
        <v>949</v>
      </c>
    </row>
    <row r="42" spans="1:4" ht="18" customHeight="1" x14ac:dyDescent="0.15">
      <c r="A42" s="8">
        <v>30</v>
      </c>
      <c r="B42" s="21">
        <v>110</v>
      </c>
      <c r="C42" s="6">
        <v>86</v>
      </c>
      <c r="D42" s="5">
        <v>196</v>
      </c>
    </row>
    <row r="43" spans="1:4" ht="18" customHeight="1" x14ac:dyDescent="0.15">
      <c r="A43" s="8">
        <v>31</v>
      </c>
      <c r="B43" s="21">
        <v>111</v>
      </c>
      <c r="C43" s="6">
        <v>85</v>
      </c>
      <c r="D43" s="5">
        <v>196</v>
      </c>
    </row>
    <row r="44" spans="1:4" ht="18" customHeight="1" x14ac:dyDescent="0.15">
      <c r="A44" s="8">
        <v>32</v>
      </c>
      <c r="B44" s="21">
        <v>105</v>
      </c>
      <c r="C44" s="6">
        <v>106</v>
      </c>
      <c r="D44" s="5">
        <v>211</v>
      </c>
    </row>
    <row r="45" spans="1:4" ht="18" customHeight="1" x14ac:dyDescent="0.15">
      <c r="A45" s="8">
        <v>33</v>
      </c>
      <c r="B45" s="21">
        <v>119</v>
      </c>
      <c r="C45" s="6">
        <v>87</v>
      </c>
      <c r="D45" s="5">
        <v>206</v>
      </c>
    </row>
    <row r="46" spans="1:4" ht="18" customHeight="1" x14ac:dyDescent="0.15">
      <c r="A46" s="8">
        <v>34</v>
      </c>
      <c r="B46" s="21">
        <v>111</v>
      </c>
      <c r="C46" s="6">
        <v>100</v>
      </c>
      <c r="D46" s="5">
        <v>211</v>
      </c>
    </row>
    <row r="47" spans="1:4" ht="18" customHeight="1" x14ac:dyDescent="0.15">
      <c r="A47" s="8" t="s">
        <v>18</v>
      </c>
      <c r="B47" s="21">
        <v>556</v>
      </c>
      <c r="C47" s="6">
        <v>464</v>
      </c>
      <c r="D47" s="5">
        <v>1020</v>
      </c>
    </row>
    <row r="48" spans="1:4" ht="18" customHeight="1" x14ac:dyDescent="0.15">
      <c r="A48" s="8">
        <v>35</v>
      </c>
      <c r="B48" s="21">
        <v>105</v>
      </c>
      <c r="C48" s="6">
        <v>94</v>
      </c>
      <c r="D48" s="5">
        <v>199</v>
      </c>
    </row>
    <row r="49" spans="1:4" ht="18" customHeight="1" x14ac:dyDescent="0.15">
      <c r="A49" s="8">
        <v>36</v>
      </c>
      <c r="B49" s="21">
        <v>122</v>
      </c>
      <c r="C49" s="6">
        <v>105</v>
      </c>
      <c r="D49" s="5">
        <v>227</v>
      </c>
    </row>
    <row r="50" spans="1:4" ht="18" customHeight="1" x14ac:dyDescent="0.15">
      <c r="A50" s="8">
        <v>37</v>
      </c>
      <c r="B50" s="21">
        <v>122</v>
      </c>
      <c r="C50" s="6">
        <v>107</v>
      </c>
      <c r="D50" s="5">
        <v>229</v>
      </c>
    </row>
    <row r="51" spans="1:4" ht="18" customHeight="1" x14ac:dyDescent="0.15">
      <c r="A51" s="8">
        <v>38</v>
      </c>
      <c r="B51" s="21">
        <v>124</v>
      </c>
      <c r="C51" s="6">
        <v>103</v>
      </c>
      <c r="D51" s="5">
        <v>227</v>
      </c>
    </row>
    <row r="52" spans="1:4" ht="18" customHeight="1" x14ac:dyDescent="0.15">
      <c r="A52" s="8">
        <v>39</v>
      </c>
      <c r="B52" s="21">
        <v>122</v>
      </c>
      <c r="C52" s="6">
        <v>129</v>
      </c>
      <c r="D52" s="5">
        <v>251</v>
      </c>
    </row>
    <row r="53" spans="1:4" ht="18" customHeight="1" x14ac:dyDescent="0.15">
      <c r="A53" s="8" t="s">
        <v>17</v>
      </c>
      <c r="B53" s="21">
        <v>595</v>
      </c>
      <c r="C53" s="6">
        <v>538</v>
      </c>
      <c r="D53" s="5">
        <v>1133</v>
      </c>
    </row>
    <row r="54" spans="1:4" ht="18" customHeight="1" x14ac:dyDescent="0.15">
      <c r="A54" s="8">
        <v>40</v>
      </c>
      <c r="B54" s="21">
        <v>125</v>
      </c>
      <c r="C54" s="6">
        <v>119</v>
      </c>
      <c r="D54" s="5">
        <v>244</v>
      </c>
    </row>
    <row r="55" spans="1:4" ht="18" customHeight="1" x14ac:dyDescent="0.15">
      <c r="A55" s="8">
        <v>41</v>
      </c>
      <c r="B55" s="21">
        <v>150</v>
      </c>
      <c r="C55" s="6">
        <v>108</v>
      </c>
      <c r="D55" s="5">
        <v>258</v>
      </c>
    </row>
    <row r="56" spans="1:4" ht="18" customHeight="1" x14ac:dyDescent="0.15">
      <c r="A56" s="8">
        <v>42</v>
      </c>
      <c r="B56" s="21">
        <v>135</v>
      </c>
      <c r="C56" s="6">
        <v>87</v>
      </c>
      <c r="D56" s="5">
        <v>222</v>
      </c>
    </row>
    <row r="57" spans="1:4" ht="18" customHeight="1" x14ac:dyDescent="0.15">
      <c r="A57" s="8">
        <v>43</v>
      </c>
      <c r="B57" s="21">
        <v>121</v>
      </c>
      <c r="C57" s="6">
        <v>128</v>
      </c>
      <c r="D57" s="5">
        <v>249</v>
      </c>
    </row>
    <row r="58" spans="1:4" ht="18" customHeight="1" x14ac:dyDescent="0.15">
      <c r="A58" s="8">
        <v>44</v>
      </c>
      <c r="B58" s="21">
        <v>125</v>
      </c>
      <c r="C58" s="6">
        <v>132</v>
      </c>
      <c r="D58" s="5">
        <v>257</v>
      </c>
    </row>
    <row r="59" spans="1:4" ht="18" customHeight="1" x14ac:dyDescent="0.15">
      <c r="A59" s="8" t="s">
        <v>16</v>
      </c>
      <c r="B59" s="21">
        <v>656</v>
      </c>
      <c r="C59" s="6">
        <v>574</v>
      </c>
      <c r="D59" s="5">
        <v>1230</v>
      </c>
    </row>
    <row r="60" spans="1:4" ht="18" customHeight="1" x14ac:dyDescent="0.15">
      <c r="A60" s="8">
        <v>45</v>
      </c>
      <c r="B60" s="21">
        <v>125</v>
      </c>
      <c r="C60" s="6">
        <v>104</v>
      </c>
      <c r="D60" s="5">
        <v>229</v>
      </c>
    </row>
    <row r="61" spans="1:4" ht="18" customHeight="1" x14ac:dyDescent="0.15">
      <c r="A61" s="8">
        <v>46</v>
      </c>
      <c r="B61" s="21">
        <v>144</v>
      </c>
      <c r="C61" s="6">
        <v>122</v>
      </c>
      <c r="D61" s="5">
        <v>266</v>
      </c>
    </row>
    <row r="62" spans="1:4" ht="18" customHeight="1" x14ac:dyDescent="0.15">
      <c r="A62" s="8">
        <v>47</v>
      </c>
      <c r="B62" s="21">
        <v>144</v>
      </c>
      <c r="C62" s="6">
        <v>137</v>
      </c>
      <c r="D62" s="5">
        <v>281</v>
      </c>
    </row>
    <row r="63" spans="1:4" ht="18" customHeight="1" x14ac:dyDescent="0.15">
      <c r="A63" s="8">
        <v>48</v>
      </c>
      <c r="B63" s="21">
        <v>141</v>
      </c>
      <c r="C63" s="6">
        <v>133</v>
      </c>
      <c r="D63" s="5">
        <v>274</v>
      </c>
    </row>
    <row r="64" spans="1:4" ht="18" customHeight="1" x14ac:dyDescent="0.15">
      <c r="A64" s="8">
        <v>49</v>
      </c>
      <c r="B64" s="21">
        <v>161</v>
      </c>
      <c r="C64" s="6">
        <v>128</v>
      </c>
      <c r="D64" s="5">
        <v>289</v>
      </c>
    </row>
    <row r="65" spans="1:4" ht="18" customHeight="1" x14ac:dyDescent="0.15">
      <c r="A65" s="8" t="s">
        <v>15</v>
      </c>
      <c r="B65" s="21">
        <v>715</v>
      </c>
      <c r="C65" s="6">
        <v>624</v>
      </c>
      <c r="D65" s="5">
        <v>1339</v>
      </c>
    </row>
    <row r="66" spans="1:4" ht="18" customHeight="1" x14ac:dyDescent="0.15">
      <c r="A66" s="8">
        <v>50</v>
      </c>
      <c r="B66" s="21">
        <v>179</v>
      </c>
      <c r="C66" s="6">
        <v>159</v>
      </c>
      <c r="D66" s="5">
        <v>338</v>
      </c>
    </row>
    <row r="67" spans="1:4" ht="18" customHeight="1" x14ac:dyDescent="0.15">
      <c r="A67" s="8">
        <v>51</v>
      </c>
      <c r="B67" s="21">
        <v>149</v>
      </c>
      <c r="C67" s="6">
        <v>158</v>
      </c>
      <c r="D67" s="5">
        <v>307</v>
      </c>
    </row>
    <row r="68" spans="1:4" ht="18" customHeight="1" x14ac:dyDescent="0.15">
      <c r="A68" s="8">
        <v>52</v>
      </c>
      <c r="B68" s="21">
        <v>167</v>
      </c>
      <c r="C68" s="6">
        <v>142</v>
      </c>
      <c r="D68" s="5">
        <v>309</v>
      </c>
    </row>
    <row r="69" spans="1:4" ht="18" customHeight="1" x14ac:dyDescent="0.15">
      <c r="A69" s="8">
        <v>53</v>
      </c>
      <c r="B69" s="21">
        <v>166</v>
      </c>
      <c r="C69" s="6">
        <v>161</v>
      </c>
      <c r="D69" s="5">
        <v>327</v>
      </c>
    </row>
    <row r="70" spans="1:4" ht="18" customHeight="1" x14ac:dyDescent="0.15">
      <c r="A70" s="8">
        <v>54</v>
      </c>
      <c r="B70" s="21">
        <v>165</v>
      </c>
      <c r="C70" s="6">
        <v>166</v>
      </c>
      <c r="D70" s="5">
        <v>331</v>
      </c>
    </row>
    <row r="71" spans="1:4" ht="18" customHeight="1" x14ac:dyDescent="0.15">
      <c r="A71" s="8" t="s">
        <v>14</v>
      </c>
      <c r="B71" s="21">
        <v>826</v>
      </c>
      <c r="C71" s="6">
        <v>786</v>
      </c>
      <c r="D71" s="5">
        <v>1612</v>
      </c>
    </row>
    <row r="72" spans="1:4" ht="18" customHeight="1" x14ac:dyDescent="0.15">
      <c r="A72" s="8">
        <v>55</v>
      </c>
      <c r="B72" s="21">
        <v>144</v>
      </c>
      <c r="C72" s="6">
        <v>152</v>
      </c>
      <c r="D72" s="5">
        <v>296</v>
      </c>
    </row>
    <row r="73" spans="1:4" ht="18" customHeight="1" x14ac:dyDescent="0.15">
      <c r="A73" s="8">
        <v>56</v>
      </c>
      <c r="B73" s="21">
        <v>143</v>
      </c>
      <c r="C73" s="6">
        <v>137</v>
      </c>
      <c r="D73" s="5">
        <v>280</v>
      </c>
    </row>
    <row r="74" spans="1:4" ht="18" customHeight="1" x14ac:dyDescent="0.15">
      <c r="A74" s="8">
        <v>57</v>
      </c>
      <c r="B74" s="21">
        <v>157</v>
      </c>
      <c r="C74" s="6">
        <v>154</v>
      </c>
      <c r="D74" s="5">
        <v>311</v>
      </c>
    </row>
    <row r="75" spans="1:4" ht="18" customHeight="1" x14ac:dyDescent="0.15">
      <c r="A75" s="8">
        <v>58</v>
      </c>
      <c r="B75" s="21">
        <v>162</v>
      </c>
      <c r="C75" s="6">
        <v>146</v>
      </c>
      <c r="D75" s="5">
        <v>308</v>
      </c>
    </row>
    <row r="76" spans="1:4" ht="18" customHeight="1" x14ac:dyDescent="0.15">
      <c r="A76" s="8">
        <v>59</v>
      </c>
      <c r="B76" s="21">
        <v>107</v>
      </c>
      <c r="C76" s="6">
        <v>123</v>
      </c>
      <c r="D76" s="5">
        <v>230</v>
      </c>
    </row>
    <row r="77" spans="1:4" ht="18" customHeight="1" x14ac:dyDescent="0.15">
      <c r="A77" s="8" t="s">
        <v>13</v>
      </c>
      <c r="B77" s="21">
        <v>713</v>
      </c>
      <c r="C77" s="6">
        <v>712</v>
      </c>
      <c r="D77" s="5">
        <v>1425</v>
      </c>
    </row>
    <row r="78" spans="1:4" ht="18" customHeight="1" x14ac:dyDescent="0.15">
      <c r="A78" s="8">
        <v>60</v>
      </c>
      <c r="B78" s="21">
        <v>145</v>
      </c>
      <c r="C78" s="6">
        <v>129</v>
      </c>
      <c r="D78" s="5">
        <v>274</v>
      </c>
    </row>
    <row r="79" spans="1:4" ht="18" customHeight="1" x14ac:dyDescent="0.15">
      <c r="A79" s="8">
        <v>61</v>
      </c>
      <c r="B79" s="21">
        <v>151</v>
      </c>
      <c r="C79" s="6">
        <v>157</v>
      </c>
      <c r="D79" s="5">
        <v>308</v>
      </c>
    </row>
    <row r="80" spans="1:4" ht="18" customHeight="1" x14ac:dyDescent="0.15">
      <c r="A80" s="8">
        <v>62</v>
      </c>
      <c r="B80" s="21">
        <v>139</v>
      </c>
      <c r="C80" s="6">
        <v>130</v>
      </c>
      <c r="D80" s="5">
        <v>269</v>
      </c>
    </row>
    <row r="81" spans="1:4" ht="18" customHeight="1" x14ac:dyDescent="0.15">
      <c r="A81" s="8">
        <v>63</v>
      </c>
      <c r="B81" s="21">
        <v>148</v>
      </c>
      <c r="C81" s="6">
        <v>104</v>
      </c>
      <c r="D81" s="5">
        <v>252</v>
      </c>
    </row>
    <row r="82" spans="1:4" ht="18" customHeight="1" x14ac:dyDescent="0.15">
      <c r="A82" s="8">
        <v>64</v>
      </c>
      <c r="B82" s="21">
        <v>109</v>
      </c>
      <c r="C82" s="6">
        <v>155</v>
      </c>
      <c r="D82" s="5">
        <v>264</v>
      </c>
    </row>
    <row r="83" spans="1:4" ht="18" customHeight="1" x14ac:dyDescent="0.15">
      <c r="A83" s="8" t="s">
        <v>12</v>
      </c>
      <c r="B83" s="21">
        <v>692</v>
      </c>
      <c r="C83" s="6">
        <v>675</v>
      </c>
      <c r="D83" s="5">
        <v>1367</v>
      </c>
    </row>
    <row r="84" spans="1:4" ht="18" customHeight="1" x14ac:dyDescent="0.15">
      <c r="A84" s="8" t="s">
        <v>11</v>
      </c>
      <c r="B84" s="21">
        <v>6216</v>
      </c>
      <c r="C84" s="6">
        <v>5632</v>
      </c>
      <c r="D84" s="5">
        <v>11848</v>
      </c>
    </row>
    <row r="85" spans="1:4" ht="18" customHeight="1" x14ac:dyDescent="0.15">
      <c r="A85" s="8">
        <v>65</v>
      </c>
      <c r="B85" s="21">
        <v>135</v>
      </c>
      <c r="C85" s="6">
        <v>131</v>
      </c>
      <c r="D85" s="5">
        <v>266</v>
      </c>
    </row>
    <row r="86" spans="1:4" ht="18" customHeight="1" x14ac:dyDescent="0.15">
      <c r="A86" s="8">
        <v>66</v>
      </c>
      <c r="B86" s="21">
        <v>132</v>
      </c>
      <c r="C86" s="6">
        <v>149</v>
      </c>
      <c r="D86" s="5">
        <v>281</v>
      </c>
    </row>
    <row r="87" spans="1:4" ht="18" customHeight="1" x14ac:dyDescent="0.15">
      <c r="A87" s="8">
        <v>67</v>
      </c>
      <c r="B87" s="21">
        <v>140</v>
      </c>
      <c r="C87" s="6">
        <v>142</v>
      </c>
      <c r="D87" s="5">
        <v>282</v>
      </c>
    </row>
    <row r="88" spans="1:4" ht="18" customHeight="1" x14ac:dyDescent="0.15">
      <c r="A88" s="8">
        <v>68</v>
      </c>
      <c r="B88" s="21">
        <v>130</v>
      </c>
      <c r="C88" s="6">
        <v>137</v>
      </c>
      <c r="D88" s="5">
        <v>267</v>
      </c>
    </row>
    <row r="89" spans="1:4" ht="18" customHeight="1" x14ac:dyDescent="0.15">
      <c r="A89" s="8">
        <v>69</v>
      </c>
      <c r="B89" s="21">
        <v>138</v>
      </c>
      <c r="C89" s="6">
        <v>124</v>
      </c>
      <c r="D89" s="5">
        <v>262</v>
      </c>
    </row>
    <row r="90" spans="1:4" ht="18" customHeight="1" x14ac:dyDescent="0.15">
      <c r="A90" s="8" t="s">
        <v>10</v>
      </c>
      <c r="B90" s="21">
        <v>675</v>
      </c>
      <c r="C90" s="6">
        <v>683</v>
      </c>
      <c r="D90" s="5">
        <v>1358</v>
      </c>
    </row>
    <row r="91" spans="1:4" ht="18" customHeight="1" x14ac:dyDescent="0.15">
      <c r="A91" s="8">
        <v>70</v>
      </c>
      <c r="B91" s="21">
        <v>137</v>
      </c>
      <c r="C91" s="6">
        <v>162</v>
      </c>
      <c r="D91" s="5">
        <v>299</v>
      </c>
    </row>
    <row r="92" spans="1:4" ht="18" customHeight="1" x14ac:dyDescent="0.15">
      <c r="A92" s="8">
        <v>71</v>
      </c>
      <c r="B92" s="21">
        <v>147</v>
      </c>
      <c r="C92" s="6">
        <v>156</v>
      </c>
      <c r="D92" s="5">
        <v>303</v>
      </c>
    </row>
    <row r="93" spans="1:4" ht="18" customHeight="1" x14ac:dyDescent="0.15">
      <c r="A93" s="8">
        <v>72</v>
      </c>
      <c r="B93" s="21">
        <v>127</v>
      </c>
      <c r="C93" s="6">
        <v>144</v>
      </c>
      <c r="D93" s="5">
        <v>271</v>
      </c>
    </row>
    <row r="94" spans="1:4" ht="18" customHeight="1" x14ac:dyDescent="0.15">
      <c r="A94" s="8">
        <v>73</v>
      </c>
      <c r="B94" s="21">
        <v>143</v>
      </c>
      <c r="C94" s="6">
        <v>151</v>
      </c>
      <c r="D94" s="5">
        <v>294</v>
      </c>
    </row>
    <row r="95" spans="1:4" ht="18" customHeight="1" x14ac:dyDescent="0.15">
      <c r="A95" s="8">
        <v>74</v>
      </c>
      <c r="B95" s="21">
        <v>143</v>
      </c>
      <c r="C95" s="6">
        <v>136</v>
      </c>
      <c r="D95" s="5">
        <v>279</v>
      </c>
    </row>
    <row r="96" spans="1:4" ht="18" customHeight="1" x14ac:dyDescent="0.15">
      <c r="A96" s="8" t="s">
        <v>9</v>
      </c>
      <c r="B96" s="21">
        <v>697</v>
      </c>
      <c r="C96" s="6">
        <v>749</v>
      </c>
      <c r="D96" s="5">
        <v>1446</v>
      </c>
    </row>
    <row r="97" spans="1:4" ht="18" customHeight="1" x14ac:dyDescent="0.15">
      <c r="A97" s="8">
        <v>75</v>
      </c>
      <c r="B97" s="21">
        <v>151</v>
      </c>
      <c r="C97" s="6">
        <v>145</v>
      </c>
      <c r="D97" s="5">
        <v>296</v>
      </c>
    </row>
    <row r="98" spans="1:4" ht="18" customHeight="1" x14ac:dyDescent="0.15">
      <c r="A98" s="8">
        <v>76</v>
      </c>
      <c r="B98" s="21">
        <v>152</v>
      </c>
      <c r="C98" s="6">
        <v>192</v>
      </c>
      <c r="D98" s="5">
        <v>344</v>
      </c>
    </row>
    <row r="99" spans="1:4" ht="18" customHeight="1" x14ac:dyDescent="0.15">
      <c r="A99" s="8">
        <v>77</v>
      </c>
      <c r="B99" s="21">
        <v>152</v>
      </c>
      <c r="C99" s="6">
        <v>173</v>
      </c>
      <c r="D99" s="5">
        <v>325</v>
      </c>
    </row>
    <row r="100" spans="1:4" ht="18" customHeight="1" x14ac:dyDescent="0.15">
      <c r="A100" s="8">
        <v>78</v>
      </c>
      <c r="B100" s="21">
        <v>156</v>
      </c>
      <c r="C100" s="6">
        <v>203</v>
      </c>
      <c r="D100" s="5">
        <v>359</v>
      </c>
    </row>
    <row r="101" spans="1:4" ht="18" customHeight="1" x14ac:dyDescent="0.15">
      <c r="A101" s="8">
        <v>79</v>
      </c>
      <c r="B101" s="21">
        <v>89</v>
      </c>
      <c r="C101" s="6">
        <v>111</v>
      </c>
      <c r="D101" s="5">
        <v>200</v>
      </c>
    </row>
    <row r="102" spans="1:4" ht="18" customHeight="1" x14ac:dyDescent="0.15">
      <c r="A102" s="8" t="s">
        <v>8</v>
      </c>
      <c r="B102" s="21">
        <v>700</v>
      </c>
      <c r="C102" s="6">
        <v>824</v>
      </c>
      <c r="D102" s="5">
        <v>1524</v>
      </c>
    </row>
    <row r="103" spans="1:4" ht="18" customHeight="1" x14ac:dyDescent="0.15">
      <c r="A103" s="8">
        <v>80</v>
      </c>
      <c r="B103" s="21">
        <v>78</v>
      </c>
      <c r="C103" s="6">
        <v>117</v>
      </c>
      <c r="D103" s="5">
        <v>195</v>
      </c>
    </row>
    <row r="104" spans="1:4" ht="18" customHeight="1" x14ac:dyDescent="0.15">
      <c r="A104" s="8">
        <v>81</v>
      </c>
      <c r="B104" s="21">
        <v>94</v>
      </c>
      <c r="C104" s="6">
        <v>145</v>
      </c>
      <c r="D104" s="5">
        <v>239</v>
      </c>
    </row>
    <row r="105" spans="1:4" ht="18" customHeight="1" x14ac:dyDescent="0.15">
      <c r="A105" s="8">
        <v>82</v>
      </c>
      <c r="B105" s="21">
        <v>78</v>
      </c>
      <c r="C105" s="6">
        <v>145</v>
      </c>
      <c r="D105" s="5">
        <v>223</v>
      </c>
    </row>
    <row r="106" spans="1:4" ht="18" customHeight="1" x14ac:dyDescent="0.15">
      <c r="A106" s="8">
        <v>83</v>
      </c>
      <c r="B106" s="21">
        <v>96</v>
      </c>
      <c r="C106" s="6">
        <v>153</v>
      </c>
      <c r="D106" s="5">
        <v>249</v>
      </c>
    </row>
    <row r="107" spans="1:4" ht="18" customHeight="1" x14ac:dyDescent="0.15">
      <c r="A107" s="8">
        <v>84</v>
      </c>
      <c r="B107" s="21">
        <v>81</v>
      </c>
      <c r="C107" s="6">
        <v>132</v>
      </c>
      <c r="D107" s="5">
        <v>213</v>
      </c>
    </row>
    <row r="108" spans="1:4" ht="18" customHeight="1" x14ac:dyDescent="0.15">
      <c r="A108" s="8" t="s">
        <v>7</v>
      </c>
      <c r="B108" s="21">
        <v>427</v>
      </c>
      <c r="C108" s="6">
        <v>692</v>
      </c>
      <c r="D108" s="5">
        <v>1119</v>
      </c>
    </row>
    <row r="109" spans="1:4" ht="18" customHeight="1" x14ac:dyDescent="0.15">
      <c r="A109" s="8">
        <v>85</v>
      </c>
      <c r="B109" s="21">
        <v>72</v>
      </c>
      <c r="C109" s="6">
        <v>125</v>
      </c>
      <c r="D109" s="5">
        <v>197</v>
      </c>
    </row>
    <row r="110" spans="1:4" ht="18" customHeight="1" x14ac:dyDescent="0.15">
      <c r="A110" s="8">
        <v>86</v>
      </c>
      <c r="B110" s="21">
        <v>70</v>
      </c>
      <c r="C110" s="6">
        <v>88</v>
      </c>
      <c r="D110" s="5">
        <v>158</v>
      </c>
    </row>
    <row r="111" spans="1:4" ht="18" customHeight="1" x14ac:dyDescent="0.15">
      <c r="A111" s="8">
        <v>87</v>
      </c>
      <c r="B111" s="21">
        <v>56</v>
      </c>
      <c r="C111" s="6">
        <v>80</v>
      </c>
      <c r="D111" s="5">
        <v>136</v>
      </c>
    </row>
    <row r="112" spans="1:4" ht="18" customHeight="1" x14ac:dyDescent="0.15">
      <c r="A112" s="8">
        <v>88</v>
      </c>
      <c r="B112" s="21">
        <v>37</v>
      </c>
      <c r="C112" s="6">
        <v>85</v>
      </c>
      <c r="D112" s="5">
        <v>122</v>
      </c>
    </row>
    <row r="113" spans="1:4" ht="18" customHeight="1" x14ac:dyDescent="0.15">
      <c r="A113" s="8">
        <v>89</v>
      </c>
      <c r="B113" s="21">
        <v>41</v>
      </c>
      <c r="C113" s="6">
        <v>86</v>
      </c>
      <c r="D113" s="5">
        <v>127</v>
      </c>
    </row>
    <row r="114" spans="1:4" ht="18" customHeight="1" x14ac:dyDescent="0.15">
      <c r="A114" s="8" t="s">
        <v>6</v>
      </c>
      <c r="B114" s="21">
        <v>276</v>
      </c>
      <c r="C114" s="6">
        <v>464</v>
      </c>
      <c r="D114" s="5">
        <v>740</v>
      </c>
    </row>
    <row r="115" spans="1:4" ht="18" customHeight="1" x14ac:dyDescent="0.15">
      <c r="A115" s="8">
        <v>90</v>
      </c>
      <c r="B115" s="21">
        <v>35</v>
      </c>
      <c r="C115" s="6">
        <v>94</v>
      </c>
      <c r="D115" s="5">
        <v>129</v>
      </c>
    </row>
    <row r="116" spans="1:4" ht="18" customHeight="1" x14ac:dyDescent="0.15">
      <c r="A116" s="8">
        <v>91</v>
      </c>
      <c r="B116" s="21">
        <v>28</v>
      </c>
      <c r="C116" s="6">
        <v>72</v>
      </c>
      <c r="D116" s="5">
        <v>100</v>
      </c>
    </row>
    <row r="117" spans="1:4" ht="18" customHeight="1" x14ac:dyDescent="0.15">
      <c r="A117" s="8">
        <v>92</v>
      </c>
      <c r="B117" s="21">
        <v>19</v>
      </c>
      <c r="C117" s="6">
        <v>59</v>
      </c>
      <c r="D117" s="5">
        <v>78</v>
      </c>
    </row>
    <row r="118" spans="1:4" ht="18" customHeight="1" x14ac:dyDescent="0.15">
      <c r="A118" s="8">
        <v>93</v>
      </c>
      <c r="B118" s="21">
        <v>15</v>
      </c>
      <c r="C118" s="6">
        <v>50</v>
      </c>
      <c r="D118" s="5">
        <v>65</v>
      </c>
    </row>
    <row r="119" spans="1:4" ht="18" customHeight="1" x14ac:dyDescent="0.15">
      <c r="A119" s="8">
        <v>94</v>
      </c>
      <c r="B119" s="21">
        <v>11</v>
      </c>
      <c r="C119" s="6">
        <v>46</v>
      </c>
      <c r="D119" s="5">
        <v>57</v>
      </c>
    </row>
    <row r="120" spans="1:4" ht="18" customHeight="1" x14ac:dyDescent="0.15">
      <c r="A120" s="8" t="s">
        <v>5</v>
      </c>
      <c r="B120" s="21">
        <v>108</v>
      </c>
      <c r="C120" s="6">
        <v>321</v>
      </c>
      <c r="D120" s="5">
        <v>429</v>
      </c>
    </row>
    <row r="121" spans="1:4" ht="18" customHeight="1" x14ac:dyDescent="0.15">
      <c r="A121" s="8">
        <v>95</v>
      </c>
      <c r="B121" s="21">
        <v>8</v>
      </c>
      <c r="C121" s="6">
        <v>47</v>
      </c>
      <c r="D121" s="5">
        <v>55</v>
      </c>
    </row>
    <row r="122" spans="1:4" ht="18" customHeight="1" x14ac:dyDescent="0.15">
      <c r="A122" s="8">
        <v>96</v>
      </c>
      <c r="B122" s="21">
        <v>6</v>
      </c>
      <c r="C122" s="6">
        <v>33</v>
      </c>
      <c r="D122" s="5">
        <v>39</v>
      </c>
    </row>
    <row r="123" spans="1:4" ht="18" customHeight="1" x14ac:dyDescent="0.15">
      <c r="A123" s="8">
        <v>97</v>
      </c>
      <c r="B123" s="21">
        <v>5</v>
      </c>
      <c r="C123" s="6">
        <v>25</v>
      </c>
      <c r="D123" s="5">
        <v>30</v>
      </c>
    </row>
    <row r="124" spans="1:4" ht="18" customHeight="1" x14ac:dyDescent="0.15">
      <c r="A124" s="8">
        <v>98</v>
      </c>
      <c r="B124" s="21">
        <v>1</v>
      </c>
      <c r="C124" s="6">
        <v>11</v>
      </c>
      <c r="D124" s="5">
        <v>12</v>
      </c>
    </row>
    <row r="125" spans="1:4" ht="18" customHeight="1" x14ac:dyDescent="0.15">
      <c r="A125" s="8">
        <v>99</v>
      </c>
      <c r="B125" s="21">
        <v>1</v>
      </c>
      <c r="C125" s="6">
        <v>8</v>
      </c>
      <c r="D125" s="5">
        <v>9</v>
      </c>
    </row>
    <row r="126" spans="1:4" ht="18" customHeight="1" x14ac:dyDescent="0.15">
      <c r="A126" s="8" t="s">
        <v>4</v>
      </c>
      <c r="B126" s="21">
        <v>21</v>
      </c>
      <c r="C126" s="6">
        <v>124</v>
      </c>
      <c r="D126" s="5">
        <v>145</v>
      </c>
    </row>
    <row r="127" spans="1:4" ht="18" customHeight="1" x14ac:dyDescent="0.15">
      <c r="A127" s="8">
        <v>100</v>
      </c>
      <c r="B127" s="21">
        <v>1</v>
      </c>
      <c r="C127" s="6">
        <v>8</v>
      </c>
      <c r="D127" s="5">
        <v>9</v>
      </c>
    </row>
    <row r="128" spans="1:4" ht="18" customHeight="1" x14ac:dyDescent="0.15">
      <c r="A128" s="9" t="s">
        <v>3</v>
      </c>
      <c r="B128" s="21">
        <v>1</v>
      </c>
      <c r="C128" s="6">
        <v>9</v>
      </c>
      <c r="D128" s="5">
        <v>10</v>
      </c>
    </row>
    <row r="129" spans="1:4" ht="18" customHeight="1" x14ac:dyDescent="0.15">
      <c r="A129" s="8" t="s">
        <v>2</v>
      </c>
      <c r="B129" s="21">
        <v>2</v>
      </c>
      <c r="C129" s="6">
        <v>17</v>
      </c>
      <c r="D129" s="5">
        <v>19</v>
      </c>
    </row>
    <row r="130" spans="1:4" ht="18" customHeight="1" x14ac:dyDescent="0.15">
      <c r="A130" s="8" t="s">
        <v>1</v>
      </c>
      <c r="B130" s="21">
        <v>2906</v>
      </c>
      <c r="C130" s="6">
        <v>3874</v>
      </c>
      <c r="D130" s="5">
        <v>6780</v>
      </c>
    </row>
    <row r="131" spans="1:4" ht="18" customHeight="1" x14ac:dyDescent="0.15">
      <c r="A131" s="4" t="s">
        <v>0</v>
      </c>
      <c r="B131" s="20">
        <v>10271</v>
      </c>
      <c r="C131" s="2">
        <v>10577</v>
      </c>
      <c r="D131" s="1">
        <v>208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BDFAFA-2913-4110-BCEE-13DA3E340C0A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4</v>
      </c>
      <c r="C5" s="31">
        <v>2</v>
      </c>
      <c r="D5" s="30">
        <v>6</v>
      </c>
    </row>
    <row r="6" spans="1:4" ht="18" customHeight="1" x14ac:dyDescent="0.15">
      <c r="A6" s="8">
        <v>1</v>
      </c>
      <c r="B6" s="26">
        <v>4</v>
      </c>
      <c r="C6" s="6">
        <v>2</v>
      </c>
      <c r="D6" s="5">
        <v>6</v>
      </c>
    </row>
    <row r="7" spans="1:4" ht="18" customHeight="1" x14ac:dyDescent="0.15">
      <c r="A7" s="8">
        <v>2</v>
      </c>
      <c r="B7" s="26">
        <v>3</v>
      </c>
      <c r="C7" s="6">
        <v>6</v>
      </c>
      <c r="D7" s="5">
        <v>9</v>
      </c>
    </row>
    <row r="8" spans="1:4" ht="18" customHeight="1" x14ac:dyDescent="0.15">
      <c r="A8" s="8">
        <v>3</v>
      </c>
      <c r="B8" s="26">
        <v>2</v>
      </c>
      <c r="C8" s="6">
        <v>6</v>
      </c>
      <c r="D8" s="5">
        <v>8</v>
      </c>
    </row>
    <row r="9" spans="1:4" ht="18" customHeight="1" x14ac:dyDescent="0.15">
      <c r="A9" s="8">
        <v>4</v>
      </c>
      <c r="B9" s="29">
        <v>4</v>
      </c>
      <c r="C9" s="28">
        <v>6</v>
      </c>
      <c r="D9" s="27">
        <v>10</v>
      </c>
    </row>
    <row r="10" spans="1:4" ht="18" customHeight="1" x14ac:dyDescent="0.15">
      <c r="A10" s="8" t="s">
        <v>25</v>
      </c>
      <c r="B10" s="21">
        <v>17</v>
      </c>
      <c r="C10" s="6">
        <v>22</v>
      </c>
      <c r="D10" s="5">
        <v>39</v>
      </c>
    </row>
    <row r="11" spans="1:4" ht="18" customHeight="1" x14ac:dyDescent="0.15">
      <c r="A11" s="8">
        <v>5</v>
      </c>
      <c r="B11" s="26">
        <v>4</v>
      </c>
      <c r="C11" s="6">
        <v>3</v>
      </c>
      <c r="D11" s="5">
        <v>7</v>
      </c>
    </row>
    <row r="12" spans="1:4" ht="18" customHeight="1" x14ac:dyDescent="0.15">
      <c r="A12" s="8">
        <v>6</v>
      </c>
      <c r="B12" s="26">
        <v>4</v>
      </c>
      <c r="C12" s="6">
        <v>8</v>
      </c>
      <c r="D12" s="5">
        <v>12</v>
      </c>
    </row>
    <row r="13" spans="1:4" ht="18" customHeight="1" x14ac:dyDescent="0.15">
      <c r="A13" s="8">
        <v>7</v>
      </c>
      <c r="B13" s="26">
        <v>5</v>
      </c>
      <c r="C13" s="6">
        <v>4</v>
      </c>
      <c r="D13" s="5">
        <v>9</v>
      </c>
    </row>
    <row r="14" spans="1:4" ht="18" customHeight="1" x14ac:dyDescent="0.15">
      <c r="A14" s="8">
        <v>8</v>
      </c>
      <c r="B14" s="26">
        <v>6</v>
      </c>
      <c r="C14" s="6">
        <v>7</v>
      </c>
      <c r="D14" s="5">
        <v>13</v>
      </c>
    </row>
    <row r="15" spans="1:4" ht="18" customHeight="1" x14ac:dyDescent="0.15">
      <c r="A15" s="8">
        <v>9</v>
      </c>
      <c r="B15" s="26">
        <v>6</v>
      </c>
      <c r="C15" s="6">
        <v>6</v>
      </c>
      <c r="D15" s="5">
        <v>12</v>
      </c>
    </row>
    <row r="16" spans="1:4" ht="18" customHeight="1" x14ac:dyDescent="0.15">
      <c r="A16" s="8" t="s">
        <v>24</v>
      </c>
      <c r="B16" s="21">
        <v>25</v>
      </c>
      <c r="C16" s="6">
        <v>28</v>
      </c>
      <c r="D16" s="5">
        <v>53</v>
      </c>
    </row>
    <row r="17" spans="1:4" ht="18" customHeight="1" x14ac:dyDescent="0.15">
      <c r="A17" s="8">
        <v>10</v>
      </c>
      <c r="B17" s="21">
        <v>11</v>
      </c>
      <c r="C17" s="6">
        <v>6</v>
      </c>
      <c r="D17" s="5">
        <v>17</v>
      </c>
    </row>
    <row r="18" spans="1:4" ht="18" customHeight="1" x14ac:dyDescent="0.15">
      <c r="A18" s="8">
        <v>11</v>
      </c>
      <c r="B18" s="21">
        <v>11</v>
      </c>
      <c r="C18" s="6">
        <v>3</v>
      </c>
      <c r="D18" s="5">
        <v>14</v>
      </c>
    </row>
    <row r="19" spans="1:4" ht="18" customHeight="1" x14ac:dyDescent="0.15">
      <c r="A19" s="8">
        <v>12</v>
      </c>
      <c r="B19" s="21">
        <v>4</v>
      </c>
      <c r="C19" s="6">
        <v>6</v>
      </c>
      <c r="D19" s="5">
        <v>10</v>
      </c>
    </row>
    <row r="20" spans="1:4" ht="18" customHeight="1" x14ac:dyDescent="0.15">
      <c r="A20" s="8">
        <v>13</v>
      </c>
      <c r="B20" s="21">
        <v>9</v>
      </c>
      <c r="C20" s="6">
        <v>6</v>
      </c>
      <c r="D20" s="5">
        <v>15</v>
      </c>
    </row>
    <row r="21" spans="1:4" ht="18" customHeight="1" x14ac:dyDescent="0.15">
      <c r="A21" s="8">
        <v>14</v>
      </c>
      <c r="B21" s="21">
        <v>7</v>
      </c>
      <c r="C21" s="6">
        <v>9</v>
      </c>
      <c r="D21" s="5">
        <v>16</v>
      </c>
    </row>
    <row r="22" spans="1:4" ht="18" customHeight="1" x14ac:dyDescent="0.15">
      <c r="A22" s="8" t="s">
        <v>23</v>
      </c>
      <c r="B22" s="21">
        <v>42</v>
      </c>
      <c r="C22" s="6">
        <v>30</v>
      </c>
      <c r="D22" s="5">
        <v>72</v>
      </c>
    </row>
    <row r="23" spans="1:4" ht="18" customHeight="1" x14ac:dyDescent="0.15">
      <c r="A23" s="8" t="s">
        <v>22</v>
      </c>
      <c r="B23" s="21">
        <v>84</v>
      </c>
      <c r="C23" s="6">
        <v>80</v>
      </c>
      <c r="D23" s="5">
        <v>164</v>
      </c>
    </row>
    <row r="24" spans="1:4" ht="18" customHeight="1" x14ac:dyDescent="0.15">
      <c r="A24" s="8">
        <v>15</v>
      </c>
      <c r="B24" s="21">
        <v>10</v>
      </c>
      <c r="C24" s="6">
        <v>4</v>
      </c>
      <c r="D24" s="5">
        <v>14</v>
      </c>
    </row>
    <row r="25" spans="1:4" ht="18" customHeight="1" x14ac:dyDescent="0.15">
      <c r="A25" s="8">
        <v>16</v>
      </c>
      <c r="B25" s="21">
        <v>4</v>
      </c>
      <c r="C25" s="6">
        <v>4</v>
      </c>
      <c r="D25" s="5">
        <v>8</v>
      </c>
    </row>
    <row r="26" spans="1:4" ht="18" customHeight="1" x14ac:dyDescent="0.15">
      <c r="A26" s="8">
        <v>17</v>
      </c>
      <c r="B26" s="21">
        <v>9</v>
      </c>
      <c r="C26" s="6">
        <v>8</v>
      </c>
      <c r="D26" s="5">
        <v>17</v>
      </c>
    </row>
    <row r="27" spans="1:4" ht="18" customHeight="1" x14ac:dyDescent="0.15">
      <c r="A27" s="8">
        <v>18</v>
      </c>
      <c r="B27" s="21">
        <v>4</v>
      </c>
      <c r="C27" s="6">
        <v>5</v>
      </c>
      <c r="D27" s="5">
        <v>9</v>
      </c>
    </row>
    <row r="28" spans="1:4" ht="18" customHeight="1" x14ac:dyDescent="0.15">
      <c r="A28" s="8">
        <v>19</v>
      </c>
      <c r="B28" s="21">
        <v>14</v>
      </c>
      <c r="C28" s="6">
        <v>11</v>
      </c>
      <c r="D28" s="5">
        <v>25</v>
      </c>
    </row>
    <row r="29" spans="1:4" ht="18" customHeight="1" x14ac:dyDescent="0.15">
      <c r="A29" s="8" t="s">
        <v>21</v>
      </c>
      <c r="B29" s="21">
        <v>41</v>
      </c>
      <c r="C29" s="6">
        <v>32</v>
      </c>
      <c r="D29" s="5">
        <v>73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10</v>
      </c>
      <c r="C31" s="6">
        <v>9</v>
      </c>
      <c r="D31" s="5">
        <v>19</v>
      </c>
    </row>
    <row r="32" spans="1:4" ht="18" customHeight="1" x14ac:dyDescent="0.15">
      <c r="A32" s="8">
        <v>22</v>
      </c>
      <c r="B32" s="21">
        <v>10</v>
      </c>
      <c r="C32" s="6">
        <v>8</v>
      </c>
      <c r="D32" s="5">
        <v>18</v>
      </c>
    </row>
    <row r="33" spans="1:4" ht="18" customHeight="1" x14ac:dyDescent="0.15">
      <c r="A33" s="8">
        <v>23</v>
      </c>
      <c r="B33" s="21">
        <v>7</v>
      </c>
      <c r="C33" s="6">
        <v>10</v>
      </c>
      <c r="D33" s="5">
        <v>17</v>
      </c>
    </row>
    <row r="34" spans="1:4" ht="18" customHeight="1" x14ac:dyDescent="0.15">
      <c r="A34" s="8">
        <v>24</v>
      </c>
      <c r="B34" s="21">
        <v>14</v>
      </c>
      <c r="C34" s="6">
        <v>5</v>
      </c>
      <c r="D34" s="5">
        <v>19</v>
      </c>
    </row>
    <row r="35" spans="1:4" ht="18" customHeight="1" x14ac:dyDescent="0.15">
      <c r="A35" s="8" t="s">
        <v>20</v>
      </c>
      <c r="B35" s="21">
        <v>48</v>
      </c>
      <c r="C35" s="6">
        <v>39</v>
      </c>
      <c r="D35" s="5">
        <v>87</v>
      </c>
    </row>
    <row r="36" spans="1:4" ht="18" customHeight="1" x14ac:dyDescent="0.15">
      <c r="A36" s="8">
        <v>25</v>
      </c>
      <c r="B36" s="21">
        <v>9</v>
      </c>
      <c r="C36" s="6">
        <v>6</v>
      </c>
      <c r="D36" s="5">
        <v>15</v>
      </c>
    </row>
    <row r="37" spans="1:4" ht="18" customHeight="1" x14ac:dyDescent="0.15">
      <c r="A37" s="8">
        <v>26</v>
      </c>
      <c r="B37" s="21">
        <v>14</v>
      </c>
      <c r="C37" s="6">
        <v>13</v>
      </c>
      <c r="D37" s="5">
        <v>27</v>
      </c>
    </row>
    <row r="38" spans="1:4" ht="18" customHeight="1" x14ac:dyDescent="0.15">
      <c r="A38" s="8">
        <v>27</v>
      </c>
      <c r="B38" s="21">
        <v>8</v>
      </c>
      <c r="C38" s="6">
        <v>6</v>
      </c>
      <c r="D38" s="5">
        <v>14</v>
      </c>
    </row>
    <row r="39" spans="1:4" ht="18" customHeight="1" x14ac:dyDescent="0.15">
      <c r="A39" s="8">
        <v>28</v>
      </c>
      <c r="B39" s="21">
        <v>14</v>
      </c>
      <c r="C39" s="6">
        <v>6</v>
      </c>
      <c r="D39" s="5">
        <v>20</v>
      </c>
    </row>
    <row r="40" spans="1:4" ht="18" customHeight="1" x14ac:dyDescent="0.15">
      <c r="A40" s="8">
        <v>29</v>
      </c>
      <c r="B40" s="21">
        <v>4</v>
      </c>
      <c r="C40" s="6">
        <v>9</v>
      </c>
      <c r="D40" s="5">
        <v>13</v>
      </c>
    </row>
    <row r="41" spans="1:4" ht="18" customHeight="1" x14ac:dyDescent="0.15">
      <c r="A41" s="8" t="s">
        <v>19</v>
      </c>
      <c r="B41" s="21">
        <v>49</v>
      </c>
      <c r="C41" s="6">
        <v>40</v>
      </c>
      <c r="D41" s="5">
        <v>89</v>
      </c>
    </row>
    <row r="42" spans="1:4" ht="18" customHeight="1" x14ac:dyDescent="0.15">
      <c r="A42" s="8">
        <v>30</v>
      </c>
      <c r="B42" s="21">
        <v>6</v>
      </c>
      <c r="C42" s="6">
        <v>8</v>
      </c>
      <c r="D42" s="5">
        <v>14</v>
      </c>
    </row>
    <row r="43" spans="1:4" ht="18" customHeight="1" x14ac:dyDescent="0.15">
      <c r="A43" s="8">
        <v>31</v>
      </c>
      <c r="B43" s="21">
        <v>9</v>
      </c>
      <c r="C43" s="6">
        <v>7</v>
      </c>
      <c r="D43" s="5">
        <v>16</v>
      </c>
    </row>
    <row r="44" spans="1:4" ht="18" customHeight="1" x14ac:dyDescent="0.15">
      <c r="A44" s="8">
        <v>32</v>
      </c>
      <c r="B44" s="21">
        <v>6</v>
      </c>
      <c r="C44" s="6">
        <v>7</v>
      </c>
      <c r="D44" s="5">
        <v>13</v>
      </c>
    </row>
    <row r="45" spans="1:4" ht="18" customHeight="1" x14ac:dyDescent="0.15">
      <c r="A45" s="8">
        <v>33</v>
      </c>
      <c r="B45" s="21">
        <v>7</v>
      </c>
      <c r="C45" s="6">
        <v>7</v>
      </c>
      <c r="D45" s="5">
        <v>14</v>
      </c>
    </row>
    <row r="46" spans="1:4" ht="18" customHeight="1" x14ac:dyDescent="0.15">
      <c r="A46" s="8">
        <v>34</v>
      </c>
      <c r="B46" s="21">
        <v>7</v>
      </c>
      <c r="C46" s="6">
        <v>9</v>
      </c>
      <c r="D46" s="5">
        <v>16</v>
      </c>
    </row>
    <row r="47" spans="1:4" ht="18" customHeight="1" x14ac:dyDescent="0.15">
      <c r="A47" s="8" t="s">
        <v>18</v>
      </c>
      <c r="B47" s="21">
        <v>35</v>
      </c>
      <c r="C47" s="6">
        <v>38</v>
      </c>
      <c r="D47" s="5">
        <v>73</v>
      </c>
    </row>
    <row r="48" spans="1:4" ht="18" customHeight="1" x14ac:dyDescent="0.15">
      <c r="A48" s="8">
        <v>35</v>
      </c>
      <c r="B48" s="21">
        <v>4</v>
      </c>
      <c r="C48" s="6">
        <v>5</v>
      </c>
      <c r="D48" s="5">
        <v>9</v>
      </c>
    </row>
    <row r="49" spans="1:4" ht="18" customHeight="1" x14ac:dyDescent="0.15">
      <c r="A49" s="8">
        <v>36</v>
      </c>
      <c r="B49" s="21">
        <v>9</v>
      </c>
      <c r="C49" s="6">
        <v>5</v>
      </c>
      <c r="D49" s="5">
        <v>14</v>
      </c>
    </row>
    <row r="50" spans="1:4" ht="18" customHeight="1" x14ac:dyDescent="0.15">
      <c r="A50" s="8">
        <v>37</v>
      </c>
      <c r="B50" s="21">
        <v>5</v>
      </c>
      <c r="C50" s="6">
        <v>5</v>
      </c>
      <c r="D50" s="5">
        <v>10</v>
      </c>
    </row>
    <row r="51" spans="1:4" ht="18" customHeight="1" x14ac:dyDescent="0.15">
      <c r="A51" s="8">
        <v>38</v>
      </c>
      <c r="B51" s="21">
        <v>10</v>
      </c>
      <c r="C51" s="6">
        <v>9</v>
      </c>
      <c r="D51" s="5">
        <v>19</v>
      </c>
    </row>
    <row r="52" spans="1:4" ht="18" customHeight="1" x14ac:dyDescent="0.15">
      <c r="A52" s="8">
        <v>39</v>
      </c>
      <c r="B52" s="21">
        <v>13</v>
      </c>
      <c r="C52" s="6">
        <v>5</v>
      </c>
      <c r="D52" s="5">
        <v>18</v>
      </c>
    </row>
    <row r="53" spans="1:4" ht="18" customHeight="1" x14ac:dyDescent="0.15">
      <c r="A53" s="8" t="s">
        <v>17</v>
      </c>
      <c r="B53" s="21">
        <v>41</v>
      </c>
      <c r="C53" s="6">
        <v>29</v>
      </c>
      <c r="D53" s="5">
        <v>70</v>
      </c>
    </row>
    <row r="54" spans="1:4" ht="18" customHeight="1" x14ac:dyDescent="0.15">
      <c r="A54" s="8">
        <v>40</v>
      </c>
      <c r="B54" s="21">
        <v>5</v>
      </c>
      <c r="C54" s="6">
        <v>12</v>
      </c>
      <c r="D54" s="5">
        <v>17</v>
      </c>
    </row>
    <row r="55" spans="1:4" ht="18" customHeight="1" x14ac:dyDescent="0.15">
      <c r="A55" s="8">
        <v>41</v>
      </c>
      <c r="B55" s="21">
        <v>24</v>
      </c>
      <c r="C55" s="6">
        <v>10</v>
      </c>
      <c r="D55" s="5">
        <v>34</v>
      </c>
    </row>
    <row r="56" spans="1:4" ht="18" customHeight="1" x14ac:dyDescent="0.15">
      <c r="A56" s="8">
        <v>42</v>
      </c>
      <c r="B56" s="21">
        <v>13</v>
      </c>
      <c r="C56" s="6">
        <v>15</v>
      </c>
      <c r="D56" s="5">
        <v>28</v>
      </c>
    </row>
    <row r="57" spans="1:4" ht="18" customHeight="1" x14ac:dyDescent="0.15">
      <c r="A57" s="8">
        <v>43</v>
      </c>
      <c r="B57" s="21">
        <v>14</v>
      </c>
      <c r="C57" s="6">
        <v>9</v>
      </c>
      <c r="D57" s="5">
        <v>23</v>
      </c>
    </row>
    <row r="58" spans="1:4" ht="18" customHeight="1" x14ac:dyDescent="0.15">
      <c r="A58" s="8">
        <v>44</v>
      </c>
      <c r="B58" s="21">
        <v>10</v>
      </c>
      <c r="C58" s="6">
        <v>8</v>
      </c>
      <c r="D58" s="5">
        <v>18</v>
      </c>
    </row>
    <row r="59" spans="1:4" ht="18" customHeight="1" x14ac:dyDescent="0.15">
      <c r="A59" s="8" t="s">
        <v>16</v>
      </c>
      <c r="B59" s="21">
        <v>66</v>
      </c>
      <c r="C59" s="6">
        <v>54</v>
      </c>
      <c r="D59" s="5">
        <v>120</v>
      </c>
    </row>
    <row r="60" spans="1:4" ht="18" customHeight="1" x14ac:dyDescent="0.15">
      <c r="A60" s="8">
        <v>45</v>
      </c>
      <c r="B60" s="21">
        <v>7</v>
      </c>
      <c r="C60" s="6">
        <v>11</v>
      </c>
      <c r="D60" s="5">
        <v>18</v>
      </c>
    </row>
    <row r="61" spans="1:4" ht="18" customHeight="1" x14ac:dyDescent="0.15">
      <c r="A61" s="8">
        <v>46</v>
      </c>
      <c r="B61" s="21">
        <v>9</v>
      </c>
      <c r="C61" s="6">
        <v>8</v>
      </c>
      <c r="D61" s="5">
        <v>17</v>
      </c>
    </row>
    <row r="62" spans="1:4" ht="18" customHeight="1" x14ac:dyDescent="0.15">
      <c r="A62" s="8">
        <v>47</v>
      </c>
      <c r="B62" s="21">
        <v>12</v>
      </c>
      <c r="C62" s="6">
        <v>9</v>
      </c>
      <c r="D62" s="5">
        <v>21</v>
      </c>
    </row>
    <row r="63" spans="1:4" ht="18" customHeight="1" x14ac:dyDescent="0.15">
      <c r="A63" s="8">
        <v>48</v>
      </c>
      <c r="B63" s="21">
        <v>15</v>
      </c>
      <c r="C63" s="6">
        <v>19</v>
      </c>
      <c r="D63" s="5">
        <v>34</v>
      </c>
    </row>
    <row r="64" spans="1:4" ht="18" customHeight="1" x14ac:dyDescent="0.15">
      <c r="A64" s="8">
        <v>49</v>
      </c>
      <c r="B64" s="21">
        <v>18</v>
      </c>
      <c r="C64" s="6">
        <v>12</v>
      </c>
      <c r="D64" s="5">
        <v>30</v>
      </c>
    </row>
    <row r="65" spans="1:4" ht="18" customHeight="1" x14ac:dyDescent="0.15">
      <c r="A65" s="8" t="s">
        <v>15</v>
      </c>
      <c r="B65" s="21">
        <v>61</v>
      </c>
      <c r="C65" s="6">
        <v>59</v>
      </c>
      <c r="D65" s="5">
        <v>120</v>
      </c>
    </row>
    <row r="66" spans="1:4" ht="18" customHeight="1" x14ac:dyDescent="0.15">
      <c r="A66" s="8">
        <v>50</v>
      </c>
      <c r="B66" s="21">
        <v>15</v>
      </c>
      <c r="C66" s="6">
        <v>16</v>
      </c>
      <c r="D66" s="5">
        <v>31</v>
      </c>
    </row>
    <row r="67" spans="1:4" ht="18" customHeight="1" x14ac:dyDescent="0.15">
      <c r="A67" s="8">
        <v>51</v>
      </c>
      <c r="B67" s="21">
        <v>14</v>
      </c>
      <c r="C67" s="6">
        <v>18</v>
      </c>
      <c r="D67" s="5">
        <v>32</v>
      </c>
    </row>
    <row r="68" spans="1:4" ht="18" customHeight="1" x14ac:dyDescent="0.15">
      <c r="A68" s="8">
        <v>52</v>
      </c>
      <c r="B68" s="21">
        <v>14</v>
      </c>
      <c r="C68" s="6">
        <v>17</v>
      </c>
      <c r="D68" s="5">
        <v>31</v>
      </c>
    </row>
    <row r="69" spans="1:4" ht="18" customHeight="1" x14ac:dyDescent="0.15">
      <c r="A69" s="8">
        <v>53</v>
      </c>
      <c r="B69" s="21">
        <v>22</v>
      </c>
      <c r="C69" s="6">
        <v>19</v>
      </c>
      <c r="D69" s="5">
        <v>41</v>
      </c>
    </row>
    <row r="70" spans="1:4" ht="18" customHeight="1" x14ac:dyDescent="0.15">
      <c r="A70" s="8">
        <v>54</v>
      </c>
      <c r="B70" s="21">
        <v>23</v>
      </c>
      <c r="C70" s="6">
        <v>23</v>
      </c>
      <c r="D70" s="5">
        <v>46</v>
      </c>
    </row>
    <row r="71" spans="1:4" ht="18" customHeight="1" x14ac:dyDescent="0.15">
      <c r="A71" s="8" t="s">
        <v>14</v>
      </c>
      <c r="B71" s="21">
        <v>88</v>
      </c>
      <c r="C71" s="6">
        <v>93</v>
      </c>
      <c r="D71" s="5">
        <v>181</v>
      </c>
    </row>
    <row r="72" spans="1:4" ht="18" customHeight="1" x14ac:dyDescent="0.15">
      <c r="A72" s="8">
        <v>55</v>
      </c>
      <c r="B72" s="21">
        <v>28</v>
      </c>
      <c r="C72" s="6">
        <v>17</v>
      </c>
      <c r="D72" s="5">
        <v>45</v>
      </c>
    </row>
    <row r="73" spans="1:4" ht="18" customHeight="1" x14ac:dyDescent="0.15">
      <c r="A73" s="8">
        <v>56</v>
      </c>
      <c r="B73" s="21">
        <v>15</v>
      </c>
      <c r="C73" s="6">
        <v>21</v>
      </c>
      <c r="D73" s="5">
        <v>36</v>
      </c>
    </row>
    <row r="74" spans="1:4" ht="18" customHeight="1" x14ac:dyDescent="0.15">
      <c r="A74" s="8">
        <v>57</v>
      </c>
      <c r="B74" s="21">
        <v>16</v>
      </c>
      <c r="C74" s="6">
        <v>21</v>
      </c>
      <c r="D74" s="5">
        <v>37</v>
      </c>
    </row>
    <row r="75" spans="1:4" ht="18" customHeight="1" x14ac:dyDescent="0.15">
      <c r="A75" s="8">
        <v>58</v>
      </c>
      <c r="B75" s="21">
        <v>14</v>
      </c>
      <c r="C75" s="6">
        <v>18</v>
      </c>
      <c r="D75" s="5">
        <v>32</v>
      </c>
    </row>
    <row r="76" spans="1:4" ht="18" customHeight="1" x14ac:dyDescent="0.15">
      <c r="A76" s="8">
        <v>59</v>
      </c>
      <c r="B76" s="21">
        <v>14</v>
      </c>
      <c r="C76" s="6">
        <v>11</v>
      </c>
      <c r="D76" s="5">
        <v>25</v>
      </c>
    </row>
    <row r="77" spans="1:4" ht="18" customHeight="1" x14ac:dyDescent="0.15">
      <c r="A77" s="8" t="s">
        <v>13</v>
      </c>
      <c r="B77" s="21">
        <v>87</v>
      </c>
      <c r="C77" s="6">
        <v>88</v>
      </c>
      <c r="D77" s="5">
        <v>175</v>
      </c>
    </row>
    <row r="78" spans="1:4" ht="18" customHeight="1" x14ac:dyDescent="0.15">
      <c r="A78" s="8">
        <v>60</v>
      </c>
      <c r="B78" s="21">
        <v>16</v>
      </c>
      <c r="C78" s="6">
        <v>15</v>
      </c>
      <c r="D78" s="5">
        <v>31</v>
      </c>
    </row>
    <row r="79" spans="1:4" ht="18" customHeight="1" x14ac:dyDescent="0.15">
      <c r="A79" s="8">
        <v>61</v>
      </c>
      <c r="B79" s="21">
        <v>17</v>
      </c>
      <c r="C79" s="6">
        <v>18</v>
      </c>
      <c r="D79" s="5">
        <v>35</v>
      </c>
    </row>
    <row r="80" spans="1:4" ht="18" customHeight="1" x14ac:dyDescent="0.15">
      <c r="A80" s="8">
        <v>62</v>
      </c>
      <c r="B80" s="21">
        <v>12</v>
      </c>
      <c r="C80" s="6">
        <v>17</v>
      </c>
      <c r="D80" s="5">
        <v>29</v>
      </c>
    </row>
    <row r="81" spans="1:4" ht="18" customHeight="1" x14ac:dyDescent="0.15">
      <c r="A81" s="8">
        <v>63</v>
      </c>
      <c r="B81" s="21">
        <v>14</v>
      </c>
      <c r="C81" s="6">
        <v>8</v>
      </c>
      <c r="D81" s="5">
        <v>22</v>
      </c>
    </row>
    <row r="82" spans="1:4" ht="18" customHeight="1" x14ac:dyDescent="0.15">
      <c r="A82" s="8">
        <v>64</v>
      </c>
      <c r="B82" s="21">
        <v>19</v>
      </c>
      <c r="C82" s="6">
        <v>13</v>
      </c>
      <c r="D82" s="5">
        <v>32</v>
      </c>
    </row>
    <row r="83" spans="1:4" ht="18" customHeight="1" x14ac:dyDescent="0.15">
      <c r="A83" s="8" t="s">
        <v>12</v>
      </c>
      <c r="B83" s="21">
        <v>78</v>
      </c>
      <c r="C83" s="6">
        <v>71</v>
      </c>
      <c r="D83" s="5">
        <v>149</v>
      </c>
    </row>
    <row r="84" spans="1:4" ht="18" customHeight="1" x14ac:dyDescent="0.15">
      <c r="A84" s="8" t="s">
        <v>11</v>
      </c>
      <c r="B84" s="21">
        <v>594</v>
      </c>
      <c r="C84" s="6">
        <v>543</v>
      </c>
      <c r="D84" s="5">
        <v>1137</v>
      </c>
    </row>
    <row r="85" spans="1:4" ht="18" customHeight="1" x14ac:dyDescent="0.15">
      <c r="A85" s="8">
        <v>65</v>
      </c>
      <c r="B85" s="21">
        <v>20</v>
      </c>
      <c r="C85" s="6">
        <v>8</v>
      </c>
      <c r="D85" s="5">
        <v>28</v>
      </c>
    </row>
    <row r="86" spans="1:4" ht="18" customHeight="1" x14ac:dyDescent="0.15">
      <c r="A86" s="8">
        <v>66</v>
      </c>
      <c r="B86" s="21">
        <v>14</v>
      </c>
      <c r="C86" s="6">
        <v>24</v>
      </c>
      <c r="D86" s="5">
        <v>38</v>
      </c>
    </row>
    <row r="87" spans="1:4" ht="18" customHeight="1" x14ac:dyDescent="0.15">
      <c r="A87" s="8">
        <v>67</v>
      </c>
      <c r="B87" s="21">
        <v>15</v>
      </c>
      <c r="C87" s="6">
        <v>22</v>
      </c>
      <c r="D87" s="5">
        <v>37</v>
      </c>
    </row>
    <row r="88" spans="1:4" ht="18" customHeight="1" x14ac:dyDescent="0.15">
      <c r="A88" s="8">
        <v>68</v>
      </c>
      <c r="B88" s="21">
        <v>24</v>
      </c>
      <c r="C88" s="6">
        <v>15</v>
      </c>
      <c r="D88" s="5">
        <v>39</v>
      </c>
    </row>
    <row r="89" spans="1:4" ht="18" customHeight="1" x14ac:dyDescent="0.15">
      <c r="A89" s="8">
        <v>69</v>
      </c>
      <c r="B89" s="21">
        <v>15</v>
      </c>
      <c r="C89" s="6">
        <v>25</v>
      </c>
      <c r="D89" s="5">
        <v>40</v>
      </c>
    </row>
    <row r="90" spans="1:4" ht="18" customHeight="1" x14ac:dyDescent="0.15">
      <c r="A90" s="8" t="s">
        <v>10</v>
      </c>
      <c r="B90" s="21">
        <v>88</v>
      </c>
      <c r="C90" s="6">
        <v>94</v>
      </c>
      <c r="D90" s="5">
        <v>182</v>
      </c>
    </row>
    <row r="91" spans="1:4" ht="18" customHeight="1" x14ac:dyDescent="0.15">
      <c r="A91" s="8">
        <v>70</v>
      </c>
      <c r="B91" s="21">
        <v>9</v>
      </c>
      <c r="C91" s="6">
        <v>15</v>
      </c>
      <c r="D91" s="5">
        <v>24</v>
      </c>
    </row>
    <row r="92" spans="1:4" ht="18" customHeight="1" x14ac:dyDescent="0.15">
      <c r="A92" s="8">
        <v>71</v>
      </c>
      <c r="B92" s="21">
        <v>12</v>
      </c>
      <c r="C92" s="6">
        <v>23</v>
      </c>
      <c r="D92" s="5">
        <v>35</v>
      </c>
    </row>
    <row r="93" spans="1:4" ht="18" customHeight="1" x14ac:dyDescent="0.15">
      <c r="A93" s="8">
        <v>72</v>
      </c>
      <c r="B93" s="21">
        <v>16</v>
      </c>
      <c r="C93" s="6">
        <v>22</v>
      </c>
      <c r="D93" s="5">
        <v>38</v>
      </c>
    </row>
    <row r="94" spans="1:4" ht="18" customHeight="1" x14ac:dyDescent="0.15">
      <c r="A94" s="8">
        <v>73</v>
      </c>
      <c r="B94" s="21">
        <v>17</v>
      </c>
      <c r="C94" s="6">
        <v>23</v>
      </c>
      <c r="D94" s="5">
        <v>40</v>
      </c>
    </row>
    <row r="95" spans="1:4" ht="18" customHeight="1" x14ac:dyDescent="0.15">
      <c r="A95" s="8">
        <v>74</v>
      </c>
      <c r="B95" s="21">
        <v>23</v>
      </c>
      <c r="C95" s="6">
        <v>26</v>
      </c>
      <c r="D95" s="5">
        <v>49</v>
      </c>
    </row>
    <row r="96" spans="1:4" ht="18" customHeight="1" x14ac:dyDescent="0.15">
      <c r="A96" s="8" t="s">
        <v>9</v>
      </c>
      <c r="B96" s="21">
        <v>77</v>
      </c>
      <c r="C96" s="6">
        <v>109</v>
      </c>
      <c r="D96" s="5">
        <v>186</v>
      </c>
    </row>
    <row r="97" spans="1:4" ht="18" customHeight="1" x14ac:dyDescent="0.15">
      <c r="A97" s="8">
        <v>75</v>
      </c>
      <c r="B97" s="21">
        <v>26</v>
      </c>
      <c r="C97" s="6">
        <v>29</v>
      </c>
      <c r="D97" s="5">
        <v>55</v>
      </c>
    </row>
    <row r="98" spans="1:4" ht="18" customHeight="1" x14ac:dyDescent="0.15">
      <c r="A98" s="8">
        <v>76</v>
      </c>
      <c r="B98" s="21">
        <v>26</v>
      </c>
      <c r="C98" s="6">
        <v>26</v>
      </c>
      <c r="D98" s="5">
        <v>52</v>
      </c>
    </row>
    <row r="99" spans="1:4" ht="18" customHeight="1" x14ac:dyDescent="0.15">
      <c r="A99" s="8">
        <v>77</v>
      </c>
      <c r="B99" s="21">
        <v>24</v>
      </c>
      <c r="C99" s="6">
        <v>28</v>
      </c>
      <c r="D99" s="5">
        <v>52</v>
      </c>
    </row>
    <row r="100" spans="1:4" ht="18" customHeight="1" x14ac:dyDescent="0.15">
      <c r="A100" s="8">
        <v>78</v>
      </c>
      <c r="B100" s="21">
        <v>38</v>
      </c>
      <c r="C100" s="6">
        <v>31</v>
      </c>
      <c r="D100" s="5">
        <v>69</v>
      </c>
    </row>
    <row r="101" spans="1:4" ht="18" customHeight="1" x14ac:dyDescent="0.15">
      <c r="A101" s="8">
        <v>79</v>
      </c>
      <c r="B101" s="21">
        <v>13</v>
      </c>
      <c r="C101" s="6">
        <v>18</v>
      </c>
      <c r="D101" s="5">
        <v>31</v>
      </c>
    </row>
    <row r="102" spans="1:4" ht="18" customHeight="1" x14ac:dyDescent="0.15">
      <c r="A102" s="8" t="s">
        <v>8</v>
      </c>
      <c r="B102" s="21">
        <v>127</v>
      </c>
      <c r="C102" s="6">
        <v>132</v>
      </c>
      <c r="D102" s="5">
        <v>259</v>
      </c>
    </row>
    <row r="103" spans="1:4" ht="18" customHeight="1" x14ac:dyDescent="0.15">
      <c r="A103" s="8">
        <v>80</v>
      </c>
      <c r="B103" s="21">
        <v>10</v>
      </c>
      <c r="C103" s="6">
        <v>13</v>
      </c>
      <c r="D103" s="5">
        <v>23</v>
      </c>
    </row>
    <row r="104" spans="1:4" ht="18" customHeight="1" x14ac:dyDescent="0.15">
      <c r="A104" s="8">
        <v>81</v>
      </c>
      <c r="B104" s="21">
        <v>18</v>
      </c>
      <c r="C104" s="6">
        <v>29</v>
      </c>
      <c r="D104" s="5">
        <v>47</v>
      </c>
    </row>
    <row r="105" spans="1:4" ht="18" customHeight="1" x14ac:dyDescent="0.15">
      <c r="A105" s="8">
        <v>82</v>
      </c>
      <c r="B105" s="21">
        <v>17</v>
      </c>
      <c r="C105" s="6">
        <v>21</v>
      </c>
      <c r="D105" s="5">
        <v>38</v>
      </c>
    </row>
    <row r="106" spans="1:4" ht="18" customHeight="1" x14ac:dyDescent="0.15">
      <c r="A106" s="8">
        <v>83</v>
      </c>
      <c r="B106" s="21">
        <v>11</v>
      </c>
      <c r="C106" s="6">
        <v>27</v>
      </c>
      <c r="D106" s="5">
        <v>38</v>
      </c>
    </row>
    <row r="107" spans="1:4" ht="18" customHeight="1" x14ac:dyDescent="0.15">
      <c r="A107" s="8">
        <v>84</v>
      </c>
      <c r="B107" s="21">
        <v>12</v>
      </c>
      <c r="C107" s="6">
        <v>24</v>
      </c>
      <c r="D107" s="5">
        <v>36</v>
      </c>
    </row>
    <row r="108" spans="1:4" ht="18" customHeight="1" x14ac:dyDescent="0.15">
      <c r="A108" s="8" t="s">
        <v>7</v>
      </c>
      <c r="B108" s="21">
        <v>68</v>
      </c>
      <c r="C108" s="6">
        <v>114</v>
      </c>
      <c r="D108" s="5">
        <v>182</v>
      </c>
    </row>
    <row r="109" spans="1:4" ht="18" customHeight="1" x14ac:dyDescent="0.15">
      <c r="A109" s="8">
        <v>85</v>
      </c>
      <c r="B109" s="21">
        <v>7</v>
      </c>
      <c r="C109" s="6">
        <v>14</v>
      </c>
      <c r="D109" s="5">
        <v>21</v>
      </c>
    </row>
    <row r="110" spans="1:4" ht="18" customHeight="1" x14ac:dyDescent="0.15">
      <c r="A110" s="8">
        <v>86</v>
      </c>
      <c r="B110" s="21">
        <v>12</v>
      </c>
      <c r="C110" s="6">
        <v>13</v>
      </c>
      <c r="D110" s="5">
        <v>25</v>
      </c>
    </row>
    <row r="111" spans="1:4" ht="18" customHeight="1" x14ac:dyDescent="0.15">
      <c r="A111" s="8">
        <v>87</v>
      </c>
      <c r="B111" s="21">
        <v>5</v>
      </c>
      <c r="C111" s="6">
        <v>15</v>
      </c>
      <c r="D111" s="5">
        <v>20</v>
      </c>
    </row>
    <row r="112" spans="1:4" ht="18" customHeight="1" x14ac:dyDescent="0.15">
      <c r="A112" s="8">
        <v>88</v>
      </c>
      <c r="B112" s="21">
        <v>10</v>
      </c>
      <c r="C112" s="6">
        <v>22</v>
      </c>
      <c r="D112" s="5">
        <v>32</v>
      </c>
    </row>
    <row r="113" spans="1:4" ht="18" customHeight="1" x14ac:dyDescent="0.15">
      <c r="A113" s="8">
        <v>89</v>
      </c>
      <c r="B113" s="21">
        <v>6</v>
      </c>
      <c r="C113" s="6">
        <v>13</v>
      </c>
      <c r="D113" s="5">
        <v>19</v>
      </c>
    </row>
    <row r="114" spans="1:4" ht="18" customHeight="1" x14ac:dyDescent="0.15">
      <c r="A114" s="8" t="s">
        <v>6</v>
      </c>
      <c r="B114" s="21">
        <v>40</v>
      </c>
      <c r="C114" s="6">
        <v>77</v>
      </c>
      <c r="D114" s="5">
        <v>117</v>
      </c>
    </row>
    <row r="115" spans="1:4" ht="18" customHeight="1" x14ac:dyDescent="0.15">
      <c r="A115" s="8">
        <v>90</v>
      </c>
      <c r="B115" s="21">
        <v>3</v>
      </c>
      <c r="C115" s="6">
        <v>12</v>
      </c>
      <c r="D115" s="5">
        <v>15</v>
      </c>
    </row>
    <row r="116" spans="1:4" ht="18" customHeight="1" x14ac:dyDescent="0.15">
      <c r="A116" s="8">
        <v>91</v>
      </c>
      <c r="B116" s="21">
        <v>8</v>
      </c>
      <c r="C116" s="6">
        <v>13</v>
      </c>
      <c r="D116" s="5">
        <v>21</v>
      </c>
    </row>
    <row r="117" spans="1:4" ht="18" customHeight="1" x14ac:dyDescent="0.15">
      <c r="A117" s="8">
        <v>92</v>
      </c>
      <c r="B117" s="21">
        <v>6</v>
      </c>
      <c r="C117" s="6">
        <v>11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6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7</v>
      </c>
      <c r="D119" s="5">
        <v>8</v>
      </c>
    </row>
    <row r="120" spans="1:4" ht="18" customHeight="1" x14ac:dyDescent="0.15">
      <c r="A120" s="8" t="s">
        <v>5</v>
      </c>
      <c r="B120" s="21">
        <v>19</v>
      </c>
      <c r="C120" s="6">
        <v>49</v>
      </c>
      <c r="D120" s="5">
        <v>68</v>
      </c>
    </row>
    <row r="121" spans="1:4" ht="18" customHeight="1" x14ac:dyDescent="0.15">
      <c r="A121" s="8">
        <v>95</v>
      </c>
      <c r="B121" s="21">
        <v>3</v>
      </c>
      <c r="C121" s="6">
        <v>7</v>
      </c>
      <c r="D121" s="5">
        <v>10</v>
      </c>
    </row>
    <row r="122" spans="1:4" ht="18" customHeight="1" x14ac:dyDescent="0.15">
      <c r="A122" s="8">
        <v>96</v>
      </c>
      <c r="B122" s="21">
        <v>0</v>
      </c>
      <c r="C122" s="6">
        <v>4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0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23</v>
      </c>
      <c r="C130" s="6">
        <v>599</v>
      </c>
      <c r="D130" s="5">
        <v>1022</v>
      </c>
    </row>
    <row r="131" spans="1:4" ht="18" customHeight="1" x14ac:dyDescent="0.15">
      <c r="A131" s="4" t="s">
        <v>0</v>
      </c>
      <c r="B131" s="20">
        <v>1101</v>
      </c>
      <c r="C131" s="2">
        <v>1222</v>
      </c>
      <c r="D131" s="1">
        <v>23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387F7C-837B-44FE-AB67-3A5F185056F5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7</v>
      </c>
      <c r="D5" s="10">
        <v>13</v>
      </c>
    </row>
    <row r="6" spans="1:4" ht="18" customHeight="1" x14ac:dyDescent="0.15">
      <c r="A6" s="8">
        <v>1</v>
      </c>
      <c r="B6" s="21">
        <v>6</v>
      </c>
      <c r="C6" s="6">
        <v>14</v>
      </c>
      <c r="D6" s="5">
        <v>20</v>
      </c>
    </row>
    <row r="7" spans="1:4" ht="18" customHeight="1" x14ac:dyDescent="0.15">
      <c r="A7" s="8">
        <v>2</v>
      </c>
      <c r="B7" s="21">
        <v>10</v>
      </c>
      <c r="C7" s="6">
        <v>9</v>
      </c>
      <c r="D7" s="5">
        <v>19</v>
      </c>
    </row>
    <row r="8" spans="1:4" ht="18" customHeight="1" x14ac:dyDescent="0.15">
      <c r="A8" s="8">
        <v>3</v>
      </c>
      <c r="B8" s="21">
        <v>9</v>
      </c>
      <c r="C8" s="6">
        <v>12</v>
      </c>
      <c r="D8" s="5">
        <v>21</v>
      </c>
    </row>
    <row r="9" spans="1:4" ht="18" customHeight="1" x14ac:dyDescent="0.15">
      <c r="A9" s="8">
        <v>4</v>
      </c>
      <c r="B9" s="21">
        <v>7</v>
      </c>
      <c r="C9" s="6">
        <v>8</v>
      </c>
      <c r="D9" s="5">
        <v>15</v>
      </c>
    </row>
    <row r="10" spans="1:4" ht="18" customHeight="1" x14ac:dyDescent="0.15">
      <c r="A10" s="8" t="s">
        <v>25</v>
      </c>
      <c r="B10" s="21">
        <v>38</v>
      </c>
      <c r="C10" s="6">
        <v>50</v>
      </c>
      <c r="D10" s="5">
        <v>88</v>
      </c>
    </row>
    <row r="11" spans="1:4" ht="18" customHeight="1" x14ac:dyDescent="0.15">
      <c r="A11" s="8">
        <v>5</v>
      </c>
      <c r="B11" s="21">
        <v>10</v>
      </c>
      <c r="C11" s="6">
        <v>6</v>
      </c>
      <c r="D11" s="5">
        <v>16</v>
      </c>
    </row>
    <row r="12" spans="1:4" ht="18" customHeight="1" x14ac:dyDescent="0.15">
      <c r="A12" s="8">
        <v>6</v>
      </c>
      <c r="B12" s="21">
        <v>15</v>
      </c>
      <c r="C12" s="6">
        <v>18</v>
      </c>
      <c r="D12" s="5">
        <v>33</v>
      </c>
    </row>
    <row r="13" spans="1:4" ht="18" customHeight="1" x14ac:dyDescent="0.15">
      <c r="A13" s="8">
        <v>7</v>
      </c>
      <c r="B13" s="21">
        <v>12</v>
      </c>
      <c r="C13" s="6">
        <v>14</v>
      </c>
      <c r="D13" s="5">
        <v>26</v>
      </c>
    </row>
    <row r="14" spans="1:4" ht="18" customHeight="1" x14ac:dyDescent="0.15">
      <c r="A14" s="8">
        <v>8</v>
      </c>
      <c r="B14" s="21">
        <v>13</v>
      </c>
      <c r="C14" s="6">
        <v>15</v>
      </c>
      <c r="D14" s="5">
        <v>28</v>
      </c>
    </row>
    <row r="15" spans="1:4" ht="18" customHeight="1" x14ac:dyDescent="0.15">
      <c r="A15" s="8">
        <v>9</v>
      </c>
      <c r="B15" s="21">
        <v>13</v>
      </c>
      <c r="C15" s="6">
        <v>15</v>
      </c>
      <c r="D15" s="5">
        <v>28</v>
      </c>
    </row>
    <row r="16" spans="1:4" ht="18" customHeight="1" x14ac:dyDescent="0.15">
      <c r="A16" s="8" t="s">
        <v>24</v>
      </c>
      <c r="B16" s="21">
        <v>63</v>
      </c>
      <c r="C16" s="6">
        <v>68</v>
      </c>
      <c r="D16" s="5">
        <v>131</v>
      </c>
    </row>
    <row r="17" spans="1:4" ht="18" customHeight="1" x14ac:dyDescent="0.15">
      <c r="A17" s="8">
        <v>10</v>
      </c>
      <c r="B17" s="21">
        <v>9</v>
      </c>
      <c r="C17" s="6">
        <v>11</v>
      </c>
      <c r="D17" s="5">
        <v>20</v>
      </c>
    </row>
    <row r="18" spans="1:4" ht="18" customHeight="1" x14ac:dyDescent="0.15">
      <c r="A18" s="8">
        <v>11</v>
      </c>
      <c r="B18" s="21">
        <v>8</v>
      </c>
      <c r="C18" s="6">
        <v>11</v>
      </c>
      <c r="D18" s="5">
        <v>19</v>
      </c>
    </row>
    <row r="19" spans="1:4" ht="18" customHeight="1" x14ac:dyDescent="0.15">
      <c r="A19" s="8">
        <v>12</v>
      </c>
      <c r="B19" s="21">
        <v>11</v>
      </c>
      <c r="C19" s="6">
        <v>8</v>
      </c>
      <c r="D19" s="5">
        <v>19</v>
      </c>
    </row>
    <row r="20" spans="1:4" ht="18" customHeight="1" x14ac:dyDescent="0.15">
      <c r="A20" s="8">
        <v>13</v>
      </c>
      <c r="B20" s="21">
        <v>10</v>
      </c>
      <c r="C20" s="6">
        <v>5</v>
      </c>
      <c r="D20" s="5">
        <v>15</v>
      </c>
    </row>
    <row r="21" spans="1:4" ht="18" customHeight="1" x14ac:dyDescent="0.15">
      <c r="A21" s="8">
        <v>14</v>
      </c>
      <c r="B21" s="21">
        <v>13</v>
      </c>
      <c r="C21" s="6">
        <v>12</v>
      </c>
      <c r="D21" s="5">
        <v>25</v>
      </c>
    </row>
    <row r="22" spans="1:4" ht="18" customHeight="1" x14ac:dyDescent="0.15">
      <c r="A22" s="8" t="s">
        <v>23</v>
      </c>
      <c r="B22" s="21">
        <v>51</v>
      </c>
      <c r="C22" s="6">
        <v>47</v>
      </c>
      <c r="D22" s="5">
        <v>98</v>
      </c>
    </row>
    <row r="23" spans="1:4" ht="18" customHeight="1" x14ac:dyDescent="0.15">
      <c r="A23" s="8" t="s">
        <v>22</v>
      </c>
      <c r="B23" s="21">
        <v>152</v>
      </c>
      <c r="C23" s="6">
        <v>165</v>
      </c>
      <c r="D23" s="5">
        <v>317</v>
      </c>
    </row>
    <row r="24" spans="1:4" ht="18" customHeight="1" x14ac:dyDescent="0.15">
      <c r="A24" s="8">
        <v>15</v>
      </c>
      <c r="B24" s="21">
        <v>14</v>
      </c>
      <c r="C24" s="6">
        <v>10</v>
      </c>
      <c r="D24" s="5">
        <v>24</v>
      </c>
    </row>
    <row r="25" spans="1:4" ht="18" customHeight="1" x14ac:dyDescent="0.15">
      <c r="A25" s="8">
        <v>16</v>
      </c>
      <c r="B25" s="21">
        <v>9</v>
      </c>
      <c r="C25" s="6">
        <v>8</v>
      </c>
      <c r="D25" s="5">
        <v>17</v>
      </c>
    </row>
    <row r="26" spans="1:4" ht="18" customHeight="1" x14ac:dyDescent="0.15">
      <c r="A26" s="8">
        <v>17</v>
      </c>
      <c r="B26" s="21">
        <v>9</v>
      </c>
      <c r="C26" s="6">
        <v>19</v>
      </c>
      <c r="D26" s="5">
        <v>28</v>
      </c>
    </row>
    <row r="27" spans="1:4" ht="18" customHeight="1" x14ac:dyDescent="0.15">
      <c r="A27" s="8">
        <v>18</v>
      </c>
      <c r="B27" s="21">
        <v>11</v>
      </c>
      <c r="C27" s="6">
        <v>7</v>
      </c>
      <c r="D27" s="5">
        <v>18</v>
      </c>
    </row>
    <row r="28" spans="1:4" ht="18" customHeight="1" x14ac:dyDescent="0.15">
      <c r="A28" s="8">
        <v>19</v>
      </c>
      <c r="B28" s="21">
        <v>10</v>
      </c>
      <c r="C28" s="6">
        <v>9</v>
      </c>
      <c r="D28" s="5">
        <v>19</v>
      </c>
    </row>
    <row r="29" spans="1:4" ht="18" customHeight="1" x14ac:dyDescent="0.15">
      <c r="A29" s="8" t="s">
        <v>21</v>
      </c>
      <c r="B29" s="21">
        <v>53</v>
      </c>
      <c r="C29" s="6">
        <v>53</v>
      </c>
      <c r="D29" s="5">
        <v>106</v>
      </c>
    </row>
    <row r="30" spans="1:4" ht="18" customHeight="1" x14ac:dyDescent="0.15">
      <c r="A30" s="8">
        <v>20</v>
      </c>
      <c r="B30" s="21">
        <v>8</v>
      </c>
      <c r="C30" s="6">
        <v>10</v>
      </c>
      <c r="D30" s="5">
        <v>18</v>
      </c>
    </row>
    <row r="31" spans="1:4" ht="18" customHeight="1" x14ac:dyDescent="0.15">
      <c r="A31" s="8">
        <v>21</v>
      </c>
      <c r="B31" s="21">
        <v>12</v>
      </c>
      <c r="C31" s="6">
        <v>13</v>
      </c>
      <c r="D31" s="5">
        <v>25</v>
      </c>
    </row>
    <row r="32" spans="1:4" ht="18" customHeight="1" x14ac:dyDescent="0.15">
      <c r="A32" s="8">
        <v>22</v>
      </c>
      <c r="B32" s="21">
        <v>9</v>
      </c>
      <c r="C32" s="6">
        <v>14</v>
      </c>
      <c r="D32" s="5">
        <v>23</v>
      </c>
    </row>
    <row r="33" spans="1:4" ht="18" customHeight="1" x14ac:dyDescent="0.15">
      <c r="A33" s="8">
        <v>23</v>
      </c>
      <c r="B33" s="21">
        <v>14</v>
      </c>
      <c r="C33" s="6">
        <v>7</v>
      </c>
      <c r="D33" s="5">
        <v>21</v>
      </c>
    </row>
    <row r="34" spans="1:4" ht="18" customHeight="1" x14ac:dyDescent="0.15">
      <c r="A34" s="8">
        <v>24</v>
      </c>
      <c r="B34" s="21">
        <v>13</v>
      </c>
      <c r="C34" s="6">
        <v>11</v>
      </c>
      <c r="D34" s="5">
        <v>24</v>
      </c>
    </row>
    <row r="35" spans="1:4" ht="18" customHeight="1" x14ac:dyDescent="0.15">
      <c r="A35" s="8" t="s">
        <v>20</v>
      </c>
      <c r="B35" s="21">
        <v>56</v>
      </c>
      <c r="C35" s="6">
        <v>55</v>
      </c>
      <c r="D35" s="5">
        <v>111</v>
      </c>
    </row>
    <row r="36" spans="1:4" ht="18" customHeight="1" x14ac:dyDescent="0.15">
      <c r="A36" s="8">
        <v>25</v>
      </c>
      <c r="B36" s="21">
        <v>11</v>
      </c>
      <c r="C36" s="6">
        <v>7</v>
      </c>
      <c r="D36" s="5">
        <v>18</v>
      </c>
    </row>
    <row r="37" spans="1:4" ht="18" customHeight="1" x14ac:dyDescent="0.15">
      <c r="A37" s="8">
        <v>26</v>
      </c>
      <c r="B37" s="21">
        <v>19</v>
      </c>
      <c r="C37" s="6">
        <v>8</v>
      </c>
      <c r="D37" s="5">
        <v>27</v>
      </c>
    </row>
    <row r="38" spans="1:4" ht="18" customHeight="1" x14ac:dyDescent="0.15">
      <c r="A38" s="8">
        <v>27</v>
      </c>
      <c r="B38" s="21">
        <v>9</v>
      </c>
      <c r="C38" s="6">
        <v>9</v>
      </c>
      <c r="D38" s="5">
        <v>18</v>
      </c>
    </row>
    <row r="39" spans="1:4" ht="18" customHeight="1" x14ac:dyDescent="0.15">
      <c r="A39" s="8">
        <v>28</v>
      </c>
      <c r="B39" s="21">
        <v>12</v>
      </c>
      <c r="C39" s="6">
        <v>9</v>
      </c>
      <c r="D39" s="5">
        <v>21</v>
      </c>
    </row>
    <row r="40" spans="1:4" ht="18" customHeight="1" x14ac:dyDescent="0.15">
      <c r="A40" s="8">
        <v>29</v>
      </c>
      <c r="B40" s="21">
        <v>7</v>
      </c>
      <c r="C40" s="6">
        <v>13</v>
      </c>
      <c r="D40" s="5">
        <v>20</v>
      </c>
    </row>
    <row r="41" spans="1:4" ht="18" customHeight="1" x14ac:dyDescent="0.15">
      <c r="A41" s="8" t="s">
        <v>19</v>
      </c>
      <c r="B41" s="21">
        <v>58</v>
      </c>
      <c r="C41" s="6">
        <v>46</v>
      </c>
      <c r="D41" s="5">
        <v>104</v>
      </c>
    </row>
    <row r="42" spans="1:4" ht="18" customHeight="1" x14ac:dyDescent="0.15">
      <c r="A42" s="8">
        <v>30</v>
      </c>
      <c r="B42" s="21">
        <v>22</v>
      </c>
      <c r="C42" s="6">
        <v>13</v>
      </c>
      <c r="D42" s="5">
        <v>35</v>
      </c>
    </row>
    <row r="43" spans="1:4" ht="18" customHeight="1" x14ac:dyDescent="0.15">
      <c r="A43" s="8">
        <v>31</v>
      </c>
      <c r="B43" s="21">
        <v>10</v>
      </c>
      <c r="C43" s="6">
        <v>7</v>
      </c>
      <c r="D43" s="5">
        <v>17</v>
      </c>
    </row>
    <row r="44" spans="1:4" ht="18" customHeight="1" x14ac:dyDescent="0.15">
      <c r="A44" s="8">
        <v>32</v>
      </c>
      <c r="B44" s="21">
        <v>16</v>
      </c>
      <c r="C44" s="6">
        <v>15</v>
      </c>
      <c r="D44" s="5">
        <v>31</v>
      </c>
    </row>
    <row r="45" spans="1:4" ht="18" customHeight="1" x14ac:dyDescent="0.15">
      <c r="A45" s="8">
        <v>33</v>
      </c>
      <c r="B45" s="21">
        <v>13</v>
      </c>
      <c r="C45" s="6">
        <v>18</v>
      </c>
      <c r="D45" s="5">
        <v>31</v>
      </c>
    </row>
    <row r="46" spans="1:4" ht="18" customHeight="1" x14ac:dyDescent="0.15">
      <c r="A46" s="8">
        <v>34</v>
      </c>
      <c r="B46" s="21">
        <v>11</v>
      </c>
      <c r="C46" s="6">
        <v>8</v>
      </c>
      <c r="D46" s="5">
        <v>19</v>
      </c>
    </row>
    <row r="47" spans="1:4" ht="18" customHeight="1" x14ac:dyDescent="0.15">
      <c r="A47" s="8" t="s">
        <v>18</v>
      </c>
      <c r="B47" s="21">
        <v>72</v>
      </c>
      <c r="C47" s="6">
        <v>61</v>
      </c>
      <c r="D47" s="5">
        <v>133</v>
      </c>
    </row>
    <row r="48" spans="1:4" ht="18" customHeight="1" x14ac:dyDescent="0.15">
      <c r="A48" s="8">
        <v>35</v>
      </c>
      <c r="B48" s="21">
        <v>8</v>
      </c>
      <c r="C48" s="6">
        <v>18</v>
      </c>
      <c r="D48" s="5">
        <v>26</v>
      </c>
    </row>
    <row r="49" spans="1:4" ht="18" customHeight="1" x14ac:dyDescent="0.15">
      <c r="A49" s="8">
        <v>36</v>
      </c>
      <c r="B49" s="21">
        <v>19</v>
      </c>
      <c r="C49" s="6">
        <v>16</v>
      </c>
      <c r="D49" s="5">
        <v>35</v>
      </c>
    </row>
    <row r="50" spans="1:4" ht="18" customHeight="1" x14ac:dyDescent="0.15">
      <c r="A50" s="8">
        <v>37</v>
      </c>
      <c r="B50" s="21">
        <v>16</v>
      </c>
      <c r="C50" s="6">
        <v>20</v>
      </c>
      <c r="D50" s="5">
        <v>36</v>
      </c>
    </row>
    <row r="51" spans="1:4" ht="18" customHeight="1" x14ac:dyDescent="0.15">
      <c r="A51" s="8">
        <v>38</v>
      </c>
      <c r="B51" s="21">
        <v>14</v>
      </c>
      <c r="C51" s="6">
        <v>17</v>
      </c>
      <c r="D51" s="5">
        <v>31</v>
      </c>
    </row>
    <row r="52" spans="1:4" ht="18" customHeight="1" x14ac:dyDescent="0.15">
      <c r="A52" s="8">
        <v>39</v>
      </c>
      <c r="B52" s="21">
        <v>22</v>
      </c>
      <c r="C52" s="6">
        <v>16</v>
      </c>
      <c r="D52" s="5">
        <v>38</v>
      </c>
    </row>
    <row r="53" spans="1:4" ht="18" customHeight="1" x14ac:dyDescent="0.15">
      <c r="A53" s="8" t="s">
        <v>17</v>
      </c>
      <c r="B53" s="21">
        <v>79</v>
      </c>
      <c r="C53" s="6">
        <v>87</v>
      </c>
      <c r="D53" s="5">
        <v>166</v>
      </c>
    </row>
    <row r="54" spans="1:4" ht="18" customHeight="1" x14ac:dyDescent="0.15">
      <c r="A54" s="8">
        <v>40</v>
      </c>
      <c r="B54" s="21">
        <v>17</v>
      </c>
      <c r="C54" s="6">
        <v>18</v>
      </c>
      <c r="D54" s="5">
        <v>35</v>
      </c>
    </row>
    <row r="55" spans="1:4" ht="18" customHeight="1" x14ac:dyDescent="0.15">
      <c r="A55" s="8">
        <v>41</v>
      </c>
      <c r="B55" s="21">
        <v>26</v>
      </c>
      <c r="C55" s="6">
        <v>16</v>
      </c>
      <c r="D55" s="5">
        <v>42</v>
      </c>
    </row>
    <row r="56" spans="1:4" ht="18" customHeight="1" x14ac:dyDescent="0.15">
      <c r="A56" s="8">
        <v>42</v>
      </c>
      <c r="B56" s="21">
        <v>23</v>
      </c>
      <c r="C56" s="6">
        <v>18</v>
      </c>
      <c r="D56" s="5">
        <v>41</v>
      </c>
    </row>
    <row r="57" spans="1:4" ht="18" customHeight="1" x14ac:dyDescent="0.15">
      <c r="A57" s="8">
        <v>43</v>
      </c>
      <c r="B57" s="21">
        <v>24</v>
      </c>
      <c r="C57" s="6">
        <v>29</v>
      </c>
      <c r="D57" s="5">
        <v>53</v>
      </c>
    </row>
    <row r="58" spans="1:4" ht="18" customHeight="1" x14ac:dyDescent="0.15">
      <c r="A58" s="8">
        <v>44</v>
      </c>
      <c r="B58" s="21">
        <v>12</v>
      </c>
      <c r="C58" s="6">
        <v>21</v>
      </c>
      <c r="D58" s="5">
        <v>33</v>
      </c>
    </row>
    <row r="59" spans="1:4" ht="18" customHeight="1" x14ac:dyDescent="0.15">
      <c r="A59" s="8" t="s">
        <v>16</v>
      </c>
      <c r="B59" s="21">
        <v>102</v>
      </c>
      <c r="C59" s="6">
        <v>102</v>
      </c>
      <c r="D59" s="5">
        <v>204</v>
      </c>
    </row>
    <row r="60" spans="1:4" ht="18" customHeight="1" x14ac:dyDescent="0.15">
      <c r="A60" s="8">
        <v>45</v>
      </c>
      <c r="B60" s="21">
        <v>19</v>
      </c>
      <c r="C60" s="6">
        <v>18</v>
      </c>
      <c r="D60" s="5">
        <v>37</v>
      </c>
    </row>
    <row r="61" spans="1:4" ht="18" customHeight="1" x14ac:dyDescent="0.15">
      <c r="A61" s="8">
        <v>46</v>
      </c>
      <c r="B61" s="21">
        <v>26</v>
      </c>
      <c r="C61" s="6">
        <v>18</v>
      </c>
      <c r="D61" s="5">
        <v>44</v>
      </c>
    </row>
    <row r="62" spans="1:4" ht="18" customHeight="1" x14ac:dyDescent="0.15">
      <c r="A62" s="8">
        <v>47</v>
      </c>
      <c r="B62" s="21">
        <v>21</v>
      </c>
      <c r="C62" s="6">
        <v>21</v>
      </c>
      <c r="D62" s="5">
        <v>42</v>
      </c>
    </row>
    <row r="63" spans="1:4" ht="18" customHeight="1" x14ac:dyDescent="0.15">
      <c r="A63" s="8">
        <v>48</v>
      </c>
      <c r="B63" s="21">
        <v>21</v>
      </c>
      <c r="C63" s="6">
        <v>26</v>
      </c>
      <c r="D63" s="5">
        <v>47</v>
      </c>
    </row>
    <row r="64" spans="1:4" ht="18" customHeight="1" x14ac:dyDescent="0.15">
      <c r="A64" s="8">
        <v>49</v>
      </c>
      <c r="B64" s="21">
        <v>36</v>
      </c>
      <c r="C64" s="6">
        <v>32</v>
      </c>
      <c r="D64" s="5">
        <v>68</v>
      </c>
    </row>
    <row r="65" spans="1:4" ht="18" customHeight="1" x14ac:dyDescent="0.15">
      <c r="A65" s="8" t="s">
        <v>15</v>
      </c>
      <c r="B65" s="21">
        <v>123</v>
      </c>
      <c r="C65" s="6">
        <v>115</v>
      </c>
      <c r="D65" s="5">
        <v>238</v>
      </c>
    </row>
    <row r="66" spans="1:4" ht="18" customHeight="1" x14ac:dyDescent="0.15">
      <c r="A66" s="8">
        <v>50</v>
      </c>
      <c r="B66" s="21">
        <v>18</v>
      </c>
      <c r="C66" s="6">
        <v>24</v>
      </c>
      <c r="D66" s="5">
        <v>42</v>
      </c>
    </row>
    <row r="67" spans="1:4" ht="18" customHeight="1" x14ac:dyDescent="0.15">
      <c r="A67" s="8">
        <v>51</v>
      </c>
      <c r="B67" s="21">
        <v>27</v>
      </c>
      <c r="C67" s="6">
        <v>34</v>
      </c>
      <c r="D67" s="5">
        <v>61</v>
      </c>
    </row>
    <row r="68" spans="1:4" ht="18" customHeight="1" x14ac:dyDescent="0.15">
      <c r="A68" s="8">
        <v>52</v>
      </c>
      <c r="B68" s="21">
        <v>26</v>
      </c>
      <c r="C68" s="6">
        <v>24</v>
      </c>
      <c r="D68" s="5">
        <v>50</v>
      </c>
    </row>
    <row r="69" spans="1:4" ht="18" customHeight="1" x14ac:dyDescent="0.15">
      <c r="A69" s="8">
        <v>53</v>
      </c>
      <c r="B69" s="21">
        <v>28</v>
      </c>
      <c r="C69" s="6">
        <v>42</v>
      </c>
      <c r="D69" s="5">
        <v>70</v>
      </c>
    </row>
    <row r="70" spans="1:4" ht="18" customHeight="1" x14ac:dyDescent="0.15">
      <c r="A70" s="8">
        <v>54</v>
      </c>
      <c r="B70" s="21">
        <v>24</v>
      </c>
      <c r="C70" s="6">
        <v>33</v>
      </c>
      <c r="D70" s="5">
        <v>57</v>
      </c>
    </row>
    <row r="71" spans="1:4" ht="18" customHeight="1" x14ac:dyDescent="0.15">
      <c r="A71" s="8" t="s">
        <v>14</v>
      </c>
      <c r="B71" s="21">
        <v>123</v>
      </c>
      <c r="C71" s="6">
        <v>157</v>
      </c>
      <c r="D71" s="5">
        <v>280</v>
      </c>
    </row>
    <row r="72" spans="1:4" ht="18" customHeight="1" x14ac:dyDescent="0.15">
      <c r="A72" s="8">
        <v>55</v>
      </c>
      <c r="B72" s="21">
        <v>28</v>
      </c>
      <c r="C72" s="6">
        <v>26</v>
      </c>
      <c r="D72" s="5">
        <v>54</v>
      </c>
    </row>
    <row r="73" spans="1:4" ht="18" customHeight="1" x14ac:dyDescent="0.15">
      <c r="A73" s="8">
        <v>56</v>
      </c>
      <c r="B73" s="21">
        <v>29</v>
      </c>
      <c r="C73" s="6">
        <v>23</v>
      </c>
      <c r="D73" s="5">
        <v>52</v>
      </c>
    </row>
    <row r="74" spans="1:4" ht="18" customHeight="1" x14ac:dyDescent="0.15">
      <c r="A74" s="8">
        <v>57</v>
      </c>
      <c r="B74" s="21">
        <v>23</v>
      </c>
      <c r="C74" s="6">
        <v>31</v>
      </c>
      <c r="D74" s="5">
        <v>54</v>
      </c>
    </row>
    <row r="75" spans="1:4" ht="18" customHeight="1" x14ac:dyDescent="0.15">
      <c r="A75" s="8">
        <v>58</v>
      </c>
      <c r="B75" s="21">
        <v>35</v>
      </c>
      <c r="C75" s="6">
        <v>33</v>
      </c>
      <c r="D75" s="5">
        <v>68</v>
      </c>
    </row>
    <row r="76" spans="1:4" ht="18" customHeight="1" x14ac:dyDescent="0.15">
      <c r="A76" s="8">
        <v>59</v>
      </c>
      <c r="B76" s="21">
        <v>19</v>
      </c>
      <c r="C76" s="6">
        <v>22</v>
      </c>
      <c r="D76" s="5">
        <v>41</v>
      </c>
    </row>
    <row r="77" spans="1:4" ht="18" customHeight="1" x14ac:dyDescent="0.15">
      <c r="A77" s="8" t="s">
        <v>13</v>
      </c>
      <c r="B77" s="21">
        <v>134</v>
      </c>
      <c r="C77" s="6">
        <v>135</v>
      </c>
      <c r="D77" s="5">
        <v>269</v>
      </c>
    </row>
    <row r="78" spans="1:4" ht="18" customHeight="1" x14ac:dyDescent="0.15">
      <c r="A78" s="8">
        <v>60</v>
      </c>
      <c r="B78" s="21">
        <v>31</v>
      </c>
      <c r="C78" s="6">
        <v>37</v>
      </c>
      <c r="D78" s="5">
        <v>68</v>
      </c>
    </row>
    <row r="79" spans="1:4" ht="18" customHeight="1" x14ac:dyDescent="0.15">
      <c r="A79" s="8">
        <v>61</v>
      </c>
      <c r="B79" s="21">
        <v>32</v>
      </c>
      <c r="C79" s="6">
        <v>29</v>
      </c>
      <c r="D79" s="5">
        <v>61</v>
      </c>
    </row>
    <row r="80" spans="1:4" ht="18" customHeight="1" x14ac:dyDescent="0.15">
      <c r="A80" s="8">
        <v>62</v>
      </c>
      <c r="B80" s="21">
        <v>24</v>
      </c>
      <c r="C80" s="6">
        <v>36</v>
      </c>
      <c r="D80" s="5">
        <v>60</v>
      </c>
    </row>
    <row r="81" spans="1:4" ht="18" customHeight="1" x14ac:dyDescent="0.15">
      <c r="A81" s="8">
        <v>63</v>
      </c>
      <c r="B81" s="21">
        <v>16</v>
      </c>
      <c r="C81" s="6">
        <v>25</v>
      </c>
      <c r="D81" s="5">
        <v>41</v>
      </c>
    </row>
    <row r="82" spans="1:4" ht="18" customHeight="1" x14ac:dyDescent="0.15">
      <c r="A82" s="8">
        <v>64</v>
      </c>
      <c r="B82" s="21">
        <v>23</v>
      </c>
      <c r="C82" s="6">
        <v>26</v>
      </c>
      <c r="D82" s="5">
        <v>49</v>
      </c>
    </row>
    <row r="83" spans="1:4" ht="18" customHeight="1" x14ac:dyDescent="0.15">
      <c r="A83" s="8" t="s">
        <v>12</v>
      </c>
      <c r="B83" s="21">
        <v>126</v>
      </c>
      <c r="C83" s="6">
        <v>153</v>
      </c>
      <c r="D83" s="5">
        <v>279</v>
      </c>
    </row>
    <row r="84" spans="1:4" ht="18" customHeight="1" x14ac:dyDescent="0.15">
      <c r="A84" s="8" t="s">
        <v>11</v>
      </c>
      <c r="B84" s="21">
        <v>926</v>
      </c>
      <c r="C84" s="6">
        <v>964</v>
      </c>
      <c r="D84" s="5">
        <v>1890</v>
      </c>
    </row>
    <row r="85" spans="1:4" ht="18" customHeight="1" x14ac:dyDescent="0.15">
      <c r="A85" s="8">
        <v>65</v>
      </c>
      <c r="B85" s="21">
        <v>21</v>
      </c>
      <c r="C85" s="6">
        <v>34</v>
      </c>
      <c r="D85" s="5">
        <v>55</v>
      </c>
    </row>
    <row r="86" spans="1:4" ht="18" customHeight="1" x14ac:dyDescent="0.15">
      <c r="A86" s="8">
        <v>66</v>
      </c>
      <c r="B86" s="21">
        <v>27</v>
      </c>
      <c r="C86" s="6">
        <v>31</v>
      </c>
      <c r="D86" s="5">
        <v>58</v>
      </c>
    </row>
    <row r="87" spans="1:4" ht="18" customHeight="1" x14ac:dyDescent="0.15">
      <c r="A87" s="8">
        <v>67</v>
      </c>
      <c r="B87" s="21">
        <v>21</v>
      </c>
      <c r="C87" s="6">
        <v>31</v>
      </c>
      <c r="D87" s="5">
        <v>52</v>
      </c>
    </row>
    <row r="88" spans="1:4" ht="18" customHeight="1" x14ac:dyDescent="0.15">
      <c r="A88" s="8">
        <v>68</v>
      </c>
      <c r="B88" s="21">
        <v>27</v>
      </c>
      <c r="C88" s="6">
        <v>25</v>
      </c>
      <c r="D88" s="5">
        <v>52</v>
      </c>
    </row>
    <row r="89" spans="1:4" ht="18" customHeight="1" x14ac:dyDescent="0.15">
      <c r="A89" s="8">
        <v>69</v>
      </c>
      <c r="B89" s="21">
        <v>22</v>
      </c>
      <c r="C89" s="6">
        <v>20</v>
      </c>
      <c r="D89" s="5">
        <v>42</v>
      </c>
    </row>
    <row r="90" spans="1:4" ht="18" customHeight="1" x14ac:dyDescent="0.15">
      <c r="A90" s="8" t="s">
        <v>10</v>
      </c>
      <c r="B90" s="21">
        <v>118</v>
      </c>
      <c r="C90" s="6">
        <v>141</v>
      </c>
      <c r="D90" s="5">
        <v>259</v>
      </c>
    </row>
    <row r="91" spans="1:4" ht="18" customHeight="1" x14ac:dyDescent="0.15">
      <c r="A91" s="8">
        <v>70</v>
      </c>
      <c r="B91" s="21">
        <v>28</v>
      </c>
      <c r="C91" s="6">
        <v>19</v>
      </c>
      <c r="D91" s="5">
        <v>47</v>
      </c>
    </row>
    <row r="92" spans="1:4" ht="18" customHeight="1" x14ac:dyDescent="0.15">
      <c r="A92" s="8">
        <v>71</v>
      </c>
      <c r="B92" s="21">
        <v>19</v>
      </c>
      <c r="C92" s="6">
        <v>28</v>
      </c>
      <c r="D92" s="5">
        <v>47</v>
      </c>
    </row>
    <row r="93" spans="1:4" ht="18" customHeight="1" x14ac:dyDescent="0.15">
      <c r="A93" s="8">
        <v>72</v>
      </c>
      <c r="B93" s="21">
        <v>25</v>
      </c>
      <c r="C93" s="6">
        <v>25</v>
      </c>
      <c r="D93" s="5">
        <v>50</v>
      </c>
    </row>
    <row r="94" spans="1:4" ht="18" customHeight="1" x14ac:dyDescent="0.15">
      <c r="A94" s="8">
        <v>73</v>
      </c>
      <c r="B94" s="21">
        <v>22</v>
      </c>
      <c r="C94" s="6">
        <v>24</v>
      </c>
      <c r="D94" s="5">
        <v>46</v>
      </c>
    </row>
    <row r="95" spans="1:4" ht="18" customHeight="1" x14ac:dyDescent="0.15">
      <c r="A95" s="8">
        <v>74</v>
      </c>
      <c r="B95" s="21">
        <v>22</v>
      </c>
      <c r="C95" s="6">
        <v>24</v>
      </c>
      <c r="D95" s="5">
        <v>46</v>
      </c>
    </row>
    <row r="96" spans="1:4" ht="18" customHeight="1" x14ac:dyDescent="0.15">
      <c r="A96" s="8" t="s">
        <v>9</v>
      </c>
      <c r="B96" s="21">
        <v>116</v>
      </c>
      <c r="C96" s="6">
        <v>120</v>
      </c>
      <c r="D96" s="5">
        <v>236</v>
      </c>
    </row>
    <row r="97" spans="1:4" ht="18" customHeight="1" x14ac:dyDescent="0.15">
      <c r="A97" s="8">
        <v>75</v>
      </c>
      <c r="B97" s="21">
        <v>23</v>
      </c>
      <c r="C97" s="6">
        <v>35</v>
      </c>
      <c r="D97" s="5">
        <v>58</v>
      </c>
    </row>
    <row r="98" spans="1:4" ht="18" customHeight="1" x14ac:dyDescent="0.15">
      <c r="A98" s="8">
        <v>76</v>
      </c>
      <c r="B98" s="21">
        <v>26</v>
      </c>
      <c r="C98" s="6">
        <v>29</v>
      </c>
      <c r="D98" s="5">
        <v>55</v>
      </c>
    </row>
    <row r="99" spans="1:4" ht="18" customHeight="1" x14ac:dyDescent="0.15">
      <c r="A99" s="8">
        <v>77</v>
      </c>
      <c r="B99" s="21">
        <v>32</v>
      </c>
      <c r="C99" s="6">
        <v>37</v>
      </c>
      <c r="D99" s="5">
        <v>69</v>
      </c>
    </row>
    <row r="100" spans="1:4" ht="18" customHeight="1" x14ac:dyDescent="0.15">
      <c r="A100" s="8">
        <v>78</v>
      </c>
      <c r="B100" s="21">
        <v>19</v>
      </c>
      <c r="C100" s="6">
        <v>25</v>
      </c>
      <c r="D100" s="5">
        <v>44</v>
      </c>
    </row>
    <row r="101" spans="1:4" ht="18" customHeight="1" x14ac:dyDescent="0.15">
      <c r="A101" s="8">
        <v>79</v>
      </c>
      <c r="B101" s="21">
        <v>8</v>
      </c>
      <c r="C101" s="6">
        <v>33</v>
      </c>
      <c r="D101" s="5">
        <v>41</v>
      </c>
    </row>
    <row r="102" spans="1:4" ht="18" customHeight="1" x14ac:dyDescent="0.15">
      <c r="A102" s="8" t="s">
        <v>8</v>
      </c>
      <c r="B102" s="21">
        <v>108</v>
      </c>
      <c r="C102" s="6">
        <v>159</v>
      </c>
      <c r="D102" s="5">
        <v>267</v>
      </c>
    </row>
    <row r="103" spans="1:4" ht="18" customHeight="1" x14ac:dyDescent="0.15">
      <c r="A103" s="8">
        <v>80</v>
      </c>
      <c r="B103" s="21">
        <v>13</v>
      </c>
      <c r="C103" s="6">
        <v>18</v>
      </c>
      <c r="D103" s="5">
        <v>31</v>
      </c>
    </row>
    <row r="104" spans="1:4" ht="18" customHeight="1" x14ac:dyDescent="0.15">
      <c r="A104" s="8">
        <v>81</v>
      </c>
      <c r="B104" s="21">
        <v>12</v>
      </c>
      <c r="C104" s="6">
        <v>21</v>
      </c>
      <c r="D104" s="5">
        <v>33</v>
      </c>
    </row>
    <row r="105" spans="1:4" ht="18" customHeight="1" x14ac:dyDescent="0.15">
      <c r="A105" s="8">
        <v>82</v>
      </c>
      <c r="B105" s="21">
        <v>12</v>
      </c>
      <c r="C105" s="6">
        <v>26</v>
      </c>
      <c r="D105" s="5">
        <v>38</v>
      </c>
    </row>
    <row r="106" spans="1:4" ht="18" customHeight="1" x14ac:dyDescent="0.15">
      <c r="A106" s="8">
        <v>83</v>
      </c>
      <c r="B106" s="21">
        <v>16</v>
      </c>
      <c r="C106" s="6">
        <v>20</v>
      </c>
      <c r="D106" s="5">
        <v>36</v>
      </c>
    </row>
    <row r="107" spans="1:4" ht="18" customHeight="1" x14ac:dyDescent="0.15">
      <c r="A107" s="8">
        <v>84</v>
      </c>
      <c r="B107" s="21">
        <v>13</v>
      </c>
      <c r="C107" s="6">
        <v>22</v>
      </c>
      <c r="D107" s="5">
        <v>35</v>
      </c>
    </row>
    <row r="108" spans="1:4" ht="18" customHeight="1" x14ac:dyDescent="0.15">
      <c r="A108" s="8" t="s">
        <v>7</v>
      </c>
      <c r="B108" s="21">
        <v>66</v>
      </c>
      <c r="C108" s="6">
        <v>107</v>
      </c>
      <c r="D108" s="5">
        <v>173</v>
      </c>
    </row>
    <row r="109" spans="1:4" ht="18" customHeight="1" x14ac:dyDescent="0.15">
      <c r="A109" s="8">
        <v>85</v>
      </c>
      <c r="B109" s="21">
        <v>7</v>
      </c>
      <c r="C109" s="6">
        <v>26</v>
      </c>
      <c r="D109" s="5">
        <v>33</v>
      </c>
    </row>
    <row r="110" spans="1:4" ht="18" customHeight="1" x14ac:dyDescent="0.15">
      <c r="A110" s="8">
        <v>86</v>
      </c>
      <c r="B110" s="21">
        <v>12</v>
      </c>
      <c r="C110" s="6">
        <v>29</v>
      </c>
      <c r="D110" s="5">
        <v>41</v>
      </c>
    </row>
    <row r="111" spans="1:4" ht="18" customHeight="1" x14ac:dyDescent="0.15">
      <c r="A111" s="8">
        <v>87</v>
      </c>
      <c r="B111" s="21">
        <v>10</v>
      </c>
      <c r="C111" s="6">
        <v>15</v>
      </c>
      <c r="D111" s="5">
        <v>25</v>
      </c>
    </row>
    <row r="112" spans="1:4" ht="18" customHeight="1" x14ac:dyDescent="0.15">
      <c r="A112" s="8">
        <v>88</v>
      </c>
      <c r="B112" s="21">
        <v>8</v>
      </c>
      <c r="C112" s="6">
        <v>13</v>
      </c>
      <c r="D112" s="5">
        <v>21</v>
      </c>
    </row>
    <row r="113" spans="1:4" ht="18" customHeight="1" x14ac:dyDescent="0.15">
      <c r="A113" s="8">
        <v>89</v>
      </c>
      <c r="B113" s="21">
        <v>8</v>
      </c>
      <c r="C113" s="6">
        <v>18</v>
      </c>
      <c r="D113" s="5">
        <v>26</v>
      </c>
    </row>
    <row r="114" spans="1:4" ht="18" customHeight="1" x14ac:dyDescent="0.15">
      <c r="A114" s="8" t="s">
        <v>6</v>
      </c>
      <c r="B114" s="21">
        <v>45</v>
      </c>
      <c r="C114" s="6">
        <v>101</v>
      </c>
      <c r="D114" s="5">
        <v>146</v>
      </c>
    </row>
    <row r="115" spans="1:4" ht="18" customHeight="1" x14ac:dyDescent="0.15">
      <c r="A115" s="8">
        <v>90</v>
      </c>
      <c r="B115" s="21">
        <v>7</v>
      </c>
      <c r="C115" s="6">
        <v>22</v>
      </c>
      <c r="D115" s="5">
        <v>29</v>
      </c>
    </row>
    <row r="116" spans="1:4" ht="18" customHeight="1" x14ac:dyDescent="0.15">
      <c r="A116" s="8">
        <v>91</v>
      </c>
      <c r="B116" s="21">
        <v>3</v>
      </c>
      <c r="C116" s="6">
        <v>18</v>
      </c>
      <c r="D116" s="5">
        <v>21</v>
      </c>
    </row>
    <row r="117" spans="1:4" ht="18" customHeight="1" x14ac:dyDescent="0.15">
      <c r="A117" s="8">
        <v>92</v>
      </c>
      <c r="B117" s="21">
        <v>5</v>
      </c>
      <c r="C117" s="6">
        <v>14</v>
      </c>
      <c r="D117" s="5">
        <v>19</v>
      </c>
    </row>
    <row r="118" spans="1:4" ht="18" customHeight="1" x14ac:dyDescent="0.15">
      <c r="A118" s="8">
        <v>93</v>
      </c>
      <c r="B118" s="21">
        <v>5</v>
      </c>
      <c r="C118" s="6">
        <v>14</v>
      </c>
      <c r="D118" s="5">
        <v>19</v>
      </c>
    </row>
    <row r="119" spans="1:4" ht="18" customHeight="1" x14ac:dyDescent="0.15">
      <c r="A119" s="8">
        <v>94</v>
      </c>
      <c r="B119" s="21">
        <v>0</v>
      </c>
      <c r="C119" s="6">
        <v>12</v>
      </c>
      <c r="D119" s="5">
        <v>12</v>
      </c>
    </row>
    <row r="120" spans="1:4" ht="18" customHeight="1" x14ac:dyDescent="0.15">
      <c r="A120" s="8" t="s">
        <v>5</v>
      </c>
      <c r="B120" s="21">
        <v>20</v>
      </c>
      <c r="C120" s="6">
        <v>80</v>
      </c>
      <c r="D120" s="5">
        <v>100</v>
      </c>
    </row>
    <row r="121" spans="1:4" ht="18" customHeight="1" x14ac:dyDescent="0.15">
      <c r="A121" s="8">
        <v>95</v>
      </c>
      <c r="B121" s="21">
        <v>3</v>
      </c>
      <c r="C121" s="6">
        <v>4</v>
      </c>
      <c r="D121" s="5">
        <v>7</v>
      </c>
    </row>
    <row r="122" spans="1:4" ht="18" customHeight="1" x14ac:dyDescent="0.15">
      <c r="A122" s="8">
        <v>96</v>
      </c>
      <c r="B122" s="21">
        <v>2</v>
      </c>
      <c r="C122" s="6">
        <v>9</v>
      </c>
      <c r="D122" s="5">
        <v>11</v>
      </c>
    </row>
    <row r="123" spans="1:4" ht="18" customHeight="1" x14ac:dyDescent="0.15">
      <c r="A123" s="8">
        <v>97</v>
      </c>
      <c r="B123" s="21">
        <v>0</v>
      </c>
      <c r="C123" s="6">
        <v>8</v>
      </c>
      <c r="D123" s="5">
        <v>8</v>
      </c>
    </row>
    <row r="124" spans="1:4" ht="18" customHeight="1" x14ac:dyDescent="0.15">
      <c r="A124" s="8">
        <v>98</v>
      </c>
      <c r="B124" s="21">
        <v>0</v>
      </c>
      <c r="C124" s="6">
        <v>5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5</v>
      </c>
      <c r="C126" s="6">
        <v>28</v>
      </c>
      <c r="D126" s="5">
        <v>3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478</v>
      </c>
      <c r="C130" s="6">
        <v>736</v>
      </c>
      <c r="D130" s="5">
        <v>1214</v>
      </c>
    </row>
    <row r="131" spans="1:4" ht="18" customHeight="1" x14ac:dyDescent="0.15">
      <c r="A131" s="4" t="s">
        <v>0</v>
      </c>
      <c r="B131" s="20">
        <v>1556</v>
      </c>
      <c r="C131" s="2">
        <v>1865</v>
      </c>
      <c r="D131" s="1">
        <v>34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30D714-DFF5-44DF-B47B-21380C7B9EDA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1</v>
      </c>
      <c r="C6" s="6">
        <v>1</v>
      </c>
      <c r="D6" s="5">
        <v>2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5</v>
      </c>
      <c r="C10" s="6">
        <v>1</v>
      </c>
      <c r="D10" s="5">
        <v>6</v>
      </c>
    </row>
    <row r="11" spans="1:4" ht="18" customHeight="1" x14ac:dyDescent="0.15">
      <c r="A11" s="8">
        <v>5</v>
      </c>
      <c r="B11" s="26">
        <v>1</v>
      </c>
      <c r="C11" s="6">
        <v>1</v>
      </c>
      <c r="D11" s="5">
        <v>2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2</v>
      </c>
      <c r="C15" s="6">
        <v>4</v>
      </c>
      <c r="D15" s="5">
        <v>6</v>
      </c>
    </row>
    <row r="16" spans="1:4" ht="18" customHeight="1" x14ac:dyDescent="0.15">
      <c r="A16" s="8" t="s">
        <v>24</v>
      </c>
      <c r="B16" s="21">
        <v>4</v>
      </c>
      <c r="C16" s="6">
        <v>7</v>
      </c>
      <c r="D16" s="5">
        <v>1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0</v>
      </c>
      <c r="C18" s="6">
        <v>3</v>
      </c>
      <c r="D18" s="5">
        <v>3</v>
      </c>
    </row>
    <row r="19" spans="1:4" ht="18" customHeight="1" x14ac:dyDescent="0.15">
      <c r="A19" s="8">
        <v>12</v>
      </c>
      <c r="B19" s="21">
        <v>2</v>
      </c>
      <c r="C19" s="6">
        <v>0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1</v>
      </c>
      <c r="D20" s="5">
        <v>1</v>
      </c>
    </row>
    <row r="21" spans="1:4" ht="18" customHeight="1" x14ac:dyDescent="0.15">
      <c r="A21" s="8">
        <v>14</v>
      </c>
      <c r="B21" s="21">
        <v>1</v>
      </c>
      <c r="C21" s="6">
        <v>1</v>
      </c>
      <c r="D21" s="5">
        <v>2</v>
      </c>
    </row>
    <row r="22" spans="1:4" ht="18" customHeight="1" x14ac:dyDescent="0.15">
      <c r="A22" s="8" t="s">
        <v>23</v>
      </c>
      <c r="B22" s="21">
        <v>3</v>
      </c>
      <c r="C22" s="6">
        <v>5</v>
      </c>
      <c r="D22" s="5">
        <v>8</v>
      </c>
    </row>
    <row r="23" spans="1:4" ht="18" customHeight="1" x14ac:dyDescent="0.15">
      <c r="A23" s="8" t="s">
        <v>22</v>
      </c>
      <c r="B23" s="21">
        <v>12</v>
      </c>
      <c r="C23" s="6">
        <v>13</v>
      </c>
      <c r="D23" s="5">
        <v>25</v>
      </c>
    </row>
    <row r="24" spans="1:4" ht="18" customHeight="1" x14ac:dyDescent="0.15">
      <c r="A24" s="8">
        <v>15</v>
      </c>
      <c r="B24" s="21">
        <v>2</v>
      </c>
      <c r="C24" s="6">
        <v>2</v>
      </c>
      <c r="D24" s="5">
        <v>4</v>
      </c>
    </row>
    <row r="25" spans="1:4" ht="18" customHeight="1" x14ac:dyDescent="0.15">
      <c r="A25" s="8">
        <v>16</v>
      </c>
      <c r="B25" s="21">
        <v>1</v>
      </c>
      <c r="C25" s="6">
        <v>1</v>
      </c>
      <c r="D25" s="5">
        <v>2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1</v>
      </c>
      <c r="C27" s="6">
        <v>4</v>
      </c>
      <c r="D27" s="5">
        <v>5</v>
      </c>
    </row>
    <row r="28" spans="1:4" ht="18" customHeight="1" x14ac:dyDescent="0.15">
      <c r="A28" s="8">
        <v>19</v>
      </c>
      <c r="B28" s="21">
        <v>5</v>
      </c>
      <c r="C28" s="6">
        <v>2</v>
      </c>
      <c r="D28" s="5">
        <v>7</v>
      </c>
    </row>
    <row r="29" spans="1:4" ht="18" customHeight="1" x14ac:dyDescent="0.15">
      <c r="A29" s="8" t="s">
        <v>21</v>
      </c>
      <c r="B29" s="21">
        <v>10</v>
      </c>
      <c r="C29" s="6">
        <v>9</v>
      </c>
      <c r="D29" s="5">
        <v>19</v>
      </c>
    </row>
    <row r="30" spans="1:4" ht="18" customHeight="1" x14ac:dyDescent="0.15">
      <c r="A30" s="8">
        <v>20</v>
      </c>
      <c r="B30" s="21">
        <v>2</v>
      </c>
      <c r="C30" s="6">
        <v>4</v>
      </c>
      <c r="D30" s="5">
        <v>6</v>
      </c>
    </row>
    <row r="31" spans="1:4" ht="18" customHeight="1" x14ac:dyDescent="0.15">
      <c r="A31" s="8">
        <v>21</v>
      </c>
      <c r="B31" s="21">
        <v>3</v>
      </c>
      <c r="C31" s="6">
        <v>1</v>
      </c>
      <c r="D31" s="5">
        <v>4</v>
      </c>
    </row>
    <row r="32" spans="1:4" ht="18" customHeight="1" x14ac:dyDescent="0.15">
      <c r="A32" s="8">
        <v>22</v>
      </c>
      <c r="B32" s="21">
        <v>0</v>
      </c>
      <c r="C32" s="6">
        <v>2</v>
      </c>
      <c r="D32" s="5">
        <v>2</v>
      </c>
    </row>
    <row r="33" spans="1:4" ht="18" customHeight="1" x14ac:dyDescent="0.15">
      <c r="A33" s="8">
        <v>23</v>
      </c>
      <c r="B33" s="21">
        <v>5</v>
      </c>
      <c r="C33" s="6">
        <v>3</v>
      </c>
      <c r="D33" s="5">
        <v>8</v>
      </c>
    </row>
    <row r="34" spans="1:4" ht="18" customHeight="1" x14ac:dyDescent="0.15">
      <c r="A34" s="8">
        <v>24</v>
      </c>
      <c r="B34" s="21">
        <v>5</v>
      </c>
      <c r="C34" s="6">
        <v>1</v>
      </c>
      <c r="D34" s="5">
        <v>6</v>
      </c>
    </row>
    <row r="35" spans="1:4" ht="18" customHeight="1" x14ac:dyDescent="0.15">
      <c r="A35" s="8" t="s">
        <v>20</v>
      </c>
      <c r="B35" s="21">
        <v>15</v>
      </c>
      <c r="C35" s="6">
        <v>11</v>
      </c>
      <c r="D35" s="5">
        <v>26</v>
      </c>
    </row>
    <row r="36" spans="1:4" ht="18" customHeight="1" x14ac:dyDescent="0.15">
      <c r="A36" s="8">
        <v>25</v>
      </c>
      <c r="B36" s="21">
        <v>2</v>
      </c>
      <c r="C36" s="6">
        <v>1</v>
      </c>
      <c r="D36" s="5">
        <v>3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4</v>
      </c>
      <c r="D38" s="5">
        <v>4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2</v>
      </c>
      <c r="D40" s="5">
        <v>3</v>
      </c>
    </row>
    <row r="41" spans="1:4" ht="18" customHeight="1" x14ac:dyDescent="0.15">
      <c r="A41" s="8" t="s">
        <v>19</v>
      </c>
      <c r="B41" s="21">
        <v>5</v>
      </c>
      <c r="C41" s="6">
        <v>7</v>
      </c>
      <c r="D41" s="5">
        <v>12</v>
      </c>
    </row>
    <row r="42" spans="1:4" ht="18" customHeight="1" x14ac:dyDescent="0.15">
      <c r="A42" s="8">
        <v>30</v>
      </c>
      <c r="B42" s="21">
        <v>4</v>
      </c>
      <c r="C42" s="6">
        <v>1</v>
      </c>
      <c r="D42" s="5">
        <v>5</v>
      </c>
    </row>
    <row r="43" spans="1:4" ht="18" customHeight="1" x14ac:dyDescent="0.15">
      <c r="A43" s="8">
        <v>31</v>
      </c>
      <c r="B43" s="21">
        <v>2</v>
      </c>
      <c r="C43" s="6">
        <v>2</v>
      </c>
      <c r="D43" s="5">
        <v>4</v>
      </c>
    </row>
    <row r="44" spans="1:4" ht="18" customHeight="1" x14ac:dyDescent="0.15">
      <c r="A44" s="8">
        <v>32</v>
      </c>
      <c r="B44" s="21">
        <v>5</v>
      </c>
      <c r="C44" s="6">
        <v>1</v>
      </c>
      <c r="D44" s="5">
        <v>6</v>
      </c>
    </row>
    <row r="45" spans="1:4" ht="18" customHeight="1" x14ac:dyDescent="0.15">
      <c r="A45" s="8">
        <v>33</v>
      </c>
      <c r="B45" s="21">
        <v>1</v>
      </c>
      <c r="C45" s="6">
        <v>3</v>
      </c>
      <c r="D45" s="5">
        <v>4</v>
      </c>
    </row>
    <row r="46" spans="1:4" ht="18" customHeight="1" x14ac:dyDescent="0.15">
      <c r="A46" s="8">
        <v>34</v>
      </c>
      <c r="B46" s="21">
        <v>1</v>
      </c>
      <c r="C46" s="6">
        <v>1</v>
      </c>
      <c r="D46" s="5">
        <v>2</v>
      </c>
    </row>
    <row r="47" spans="1:4" ht="18" customHeight="1" x14ac:dyDescent="0.15">
      <c r="A47" s="8" t="s">
        <v>18</v>
      </c>
      <c r="B47" s="21">
        <v>13</v>
      </c>
      <c r="C47" s="6">
        <v>8</v>
      </c>
      <c r="D47" s="5">
        <v>21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5</v>
      </c>
      <c r="D49" s="5">
        <v>6</v>
      </c>
    </row>
    <row r="50" spans="1:4" ht="18" customHeight="1" x14ac:dyDescent="0.15">
      <c r="A50" s="8">
        <v>37</v>
      </c>
      <c r="B50" s="21">
        <v>2</v>
      </c>
      <c r="C50" s="6">
        <v>1</v>
      </c>
      <c r="D50" s="5">
        <v>3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4</v>
      </c>
      <c r="C52" s="6">
        <v>4</v>
      </c>
      <c r="D52" s="5">
        <v>8</v>
      </c>
    </row>
    <row r="53" spans="1:4" ht="18" customHeight="1" x14ac:dyDescent="0.15">
      <c r="A53" s="8" t="s">
        <v>17</v>
      </c>
      <c r="B53" s="21">
        <v>12</v>
      </c>
      <c r="C53" s="6">
        <v>12</v>
      </c>
      <c r="D53" s="5">
        <v>24</v>
      </c>
    </row>
    <row r="54" spans="1:4" ht="18" customHeight="1" x14ac:dyDescent="0.15">
      <c r="A54" s="8">
        <v>40</v>
      </c>
      <c r="B54" s="21">
        <v>1</v>
      </c>
      <c r="C54" s="6">
        <v>2</v>
      </c>
      <c r="D54" s="5">
        <v>3</v>
      </c>
    </row>
    <row r="55" spans="1:4" ht="18" customHeight="1" x14ac:dyDescent="0.15">
      <c r="A55" s="8">
        <v>41</v>
      </c>
      <c r="B55" s="21">
        <v>6</v>
      </c>
      <c r="C55" s="6">
        <v>2</v>
      </c>
      <c r="D55" s="5">
        <v>8</v>
      </c>
    </row>
    <row r="56" spans="1:4" ht="18" customHeight="1" x14ac:dyDescent="0.15">
      <c r="A56" s="8">
        <v>42</v>
      </c>
      <c r="B56" s="21">
        <v>5</v>
      </c>
      <c r="C56" s="6">
        <v>4</v>
      </c>
      <c r="D56" s="5">
        <v>9</v>
      </c>
    </row>
    <row r="57" spans="1:4" ht="18" customHeight="1" x14ac:dyDescent="0.15">
      <c r="A57" s="8">
        <v>43</v>
      </c>
      <c r="B57" s="21">
        <v>2</v>
      </c>
      <c r="C57" s="6">
        <v>5</v>
      </c>
      <c r="D57" s="5">
        <v>7</v>
      </c>
    </row>
    <row r="58" spans="1:4" ht="18" customHeight="1" x14ac:dyDescent="0.15">
      <c r="A58" s="8">
        <v>44</v>
      </c>
      <c r="B58" s="21">
        <v>0</v>
      </c>
      <c r="C58" s="6">
        <v>2</v>
      </c>
      <c r="D58" s="5">
        <v>2</v>
      </c>
    </row>
    <row r="59" spans="1:4" ht="18" customHeight="1" x14ac:dyDescent="0.15">
      <c r="A59" s="8" t="s">
        <v>16</v>
      </c>
      <c r="B59" s="21">
        <v>14</v>
      </c>
      <c r="C59" s="6">
        <v>15</v>
      </c>
      <c r="D59" s="5">
        <v>29</v>
      </c>
    </row>
    <row r="60" spans="1:4" ht="18" customHeight="1" x14ac:dyDescent="0.15">
      <c r="A60" s="8">
        <v>45</v>
      </c>
      <c r="B60" s="21">
        <v>1</v>
      </c>
      <c r="C60" s="6">
        <v>0</v>
      </c>
      <c r="D60" s="5">
        <v>1</v>
      </c>
    </row>
    <row r="61" spans="1:4" ht="18" customHeight="1" x14ac:dyDescent="0.15">
      <c r="A61" s="8">
        <v>46</v>
      </c>
      <c r="B61" s="21">
        <v>3</v>
      </c>
      <c r="C61" s="6">
        <v>3</v>
      </c>
      <c r="D61" s="5">
        <v>6</v>
      </c>
    </row>
    <row r="62" spans="1:4" ht="18" customHeight="1" x14ac:dyDescent="0.15">
      <c r="A62" s="8">
        <v>47</v>
      </c>
      <c r="B62" s="21">
        <v>3</v>
      </c>
      <c r="C62" s="6">
        <v>4</v>
      </c>
      <c r="D62" s="5">
        <v>7</v>
      </c>
    </row>
    <row r="63" spans="1:4" ht="18" customHeight="1" x14ac:dyDescent="0.15">
      <c r="A63" s="8">
        <v>48</v>
      </c>
      <c r="B63" s="21">
        <v>3</v>
      </c>
      <c r="C63" s="6">
        <v>5</v>
      </c>
      <c r="D63" s="5">
        <v>8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12</v>
      </c>
      <c r="C65" s="6">
        <v>13</v>
      </c>
      <c r="D65" s="5">
        <v>25</v>
      </c>
    </row>
    <row r="66" spans="1:4" ht="18" customHeight="1" x14ac:dyDescent="0.15">
      <c r="A66" s="8">
        <v>50</v>
      </c>
      <c r="B66" s="21">
        <v>8</v>
      </c>
      <c r="C66" s="6">
        <v>1</v>
      </c>
      <c r="D66" s="5">
        <v>9</v>
      </c>
    </row>
    <row r="67" spans="1:4" ht="18" customHeight="1" x14ac:dyDescent="0.15">
      <c r="A67" s="8">
        <v>51</v>
      </c>
      <c r="B67" s="21">
        <v>3</v>
      </c>
      <c r="C67" s="6">
        <v>3</v>
      </c>
      <c r="D67" s="5">
        <v>6</v>
      </c>
    </row>
    <row r="68" spans="1:4" ht="18" customHeight="1" x14ac:dyDescent="0.15">
      <c r="A68" s="8">
        <v>52</v>
      </c>
      <c r="B68" s="21">
        <v>7</v>
      </c>
      <c r="C68" s="6">
        <v>6</v>
      </c>
      <c r="D68" s="5">
        <v>13</v>
      </c>
    </row>
    <row r="69" spans="1:4" ht="18" customHeight="1" x14ac:dyDescent="0.15">
      <c r="A69" s="8">
        <v>53</v>
      </c>
      <c r="B69" s="21">
        <v>4</v>
      </c>
      <c r="C69" s="6">
        <v>8</v>
      </c>
      <c r="D69" s="5">
        <v>12</v>
      </c>
    </row>
    <row r="70" spans="1:4" ht="18" customHeight="1" x14ac:dyDescent="0.15">
      <c r="A70" s="8">
        <v>54</v>
      </c>
      <c r="B70" s="21">
        <v>8</v>
      </c>
      <c r="C70" s="6">
        <v>4</v>
      </c>
      <c r="D70" s="5">
        <v>12</v>
      </c>
    </row>
    <row r="71" spans="1:4" ht="18" customHeight="1" x14ac:dyDescent="0.15">
      <c r="A71" s="8" t="s">
        <v>14</v>
      </c>
      <c r="B71" s="21">
        <v>30</v>
      </c>
      <c r="C71" s="6">
        <v>22</v>
      </c>
      <c r="D71" s="5">
        <v>52</v>
      </c>
    </row>
    <row r="72" spans="1:4" ht="18" customHeight="1" x14ac:dyDescent="0.15">
      <c r="A72" s="8">
        <v>55</v>
      </c>
      <c r="B72" s="21">
        <v>5</v>
      </c>
      <c r="C72" s="6">
        <v>3</v>
      </c>
      <c r="D72" s="5">
        <v>8</v>
      </c>
    </row>
    <row r="73" spans="1:4" ht="18" customHeight="1" x14ac:dyDescent="0.15">
      <c r="A73" s="8">
        <v>56</v>
      </c>
      <c r="B73" s="21">
        <v>3</v>
      </c>
      <c r="C73" s="6">
        <v>6</v>
      </c>
      <c r="D73" s="5">
        <v>9</v>
      </c>
    </row>
    <row r="74" spans="1:4" ht="18" customHeight="1" x14ac:dyDescent="0.15">
      <c r="A74" s="8">
        <v>57</v>
      </c>
      <c r="B74" s="21">
        <v>7</v>
      </c>
      <c r="C74" s="6">
        <v>5</v>
      </c>
      <c r="D74" s="5">
        <v>12</v>
      </c>
    </row>
    <row r="75" spans="1:4" ht="18" customHeight="1" x14ac:dyDescent="0.15">
      <c r="A75" s="8">
        <v>58</v>
      </c>
      <c r="B75" s="21">
        <v>3</v>
      </c>
      <c r="C75" s="6">
        <v>2</v>
      </c>
      <c r="D75" s="5">
        <v>5</v>
      </c>
    </row>
    <row r="76" spans="1:4" ht="18" customHeight="1" x14ac:dyDescent="0.15">
      <c r="A76" s="8">
        <v>59</v>
      </c>
      <c r="B76" s="21">
        <v>0</v>
      </c>
      <c r="C76" s="6">
        <v>3</v>
      </c>
      <c r="D76" s="5">
        <v>3</v>
      </c>
    </row>
    <row r="77" spans="1:4" ht="18" customHeight="1" x14ac:dyDescent="0.15">
      <c r="A77" s="8" t="s">
        <v>13</v>
      </c>
      <c r="B77" s="21">
        <v>18</v>
      </c>
      <c r="C77" s="6">
        <v>19</v>
      </c>
      <c r="D77" s="5">
        <v>37</v>
      </c>
    </row>
    <row r="78" spans="1:4" ht="18" customHeight="1" x14ac:dyDescent="0.15">
      <c r="A78" s="8">
        <v>60</v>
      </c>
      <c r="B78" s="21">
        <v>0</v>
      </c>
      <c r="C78" s="6">
        <v>6</v>
      </c>
      <c r="D78" s="5">
        <v>6</v>
      </c>
    </row>
    <row r="79" spans="1:4" ht="18" customHeight="1" x14ac:dyDescent="0.15">
      <c r="A79" s="8">
        <v>61</v>
      </c>
      <c r="B79" s="21">
        <v>0</v>
      </c>
      <c r="C79" s="6">
        <v>3</v>
      </c>
      <c r="D79" s="5">
        <v>3</v>
      </c>
    </row>
    <row r="80" spans="1:4" ht="18" customHeight="1" x14ac:dyDescent="0.15">
      <c r="A80" s="8">
        <v>62</v>
      </c>
      <c r="B80" s="21">
        <v>10</v>
      </c>
      <c r="C80" s="6">
        <v>6</v>
      </c>
      <c r="D80" s="5">
        <v>16</v>
      </c>
    </row>
    <row r="81" spans="1:4" ht="18" customHeight="1" x14ac:dyDescent="0.15">
      <c r="A81" s="8">
        <v>63</v>
      </c>
      <c r="B81" s="21">
        <v>6</v>
      </c>
      <c r="C81" s="6">
        <v>7</v>
      </c>
      <c r="D81" s="5">
        <v>13</v>
      </c>
    </row>
    <row r="82" spans="1:4" ht="18" customHeight="1" x14ac:dyDescent="0.15">
      <c r="A82" s="8">
        <v>64</v>
      </c>
      <c r="B82" s="21">
        <v>4</v>
      </c>
      <c r="C82" s="6">
        <v>7</v>
      </c>
      <c r="D82" s="5">
        <v>11</v>
      </c>
    </row>
    <row r="83" spans="1:4" ht="18" customHeight="1" x14ac:dyDescent="0.15">
      <c r="A83" s="8" t="s">
        <v>12</v>
      </c>
      <c r="B83" s="21">
        <v>20</v>
      </c>
      <c r="C83" s="6">
        <v>29</v>
      </c>
      <c r="D83" s="5">
        <v>49</v>
      </c>
    </row>
    <row r="84" spans="1:4" ht="18" customHeight="1" x14ac:dyDescent="0.15">
      <c r="A84" s="8" t="s">
        <v>11</v>
      </c>
      <c r="B84" s="21">
        <v>149</v>
      </c>
      <c r="C84" s="6">
        <v>145</v>
      </c>
      <c r="D84" s="5">
        <v>294</v>
      </c>
    </row>
    <row r="85" spans="1:4" ht="18" customHeight="1" x14ac:dyDescent="0.15">
      <c r="A85" s="8">
        <v>65</v>
      </c>
      <c r="B85" s="21">
        <v>4</v>
      </c>
      <c r="C85" s="6">
        <v>8</v>
      </c>
      <c r="D85" s="5">
        <v>12</v>
      </c>
    </row>
    <row r="86" spans="1:4" ht="18" customHeight="1" x14ac:dyDescent="0.15">
      <c r="A86" s="8">
        <v>66</v>
      </c>
      <c r="B86" s="21">
        <v>12</v>
      </c>
      <c r="C86" s="6">
        <v>7</v>
      </c>
      <c r="D86" s="5">
        <v>19</v>
      </c>
    </row>
    <row r="87" spans="1:4" ht="18" customHeight="1" x14ac:dyDescent="0.15">
      <c r="A87" s="8">
        <v>67</v>
      </c>
      <c r="B87" s="21">
        <v>5</v>
      </c>
      <c r="C87" s="6">
        <v>8</v>
      </c>
      <c r="D87" s="5">
        <v>13</v>
      </c>
    </row>
    <row r="88" spans="1:4" ht="18" customHeight="1" x14ac:dyDescent="0.15">
      <c r="A88" s="8">
        <v>68</v>
      </c>
      <c r="B88" s="21">
        <v>7</v>
      </c>
      <c r="C88" s="6">
        <v>7</v>
      </c>
      <c r="D88" s="5">
        <v>14</v>
      </c>
    </row>
    <row r="89" spans="1:4" ht="18" customHeight="1" x14ac:dyDescent="0.15">
      <c r="A89" s="8">
        <v>69</v>
      </c>
      <c r="B89" s="21">
        <v>4</v>
      </c>
      <c r="C89" s="6">
        <v>7</v>
      </c>
      <c r="D89" s="5">
        <v>11</v>
      </c>
    </row>
    <row r="90" spans="1:4" ht="18" customHeight="1" x14ac:dyDescent="0.15">
      <c r="A90" s="8" t="s">
        <v>10</v>
      </c>
      <c r="B90" s="21">
        <v>32</v>
      </c>
      <c r="C90" s="6">
        <v>37</v>
      </c>
      <c r="D90" s="5">
        <v>69</v>
      </c>
    </row>
    <row r="91" spans="1:4" ht="18" customHeight="1" x14ac:dyDescent="0.15">
      <c r="A91" s="8">
        <v>70</v>
      </c>
      <c r="B91" s="21">
        <v>3</v>
      </c>
      <c r="C91" s="6">
        <v>7</v>
      </c>
      <c r="D91" s="5">
        <v>10</v>
      </c>
    </row>
    <row r="92" spans="1:4" ht="18" customHeight="1" x14ac:dyDescent="0.15">
      <c r="A92" s="8">
        <v>71</v>
      </c>
      <c r="B92" s="21">
        <v>11</v>
      </c>
      <c r="C92" s="6">
        <v>8</v>
      </c>
      <c r="D92" s="5">
        <v>19</v>
      </c>
    </row>
    <row r="93" spans="1:4" ht="18" customHeight="1" x14ac:dyDescent="0.15">
      <c r="A93" s="8">
        <v>72</v>
      </c>
      <c r="B93" s="21">
        <v>4</v>
      </c>
      <c r="C93" s="6">
        <v>6</v>
      </c>
      <c r="D93" s="5">
        <v>10</v>
      </c>
    </row>
    <row r="94" spans="1:4" ht="18" customHeight="1" x14ac:dyDescent="0.15">
      <c r="A94" s="8">
        <v>73</v>
      </c>
      <c r="B94" s="21">
        <v>1</v>
      </c>
      <c r="C94" s="6">
        <v>4</v>
      </c>
      <c r="D94" s="5">
        <v>5</v>
      </c>
    </row>
    <row r="95" spans="1:4" ht="18" customHeight="1" x14ac:dyDescent="0.15">
      <c r="A95" s="8">
        <v>74</v>
      </c>
      <c r="B95" s="21">
        <v>5</v>
      </c>
      <c r="C95" s="6">
        <v>10</v>
      </c>
      <c r="D95" s="5">
        <v>15</v>
      </c>
    </row>
    <row r="96" spans="1:4" ht="18" customHeight="1" x14ac:dyDescent="0.15">
      <c r="A96" s="8" t="s">
        <v>9</v>
      </c>
      <c r="B96" s="21">
        <v>24</v>
      </c>
      <c r="C96" s="6">
        <v>35</v>
      </c>
      <c r="D96" s="5">
        <v>59</v>
      </c>
    </row>
    <row r="97" spans="1:4" ht="18" customHeight="1" x14ac:dyDescent="0.15">
      <c r="A97" s="8">
        <v>75</v>
      </c>
      <c r="B97" s="21">
        <v>10</v>
      </c>
      <c r="C97" s="6">
        <v>10</v>
      </c>
      <c r="D97" s="5">
        <v>20</v>
      </c>
    </row>
    <row r="98" spans="1:4" ht="18" customHeight="1" x14ac:dyDescent="0.15">
      <c r="A98" s="8">
        <v>76</v>
      </c>
      <c r="B98" s="21">
        <v>8</v>
      </c>
      <c r="C98" s="6">
        <v>11</v>
      </c>
      <c r="D98" s="5">
        <v>19</v>
      </c>
    </row>
    <row r="99" spans="1:4" ht="18" customHeight="1" x14ac:dyDescent="0.15">
      <c r="A99" s="8">
        <v>77</v>
      </c>
      <c r="B99" s="21">
        <v>9</v>
      </c>
      <c r="C99" s="6">
        <v>13</v>
      </c>
      <c r="D99" s="5">
        <v>22</v>
      </c>
    </row>
    <row r="100" spans="1:4" ht="18" customHeight="1" x14ac:dyDescent="0.15">
      <c r="A100" s="8">
        <v>78</v>
      </c>
      <c r="B100" s="21">
        <v>11</v>
      </c>
      <c r="C100" s="6">
        <v>7</v>
      </c>
      <c r="D100" s="5">
        <v>18</v>
      </c>
    </row>
    <row r="101" spans="1:4" ht="18" customHeight="1" x14ac:dyDescent="0.15">
      <c r="A101" s="8">
        <v>79</v>
      </c>
      <c r="B101" s="21">
        <v>5</v>
      </c>
      <c r="C101" s="6">
        <v>12</v>
      </c>
      <c r="D101" s="5">
        <v>17</v>
      </c>
    </row>
    <row r="102" spans="1:4" ht="18" customHeight="1" x14ac:dyDescent="0.15">
      <c r="A102" s="8" t="s">
        <v>8</v>
      </c>
      <c r="B102" s="21">
        <v>43</v>
      </c>
      <c r="C102" s="6">
        <v>53</v>
      </c>
      <c r="D102" s="5">
        <v>96</v>
      </c>
    </row>
    <row r="103" spans="1:4" ht="18" customHeight="1" x14ac:dyDescent="0.15">
      <c r="A103" s="8">
        <v>80</v>
      </c>
      <c r="B103" s="21">
        <v>6</v>
      </c>
      <c r="C103" s="6">
        <v>9</v>
      </c>
      <c r="D103" s="5">
        <v>15</v>
      </c>
    </row>
    <row r="104" spans="1:4" ht="18" customHeight="1" x14ac:dyDescent="0.15">
      <c r="A104" s="8">
        <v>81</v>
      </c>
      <c r="B104" s="21">
        <v>2</v>
      </c>
      <c r="C104" s="6">
        <v>9</v>
      </c>
      <c r="D104" s="5">
        <v>11</v>
      </c>
    </row>
    <row r="105" spans="1:4" ht="18" customHeight="1" x14ac:dyDescent="0.15">
      <c r="A105" s="8">
        <v>82</v>
      </c>
      <c r="B105" s="21">
        <v>6</v>
      </c>
      <c r="C105" s="6">
        <v>6</v>
      </c>
      <c r="D105" s="5">
        <v>12</v>
      </c>
    </row>
    <row r="106" spans="1:4" ht="18" customHeight="1" x14ac:dyDescent="0.15">
      <c r="A106" s="8">
        <v>83</v>
      </c>
      <c r="B106" s="21">
        <v>7</v>
      </c>
      <c r="C106" s="6">
        <v>12</v>
      </c>
      <c r="D106" s="5">
        <v>19</v>
      </c>
    </row>
    <row r="107" spans="1:4" ht="18" customHeight="1" x14ac:dyDescent="0.15">
      <c r="A107" s="8">
        <v>84</v>
      </c>
      <c r="B107" s="21">
        <v>6</v>
      </c>
      <c r="C107" s="6">
        <v>7</v>
      </c>
      <c r="D107" s="5">
        <v>13</v>
      </c>
    </row>
    <row r="108" spans="1:4" ht="18" customHeight="1" x14ac:dyDescent="0.15">
      <c r="A108" s="8" t="s">
        <v>7</v>
      </c>
      <c r="B108" s="21">
        <v>27</v>
      </c>
      <c r="C108" s="6">
        <v>43</v>
      </c>
      <c r="D108" s="5">
        <v>70</v>
      </c>
    </row>
    <row r="109" spans="1:4" ht="18" customHeight="1" x14ac:dyDescent="0.15">
      <c r="A109" s="8">
        <v>85</v>
      </c>
      <c r="B109" s="21">
        <v>6</v>
      </c>
      <c r="C109" s="6">
        <v>8</v>
      </c>
      <c r="D109" s="5">
        <v>14</v>
      </c>
    </row>
    <row r="110" spans="1:4" ht="18" customHeight="1" x14ac:dyDescent="0.15">
      <c r="A110" s="8">
        <v>86</v>
      </c>
      <c r="B110" s="21">
        <v>3</v>
      </c>
      <c r="C110" s="6">
        <v>4</v>
      </c>
      <c r="D110" s="5">
        <v>7</v>
      </c>
    </row>
    <row r="111" spans="1:4" ht="18" customHeight="1" x14ac:dyDescent="0.15">
      <c r="A111" s="8">
        <v>87</v>
      </c>
      <c r="B111" s="21">
        <v>3</v>
      </c>
      <c r="C111" s="6">
        <v>7</v>
      </c>
      <c r="D111" s="5">
        <v>10</v>
      </c>
    </row>
    <row r="112" spans="1:4" ht="18" customHeight="1" x14ac:dyDescent="0.15">
      <c r="A112" s="8">
        <v>88</v>
      </c>
      <c r="B112" s="21">
        <v>4</v>
      </c>
      <c r="C112" s="6">
        <v>8</v>
      </c>
      <c r="D112" s="5">
        <v>12</v>
      </c>
    </row>
    <row r="113" spans="1:4" ht="18" customHeight="1" x14ac:dyDescent="0.15">
      <c r="A113" s="8">
        <v>89</v>
      </c>
      <c r="B113" s="21">
        <v>3</v>
      </c>
      <c r="C113" s="6">
        <v>6</v>
      </c>
      <c r="D113" s="5">
        <v>9</v>
      </c>
    </row>
    <row r="114" spans="1:4" ht="18" customHeight="1" x14ac:dyDescent="0.15">
      <c r="A114" s="8" t="s">
        <v>6</v>
      </c>
      <c r="B114" s="21">
        <v>19</v>
      </c>
      <c r="C114" s="6">
        <v>33</v>
      </c>
      <c r="D114" s="5">
        <v>52</v>
      </c>
    </row>
    <row r="115" spans="1:4" ht="18" customHeight="1" x14ac:dyDescent="0.15">
      <c r="A115" s="8">
        <v>90</v>
      </c>
      <c r="B115" s="21">
        <v>4</v>
      </c>
      <c r="C115" s="6">
        <v>6</v>
      </c>
      <c r="D115" s="5">
        <v>10</v>
      </c>
    </row>
    <row r="116" spans="1:4" ht="18" customHeight="1" x14ac:dyDescent="0.15">
      <c r="A116" s="8">
        <v>91</v>
      </c>
      <c r="B116" s="21">
        <v>7</v>
      </c>
      <c r="C116" s="6">
        <v>8</v>
      </c>
      <c r="D116" s="5">
        <v>15</v>
      </c>
    </row>
    <row r="117" spans="1:4" ht="18" customHeight="1" x14ac:dyDescent="0.15">
      <c r="A117" s="8">
        <v>92</v>
      </c>
      <c r="B117" s="21">
        <v>3</v>
      </c>
      <c r="C117" s="6">
        <v>7</v>
      </c>
      <c r="D117" s="5">
        <v>10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17</v>
      </c>
      <c r="C120" s="6">
        <v>32</v>
      </c>
      <c r="D120" s="5">
        <v>49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2</v>
      </c>
      <c r="C122" s="6">
        <v>2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8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65</v>
      </c>
      <c r="C130" s="6">
        <v>243</v>
      </c>
      <c r="D130" s="5">
        <v>408</v>
      </c>
    </row>
    <row r="131" spans="1:4" ht="18" customHeight="1" x14ac:dyDescent="0.15">
      <c r="A131" s="4" t="s">
        <v>0</v>
      </c>
      <c r="B131" s="20">
        <v>326</v>
      </c>
      <c r="C131" s="2">
        <v>401</v>
      </c>
      <c r="D131" s="1">
        <v>72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FC361E-557D-442A-AB8C-D2FB4D668322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4</v>
      </c>
      <c r="C5" s="31">
        <v>5</v>
      </c>
      <c r="D5" s="30">
        <v>9</v>
      </c>
    </row>
    <row r="6" spans="1:4" ht="18" customHeight="1" x14ac:dyDescent="0.15">
      <c r="A6" s="8">
        <v>1</v>
      </c>
      <c r="B6" s="26">
        <v>10</v>
      </c>
      <c r="C6" s="6">
        <v>3</v>
      </c>
      <c r="D6" s="5">
        <v>13</v>
      </c>
    </row>
    <row r="7" spans="1:4" ht="18" customHeight="1" x14ac:dyDescent="0.15">
      <c r="A7" s="8">
        <v>2</v>
      </c>
      <c r="B7" s="26">
        <v>5</v>
      </c>
      <c r="C7" s="6">
        <v>7</v>
      </c>
      <c r="D7" s="5">
        <v>12</v>
      </c>
    </row>
    <row r="8" spans="1:4" ht="18" customHeight="1" x14ac:dyDescent="0.15">
      <c r="A8" s="8">
        <v>3</v>
      </c>
      <c r="B8" s="26">
        <v>7</v>
      </c>
      <c r="C8" s="6">
        <v>11</v>
      </c>
      <c r="D8" s="5">
        <v>18</v>
      </c>
    </row>
    <row r="9" spans="1:4" ht="18" customHeight="1" x14ac:dyDescent="0.15">
      <c r="A9" s="8">
        <v>4</v>
      </c>
      <c r="B9" s="29">
        <v>9</v>
      </c>
      <c r="C9" s="28">
        <v>9</v>
      </c>
      <c r="D9" s="27">
        <v>18</v>
      </c>
    </row>
    <row r="10" spans="1:4" ht="18" customHeight="1" x14ac:dyDescent="0.15">
      <c r="A10" s="8" t="s">
        <v>25</v>
      </c>
      <c r="B10" s="21">
        <v>35</v>
      </c>
      <c r="C10" s="6">
        <v>35</v>
      </c>
      <c r="D10" s="5">
        <v>70</v>
      </c>
    </row>
    <row r="11" spans="1:4" ht="18" customHeight="1" x14ac:dyDescent="0.15">
      <c r="A11" s="8">
        <v>5</v>
      </c>
      <c r="B11" s="26">
        <v>9</v>
      </c>
      <c r="C11" s="6">
        <v>10</v>
      </c>
      <c r="D11" s="5">
        <v>19</v>
      </c>
    </row>
    <row r="12" spans="1:4" ht="18" customHeight="1" x14ac:dyDescent="0.15">
      <c r="A12" s="8">
        <v>6</v>
      </c>
      <c r="B12" s="26">
        <v>12</v>
      </c>
      <c r="C12" s="6">
        <v>12</v>
      </c>
      <c r="D12" s="5">
        <v>24</v>
      </c>
    </row>
    <row r="13" spans="1:4" ht="18" customHeight="1" x14ac:dyDescent="0.15">
      <c r="A13" s="8">
        <v>7</v>
      </c>
      <c r="B13" s="26">
        <v>14</v>
      </c>
      <c r="C13" s="6">
        <v>14</v>
      </c>
      <c r="D13" s="5">
        <v>28</v>
      </c>
    </row>
    <row r="14" spans="1:4" ht="18" customHeight="1" x14ac:dyDescent="0.15">
      <c r="A14" s="8">
        <v>8</v>
      </c>
      <c r="B14" s="26">
        <v>20</v>
      </c>
      <c r="C14" s="6">
        <v>18</v>
      </c>
      <c r="D14" s="5">
        <v>38</v>
      </c>
    </row>
    <row r="15" spans="1:4" ht="18" customHeight="1" x14ac:dyDescent="0.15">
      <c r="A15" s="8">
        <v>9</v>
      </c>
      <c r="B15" s="26">
        <v>21</v>
      </c>
      <c r="C15" s="6">
        <v>9</v>
      </c>
      <c r="D15" s="5">
        <v>30</v>
      </c>
    </row>
    <row r="16" spans="1:4" ht="18" customHeight="1" x14ac:dyDescent="0.15">
      <c r="A16" s="8" t="s">
        <v>24</v>
      </c>
      <c r="B16" s="21">
        <v>76</v>
      </c>
      <c r="C16" s="6">
        <v>63</v>
      </c>
      <c r="D16" s="5">
        <v>139</v>
      </c>
    </row>
    <row r="17" spans="1:4" ht="18" customHeight="1" x14ac:dyDescent="0.15">
      <c r="A17" s="8">
        <v>10</v>
      </c>
      <c r="B17" s="21">
        <v>14</v>
      </c>
      <c r="C17" s="6">
        <v>21</v>
      </c>
      <c r="D17" s="5">
        <v>35</v>
      </c>
    </row>
    <row r="18" spans="1:4" ht="18" customHeight="1" x14ac:dyDescent="0.15">
      <c r="A18" s="8">
        <v>11</v>
      </c>
      <c r="B18" s="21">
        <v>19</v>
      </c>
      <c r="C18" s="6">
        <v>11</v>
      </c>
      <c r="D18" s="5">
        <v>30</v>
      </c>
    </row>
    <row r="19" spans="1:4" ht="18" customHeight="1" x14ac:dyDescent="0.15">
      <c r="A19" s="8">
        <v>12</v>
      </c>
      <c r="B19" s="21">
        <v>16</v>
      </c>
      <c r="C19" s="6">
        <v>23</v>
      </c>
      <c r="D19" s="5">
        <v>39</v>
      </c>
    </row>
    <row r="20" spans="1:4" ht="18" customHeight="1" x14ac:dyDescent="0.15">
      <c r="A20" s="8">
        <v>13</v>
      </c>
      <c r="B20" s="21">
        <v>26</v>
      </c>
      <c r="C20" s="6">
        <v>15</v>
      </c>
      <c r="D20" s="5">
        <v>41</v>
      </c>
    </row>
    <row r="21" spans="1:4" ht="18" customHeight="1" x14ac:dyDescent="0.15">
      <c r="A21" s="8">
        <v>14</v>
      </c>
      <c r="B21" s="21">
        <v>23</v>
      </c>
      <c r="C21" s="6">
        <v>13</v>
      </c>
      <c r="D21" s="5">
        <v>36</v>
      </c>
    </row>
    <row r="22" spans="1:4" ht="18" customHeight="1" x14ac:dyDescent="0.15">
      <c r="A22" s="8" t="s">
        <v>23</v>
      </c>
      <c r="B22" s="21">
        <v>98</v>
      </c>
      <c r="C22" s="6">
        <v>83</v>
      </c>
      <c r="D22" s="5">
        <v>181</v>
      </c>
    </row>
    <row r="23" spans="1:4" ht="18" customHeight="1" x14ac:dyDescent="0.15">
      <c r="A23" s="8" t="s">
        <v>22</v>
      </c>
      <c r="B23" s="21">
        <v>209</v>
      </c>
      <c r="C23" s="6">
        <v>181</v>
      </c>
      <c r="D23" s="5">
        <v>390</v>
      </c>
    </row>
    <row r="24" spans="1:4" ht="18" customHeight="1" x14ac:dyDescent="0.15">
      <c r="A24" s="8">
        <v>15</v>
      </c>
      <c r="B24" s="21">
        <v>20</v>
      </c>
      <c r="C24" s="6">
        <v>16</v>
      </c>
      <c r="D24" s="5">
        <v>36</v>
      </c>
    </row>
    <row r="25" spans="1:4" ht="18" customHeight="1" x14ac:dyDescent="0.15">
      <c r="A25" s="8">
        <v>16</v>
      </c>
      <c r="B25" s="21">
        <v>26</v>
      </c>
      <c r="C25" s="6">
        <v>24</v>
      </c>
      <c r="D25" s="5">
        <v>50</v>
      </c>
    </row>
    <row r="26" spans="1:4" ht="18" customHeight="1" x14ac:dyDescent="0.15">
      <c r="A26" s="8">
        <v>17</v>
      </c>
      <c r="B26" s="21">
        <v>25</v>
      </c>
      <c r="C26" s="6">
        <v>25</v>
      </c>
      <c r="D26" s="5">
        <v>50</v>
      </c>
    </row>
    <row r="27" spans="1:4" ht="18" customHeight="1" x14ac:dyDescent="0.15">
      <c r="A27" s="8">
        <v>18</v>
      </c>
      <c r="B27" s="21">
        <v>26</v>
      </c>
      <c r="C27" s="6">
        <v>30</v>
      </c>
      <c r="D27" s="5">
        <v>56</v>
      </c>
    </row>
    <row r="28" spans="1:4" ht="18" customHeight="1" x14ac:dyDescent="0.15">
      <c r="A28" s="8">
        <v>19</v>
      </c>
      <c r="B28" s="21">
        <v>23</v>
      </c>
      <c r="C28" s="6">
        <v>20</v>
      </c>
      <c r="D28" s="5">
        <v>43</v>
      </c>
    </row>
    <row r="29" spans="1:4" ht="18" customHeight="1" x14ac:dyDescent="0.15">
      <c r="A29" s="8" t="s">
        <v>21</v>
      </c>
      <c r="B29" s="21">
        <v>120</v>
      </c>
      <c r="C29" s="6">
        <v>115</v>
      </c>
      <c r="D29" s="5">
        <v>235</v>
      </c>
    </row>
    <row r="30" spans="1:4" ht="18" customHeight="1" x14ac:dyDescent="0.15">
      <c r="A30" s="8">
        <v>20</v>
      </c>
      <c r="B30" s="21">
        <v>30</v>
      </c>
      <c r="C30" s="6">
        <v>22</v>
      </c>
      <c r="D30" s="5">
        <v>52</v>
      </c>
    </row>
    <row r="31" spans="1:4" ht="18" customHeight="1" x14ac:dyDescent="0.15">
      <c r="A31" s="8">
        <v>21</v>
      </c>
      <c r="B31" s="21">
        <v>34</v>
      </c>
      <c r="C31" s="6">
        <v>31</v>
      </c>
      <c r="D31" s="5">
        <v>65</v>
      </c>
    </row>
    <row r="32" spans="1:4" ht="18" customHeight="1" x14ac:dyDescent="0.15">
      <c r="A32" s="8">
        <v>22</v>
      </c>
      <c r="B32" s="21">
        <v>35</v>
      </c>
      <c r="C32" s="6">
        <v>25</v>
      </c>
      <c r="D32" s="5">
        <v>60</v>
      </c>
    </row>
    <row r="33" spans="1:4" ht="18" customHeight="1" x14ac:dyDescent="0.15">
      <c r="A33" s="8">
        <v>23</v>
      </c>
      <c r="B33" s="21">
        <v>25</v>
      </c>
      <c r="C33" s="6">
        <v>33</v>
      </c>
      <c r="D33" s="5">
        <v>58</v>
      </c>
    </row>
    <row r="34" spans="1:4" ht="18" customHeight="1" x14ac:dyDescent="0.15">
      <c r="A34" s="8">
        <v>24</v>
      </c>
      <c r="B34" s="21">
        <v>20</v>
      </c>
      <c r="C34" s="6">
        <v>27</v>
      </c>
      <c r="D34" s="5">
        <v>47</v>
      </c>
    </row>
    <row r="35" spans="1:4" ht="18" customHeight="1" x14ac:dyDescent="0.15">
      <c r="A35" s="8" t="s">
        <v>20</v>
      </c>
      <c r="B35" s="21">
        <v>144</v>
      </c>
      <c r="C35" s="6">
        <v>138</v>
      </c>
      <c r="D35" s="5">
        <v>282</v>
      </c>
    </row>
    <row r="36" spans="1:4" ht="18" customHeight="1" x14ac:dyDescent="0.15">
      <c r="A36" s="8">
        <v>25</v>
      </c>
      <c r="B36" s="21">
        <v>27</v>
      </c>
      <c r="C36" s="6">
        <v>17</v>
      </c>
      <c r="D36" s="5">
        <v>44</v>
      </c>
    </row>
    <row r="37" spans="1:4" ht="18" customHeight="1" x14ac:dyDescent="0.15">
      <c r="A37" s="8">
        <v>26</v>
      </c>
      <c r="B37" s="21">
        <v>21</v>
      </c>
      <c r="C37" s="6">
        <v>13</v>
      </c>
      <c r="D37" s="5">
        <v>34</v>
      </c>
    </row>
    <row r="38" spans="1:4" ht="18" customHeight="1" x14ac:dyDescent="0.15">
      <c r="A38" s="8">
        <v>27</v>
      </c>
      <c r="B38" s="21">
        <v>21</v>
      </c>
      <c r="C38" s="6">
        <v>23</v>
      </c>
      <c r="D38" s="5">
        <v>44</v>
      </c>
    </row>
    <row r="39" spans="1:4" ht="18" customHeight="1" x14ac:dyDescent="0.15">
      <c r="A39" s="8">
        <v>28</v>
      </c>
      <c r="B39" s="21">
        <v>26</v>
      </c>
      <c r="C39" s="6">
        <v>16</v>
      </c>
      <c r="D39" s="5">
        <v>42</v>
      </c>
    </row>
    <row r="40" spans="1:4" ht="18" customHeight="1" x14ac:dyDescent="0.15">
      <c r="A40" s="8">
        <v>29</v>
      </c>
      <c r="B40" s="21">
        <v>20</v>
      </c>
      <c r="C40" s="6">
        <v>13</v>
      </c>
      <c r="D40" s="5">
        <v>33</v>
      </c>
    </row>
    <row r="41" spans="1:4" ht="18" customHeight="1" x14ac:dyDescent="0.15">
      <c r="A41" s="8" t="s">
        <v>19</v>
      </c>
      <c r="B41" s="21">
        <v>115</v>
      </c>
      <c r="C41" s="6">
        <v>82</v>
      </c>
      <c r="D41" s="5">
        <v>197</v>
      </c>
    </row>
    <row r="42" spans="1:4" ht="18" customHeight="1" x14ac:dyDescent="0.15">
      <c r="A42" s="8">
        <v>30</v>
      </c>
      <c r="B42" s="21">
        <v>17</v>
      </c>
      <c r="C42" s="6">
        <v>19</v>
      </c>
      <c r="D42" s="5">
        <v>36</v>
      </c>
    </row>
    <row r="43" spans="1:4" ht="18" customHeight="1" x14ac:dyDescent="0.15">
      <c r="A43" s="8">
        <v>31</v>
      </c>
      <c r="B43" s="21">
        <v>18</v>
      </c>
      <c r="C43" s="6">
        <v>18</v>
      </c>
      <c r="D43" s="5">
        <v>36</v>
      </c>
    </row>
    <row r="44" spans="1:4" ht="18" customHeight="1" x14ac:dyDescent="0.15">
      <c r="A44" s="8">
        <v>32</v>
      </c>
      <c r="B44" s="21">
        <v>15</v>
      </c>
      <c r="C44" s="6">
        <v>15</v>
      </c>
      <c r="D44" s="5">
        <v>30</v>
      </c>
    </row>
    <row r="45" spans="1:4" ht="18" customHeight="1" x14ac:dyDescent="0.15">
      <c r="A45" s="8">
        <v>33</v>
      </c>
      <c r="B45" s="21">
        <v>11</v>
      </c>
      <c r="C45" s="6">
        <v>16</v>
      </c>
      <c r="D45" s="5">
        <v>27</v>
      </c>
    </row>
    <row r="46" spans="1:4" ht="18" customHeight="1" x14ac:dyDescent="0.15">
      <c r="A46" s="8">
        <v>34</v>
      </c>
      <c r="B46" s="21">
        <v>11</v>
      </c>
      <c r="C46" s="6">
        <v>6</v>
      </c>
      <c r="D46" s="5">
        <v>17</v>
      </c>
    </row>
    <row r="47" spans="1:4" ht="18" customHeight="1" x14ac:dyDescent="0.15">
      <c r="A47" s="8" t="s">
        <v>18</v>
      </c>
      <c r="B47" s="21">
        <v>72</v>
      </c>
      <c r="C47" s="6">
        <v>74</v>
      </c>
      <c r="D47" s="5">
        <v>146</v>
      </c>
    </row>
    <row r="48" spans="1:4" ht="18" customHeight="1" x14ac:dyDescent="0.15">
      <c r="A48" s="8">
        <v>35</v>
      </c>
      <c r="B48" s="21">
        <v>9</v>
      </c>
      <c r="C48" s="6">
        <v>16</v>
      </c>
      <c r="D48" s="5">
        <v>25</v>
      </c>
    </row>
    <row r="49" spans="1:4" ht="18" customHeight="1" x14ac:dyDescent="0.15">
      <c r="A49" s="8">
        <v>36</v>
      </c>
      <c r="B49" s="21">
        <v>21</v>
      </c>
      <c r="C49" s="6">
        <v>15</v>
      </c>
      <c r="D49" s="5">
        <v>36</v>
      </c>
    </row>
    <row r="50" spans="1:4" ht="18" customHeight="1" x14ac:dyDescent="0.15">
      <c r="A50" s="8">
        <v>37</v>
      </c>
      <c r="B50" s="21">
        <v>21</v>
      </c>
      <c r="C50" s="6">
        <v>19</v>
      </c>
      <c r="D50" s="5">
        <v>40</v>
      </c>
    </row>
    <row r="51" spans="1:4" ht="18" customHeight="1" x14ac:dyDescent="0.15">
      <c r="A51" s="8">
        <v>38</v>
      </c>
      <c r="B51" s="21">
        <v>17</v>
      </c>
      <c r="C51" s="6">
        <v>16</v>
      </c>
      <c r="D51" s="5">
        <v>33</v>
      </c>
    </row>
    <row r="52" spans="1:4" ht="18" customHeight="1" x14ac:dyDescent="0.15">
      <c r="A52" s="8">
        <v>39</v>
      </c>
      <c r="B52" s="21">
        <v>17</v>
      </c>
      <c r="C52" s="6">
        <v>10</v>
      </c>
      <c r="D52" s="5">
        <v>27</v>
      </c>
    </row>
    <row r="53" spans="1:4" ht="18" customHeight="1" x14ac:dyDescent="0.15">
      <c r="A53" s="8" t="s">
        <v>17</v>
      </c>
      <c r="B53" s="21">
        <v>85</v>
      </c>
      <c r="C53" s="6">
        <v>76</v>
      </c>
      <c r="D53" s="5">
        <v>161</v>
      </c>
    </row>
    <row r="54" spans="1:4" ht="18" customHeight="1" x14ac:dyDescent="0.15">
      <c r="A54" s="8">
        <v>40</v>
      </c>
      <c r="B54" s="21">
        <v>19</v>
      </c>
      <c r="C54" s="6">
        <v>16</v>
      </c>
      <c r="D54" s="5">
        <v>35</v>
      </c>
    </row>
    <row r="55" spans="1:4" ht="18" customHeight="1" x14ac:dyDescent="0.15">
      <c r="A55" s="8">
        <v>41</v>
      </c>
      <c r="B55" s="21">
        <v>19</v>
      </c>
      <c r="C55" s="6">
        <v>19</v>
      </c>
      <c r="D55" s="5">
        <v>38</v>
      </c>
    </row>
    <row r="56" spans="1:4" ht="18" customHeight="1" x14ac:dyDescent="0.15">
      <c r="A56" s="8">
        <v>42</v>
      </c>
      <c r="B56" s="21">
        <v>24</v>
      </c>
      <c r="C56" s="6">
        <v>29</v>
      </c>
      <c r="D56" s="5">
        <v>53</v>
      </c>
    </row>
    <row r="57" spans="1:4" ht="18" customHeight="1" x14ac:dyDescent="0.15">
      <c r="A57" s="8">
        <v>43</v>
      </c>
      <c r="B57" s="21">
        <v>17</v>
      </c>
      <c r="C57" s="6">
        <v>26</v>
      </c>
      <c r="D57" s="5">
        <v>43</v>
      </c>
    </row>
    <row r="58" spans="1:4" ht="18" customHeight="1" x14ac:dyDescent="0.15">
      <c r="A58" s="8">
        <v>44</v>
      </c>
      <c r="B58" s="21">
        <v>23</v>
      </c>
      <c r="C58" s="6">
        <v>33</v>
      </c>
      <c r="D58" s="5">
        <v>56</v>
      </c>
    </row>
    <row r="59" spans="1:4" ht="18" customHeight="1" x14ac:dyDescent="0.15">
      <c r="A59" s="8" t="s">
        <v>16</v>
      </c>
      <c r="B59" s="21">
        <v>102</v>
      </c>
      <c r="C59" s="6">
        <v>123</v>
      </c>
      <c r="D59" s="5">
        <v>225</v>
      </c>
    </row>
    <row r="60" spans="1:4" ht="18" customHeight="1" x14ac:dyDescent="0.15">
      <c r="A60" s="8">
        <v>45</v>
      </c>
      <c r="B60" s="21">
        <v>22</v>
      </c>
      <c r="C60" s="6">
        <v>25</v>
      </c>
      <c r="D60" s="5">
        <v>47</v>
      </c>
    </row>
    <row r="61" spans="1:4" ht="18" customHeight="1" x14ac:dyDescent="0.15">
      <c r="A61" s="8">
        <v>46</v>
      </c>
      <c r="B61" s="21">
        <v>39</v>
      </c>
      <c r="C61" s="6">
        <v>25</v>
      </c>
      <c r="D61" s="5">
        <v>64</v>
      </c>
    </row>
    <row r="62" spans="1:4" ht="18" customHeight="1" x14ac:dyDescent="0.15">
      <c r="A62" s="8">
        <v>47</v>
      </c>
      <c r="B62" s="21">
        <v>33</v>
      </c>
      <c r="C62" s="6">
        <v>34</v>
      </c>
      <c r="D62" s="5">
        <v>67</v>
      </c>
    </row>
    <row r="63" spans="1:4" ht="18" customHeight="1" x14ac:dyDescent="0.15">
      <c r="A63" s="8">
        <v>48</v>
      </c>
      <c r="B63" s="21">
        <v>36</v>
      </c>
      <c r="C63" s="6">
        <v>36</v>
      </c>
      <c r="D63" s="5">
        <v>72</v>
      </c>
    </row>
    <row r="64" spans="1:4" ht="18" customHeight="1" x14ac:dyDescent="0.15">
      <c r="A64" s="8">
        <v>49</v>
      </c>
      <c r="B64" s="21">
        <v>46</v>
      </c>
      <c r="C64" s="6">
        <v>34</v>
      </c>
      <c r="D64" s="5">
        <v>80</v>
      </c>
    </row>
    <row r="65" spans="1:4" ht="18" customHeight="1" x14ac:dyDescent="0.15">
      <c r="A65" s="8" t="s">
        <v>15</v>
      </c>
      <c r="B65" s="21">
        <v>176</v>
      </c>
      <c r="C65" s="6">
        <v>154</v>
      </c>
      <c r="D65" s="5">
        <v>330</v>
      </c>
    </row>
    <row r="66" spans="1:4" ht="18" customHeight="1" x14ac:dyDescent="0.15">
      <c r="A66" s="8">
        <v>50</v>
      </c>
      <c r="B66" s="21">
        <v>42</v>
      </c>
      <c r="C66" s="6">
        <v>42</v>
      </c>
      <c r="D66" s="5">
        <v>84</v>
      </c>
    </row>
    <row r="67" spans="1:4" ht="18" customHeight="1" x14ac:dyDescent="0.15">
      <c r="A67" s="8">
        <v>51</v>
      </c>
      <c r="B67" s="21">
        <v>48</v>
      </c>
      <c r="C67" s="6">
        <v>47</v>
      </c>
      <c r="D67" s="5">
        <v>95</v>
      </c>
    </row>
    <row r="68" spans="1:4" ht="18" customHeight="1" x14ac:dyDescent="0.15">
      <c r="A68" s="8">
        <v>52</v>
      </c>
      <c r="B68" s="21">
        <v>49</v>
      </c>
      <c r="C68" s="6">
        <v>55</v>
      </c>
      <c r="D68" s="5">
        <v>104</v>
      </c>
    </row>
    <row r="69" spans="1:4" ht="18" customHeight="1" x14ac:dyDescent="0.15">
      <c r="A69" s="8">
        <v>53</v>
      </c>
      <c r="B69" s="21">
        <v>52</v>
      </c>
      <c r="C69" s="6">
        <v>58</v>
      </c>
      <c r="D69" s="5">
        <v>110</v>
      </c>
    </row>
    <row r="70" spans="1:4" ht="18" customHeight="1" x14ac:dyDescent="0.15">
      <c r="A70" s="8">
        <v>54</v>
      </c>
      <c r="B70" s="21">
        <v>50</v>
      </c>
      <c r="C70" s="6">
        <v>54</v>
      </c>
      <c r="D70" s="5">
        <v>104</v>
      </c>
    </row>
    <row r="71" spans="1:4" ht="18" customHeight="1" x14ac:dyDescent="0.15">
      <c r="A71" s="8" t="s">
        <v>14</v>
      </c>
      <c r="B71" s="21">
        <v>241</v>
      </c>
      <c r="C71" s="6">
        <v>256</v>
      </c>
      <c r="D71" s="5">
        <v>497</v>
      </c>
    </row>
    <row r="72" spans="1:4" ht="18" customHeight="1" x14ac:dyDescent="0.15">
      <c r="A72" s="8">
        <v>55</v>
      </c>
      <c r="B72" s="21">
        <v>44</v>
      </c>
      <c r="C72" s="6">
        <v>58</v>
      </c>
      <c r="D72" s="5">
        <v>102</v>
      </c>
    </row>
    <row r="73" spans="1:4" ht="18" customHeight="1" x14ac:dyDescent="0.15">
      <c r="A73" s="8">
        <v>56</v>
      </c>
      <c r="B73" s="21">
        <v>45</v>
      </c>
      <c r="C73" s="6">
        <v>36</v>
      </c>
      <c r="D73" s="5">
        <v>81</v>
      </c>
    </row>
    <row r="74" spans="1:4" ht="18" customHeight="1" x14ac:dyDescent="0.15">
      <c r="A74" s="8">
        <v>57</v>
      </c>
      <c r="B74" s="21">
        <v>48</v>
      </c>
      <c r="C74" s="6">
        <v>42</v>
      </c>
      <c r="D74" s="5">
        <v>90</v>
      </c>
    </row>
    <row r="75" spans="1:4" ht="18" customHeight="1" x14ac:dyDescent="0.15">
      <c r="A75" s="8">
        <v>58</v>
      </c>
      <c r="B75" s="21">
        <v>45</v>
      </c>
      <c r="C75" s="6">
        <v>40</v>
      </c>
      <c r="D75" s="5">
        <v>85</v>
      </c>
    </row>
    <row r="76" spans="1:4" ht="18" customHeight="1" x14ac:dyDescent="0.15">
      <c r="A76" s="8">
        <v>59</v>
      </c>
      <c r="B76" s="21">
        <v>34</v>
      </c>
      <c r="C76" s="6">
        <v>24</v>
      </c>
      <c r="D76" s="5">
        <v>58</v>
      </c>
    </row>
    <row r="77" spans="1:4" ht="18" customHeight="1" x14ac:dyDescent="0.15">
      <c r="A77" s="8" t="s">
        <v>13</v>
      </c>
      <c r="B77" s="21">
        <v>216</v>
      </c>
      <c r="C77" s="6">
        <v>200</v>
      </c>
      <c r="D77" s="5">
        <v>416</v>
      </c>
    </row>
    <row r="78" spans="1:4" ht="18" customHeight="1" x14ac:dyDescent="0.15">
      <c r="A78" s="8">
        <v>60</v>
      </c>
      <c r="B78" s="21">
        <v>30</v>
      </c>
      <c r="C78" s="6">
        <v>29</v>
      </c>
      <c r="D78" s="5">
        <v>59</v>
      </c>
    </row>
    <row r="79" spans="1:4" ht="18" customHeight="1" x14ac:dyDescent="0.15">
      <c r="A79" s="8">
        <v>61</v>
      </c>
      <c r="B79" s="21">
        <v>29</v>
      </c>
      <c r="C79" s="6">
        <v>28</v>
      </c>
      <c r="D79" s="5">
        <v>57</v>
      </c>
    </row>
    <row r="80" spans="1:4" ht="18" customHeight="1" x14ac:dyDescent="0.15">
      <c r="A80" s="8">
        <v>62</v>
      </c>
      <c r="B80" s="21">
        <v>43</v>
      </c>
      <c r="C80" s="6">
        <v>29</v>
      </c>
      <c r="D80" s="5">
        <v>72</v>
      </c>
    </row>
    <row r="81" spans="1:4" ht="18" customHeight="1" x14ac:dyDescent="0.15">
      <c r="A81" s="8">
        <v>63</v>
      </c>
      <c r="B81" s="21">
        <v>36</v>
      </c>
      <c r="C81" s="6">
        <v>38</v>
      </c>
      <c r="D81" s="5">
        <v>74</v>
      </c>
    </row>
    <row r="82" spans="1:4" ht="18" customHeight="1" x14ac:dyDescent="0.15">
      <c r="A82" s="8">
        <v>64</v>
      </c>
      <c r="B82" s="21">
        <v>26</v>
      </c>
      <c r="C82" s="6">
        <v>30</v>
      </c>
      <c r="D82" s="5">
        <v>56</v>
      </c>
    </row>
    <row r="83" spans="1:4" ht="18" customHeight="1" x14ac:dyDescent="0.15">
      <c r="A83" s="8" t="s">
        <v>12</v>
      </c>
      <c r="B83" s="21">
        <v>164</v>
      </c>
      <c r="C83" s="6">
        <v>154</v>
      </c>
      <c r="D83" s="5">
        <v>318</v>
      </c>
    </row>
    <row r="84" spans="1:4" ht="18" customHeight="1" x14ac:dyDescent="0.15">
      <c r="A84" s="8" t="s">
        <v>11</v>
      </c>
      <c r="B84" s="21">
        <v>1435</v>
      </c>
      <c r="C84" s="6">
        <v>1372</v>
      </c>
      <c r="D84" s="5">
        <v>2807</v>
      </c>
    </row>
    <row r="85" spans="1:4" ht="18" customHeight="1" x14ac:dyDescent="0.15">
      <c r="A85" s="8">
        <v>65</v>
      </c>
      <c r="B85" s="21">
        <v>25</v>
      </c>
      <c r="C85" s="6">
        <v>33</v>
      </c>
      <c r="D85" s="5">
        <v>58</v>
      </c>
    </row>
    <row r="86" spans="1:4" ht="18" customHeight="1" x14ac:dyDescent="0.15">
      <c r="A86" s="8">
        <v>66</v>
      </c>
      <c r="B86" s="21">
        <v>26</v>
      </c>
      <c r="C86" s="6">
        <v>29</v>
      </c>
      <c r="D86" s="5">
        <v>55</v>
      </c>
    </row>
    <row r="87" spans="1:4" ht="18" customHeight="1" x14ac:dyDescent="0.15">
      <c r="A87" s="8">
        <v>67</v>
      </c>
      <c r="B87" s="21">
        <v>35</v>
      </c>
      <c r="C87" s="6">
        <v>32</v>
      </c>
      <c r="D87" s="5">
        <v>67</v>
      </c>
    </row>
    <row r="88" spans="1:4" ht="18" customHeight="1" x14ac:dyDescent="0.15">
      <c r="A88" s="8">
        <v>68</v>
      </c>
      <c r="B88" s="21">
        <v>27</v>
      </c>
      <c r="C88" s="6">
        <v>27</v>
      </c>
      <c r="D88" s="5">
        <v>54</v>
      </c>
    </row>
    <row r="89" spans="1:4" ht="18" customHeight="1" x14ac:dyDescent="0.15">
      <c r="A89" s="8">
        <v>69</v>
      </c>
      <c r="B89" s="21">
        <v>29</v>
      </c>
      <c r="C89" s="6">
        <v>28</v>
      </c>
      <c r="D89" s="5">
        <v>57</v>
      </c>
    </row>
    <row r="90" spans="1:4" ht="18" customHeight="1" x14ac:dyDescent="0.15">
      <c r="A90" s="8" t="s">
        <v>10</v>
      </c>
      <c r="B90" s="21">
        <v>142</v>
      </c>
      <c r="C90" s="6">
        <v>149</v>
      </c>
      <c r="D90" s="5">
        <v>291</v>
      </c>
    </row>
    <row r="91" spans="1:4" ht="18" customHeight="1" x14ac:dyDescent="0.15">
      <c r="A91" s="8">
        <v>70</v>
      </c>
      <c r="B91" s="21">
        <v>32</v>
      </c>
      <c r="C91" s="6">
        <v>31</v>
      </c>
      <c r="D91" s="5">
        <v>63</v>
      </c>
    </row>
    <row r="92" spans="1:4" ht="18" customHeight="1" x14ac:dyDescent="0.15">
      <c r="A92" s="8">
        <v>71</v>
      </c>
      <c r="B92" s="21">
        <v>34</v>
      </c>
      <c r="C92" s="6">
        <v>32</v>
      </c>
      <c r="D92" s="5">
        <v>66</v>
      </c>
    </row>
    <row r="93" spans="1:4" ht="18" customHeight="1" x14ac:dyDescent="0.15">
      <c r="A93" s="8">
        <v>72</v>
      </c>
      <c r="B93" s="21">
        <v>34</v>
      </c>
      <c r="C93" s="6">
        <v>38</v>
      </c>
      <c r="D93" s="5">
        <v>72</v>
      </c>
    </row>
    <row r="94" spans="1:4" ht="18" customHeight="1" x14ac:dyDescent="0.15">
      <c r="A94" s="8">
        <v>73</v>
      </c>
      <c r="B94" s="21">
        <v>30</v>
      </c>
      <c r="C94" s="6">
        <v>25</v>
      </c>
      <c r="D94" s="5">
        <v>55</v>
      </c>
    </row>
    <row r="95" spans="1:4" ht="18" customHeight="1" x14ac:dyDescent="0.15">
      <c r="A95" s="8">
        <v>74</v>
      </c>
      <c r="B95" s="21">
        <v>32</v>
      </c>
      <c r="C95" s="6">
        <v>33</v>
      </c>
      <c r="D95" s="5">
        <v>65</v>
      </c>
    </row>
    <row r="96" spans="1:4" ht="18" customHeight="1" x14ac:dyDescent="0.15">
      <c r="A96" s="8" t="s">
        <v>9</v>
      </c>
      <c r="B96" s="21">
        <v>162</v>
      </c>
      <c r="C96" s="6">
        <v>159</v>
      </c>
      <c r="D96" s="5">
        <v>321</v>
      </c>
    </row>
    <row r="97" spans="1:4" ht="18" customHeight="1" x14ac:dyDescent="0.15">
      <c r="A97" s="8">
        <v>75</v>
      </c>
      <c r="B97" s="21">
        <v>31</v>
      </c>
      <c r="C97" s="6">
        <v>38</v>
      </c>
      <c r="D97" s="5">
        <v>69</v>
      </c>
    </row>
    <row r="98" spans="1:4" ht="18" customHeight="1" x14ac:dyDescent="0.15">
      <c r="A98" s="8">
        <v>76</v>
      </c>
      <c r="B98" s="21">
        <v>32</v>
      </c>
      <c r="C98" s="6">
        <v>37</v>
      </c>
      <c r="D98" s="5">
        <v>69</v>
      </c>
    </row>
    <row r="99" spans="1:4" ht="18" customHeight="1" x14ac:dyDescent="0.15">
      <c r="A99" s="8">
        <v>77</v>
      </c>
      <c r="B99" s="21">
        <v>40</v>
      </c>
      <c r="C99" s="6">
        <v>53</v>
      </c>
      <c r="D99" s="5">
        <v>93</v>
      </c>
    </row>
    <row r="100" spans="1:4" ht="18" customHeight="1" x14ac:dyDescent="0.15">
      <c r="A100" s="8">
        <v>78</v>
      </c>
      <c r="B100" s="21">
        <v>35</v>
      </c>
      <c r="C100" s="6">
        <v>53</v>
      </c>
      <c r="D100" s="5">
        <v>88</v>
      </c>
    </row>
    <row r="101" spans="1:4" ht="18" customHeight="1" x14ac:dyDescent="0.15">
      <c r="A101" s="8">
        <v>79</v>
      </c>
      <c r="B101" s="21">
        <v>26</v>
      </c>
      <c r="C101" s="6">
        <v>31</v>
      </c>
      <c r="D101" s="5">
        <v>57</v>
      </c>
    </row>
    <row r="102" spans="1:4" ht="18" customHeight="1" x14ac:dyDescent="0.15">
      <c r="A102" s="8" t="s">
        <v>8</v>
      </c>
      <c r="B102" s="21">
        <v>164</v>
      </c>
      <c r="C102" s="6">
        <v>212</v>
      </c>
      <c r="D102" s="5">
        <v>376</v>
      </c>
    </row>
    <row r="103" spans="1:4" ht="18" customHeight="1" x14ac:dyDescent="0.15">
      <c r="A103" s="8">
        <v>80</v>
      </c>
      <c r="B103" s="21">
        <v>17</v>
      </c>
      <c r="C103" s="6">
        <v>21</v>
      </c>
      <c r="D103" s="5">
        <v>38</v>
      </c>
    </row>
    <row r="104" spans="1:4" ht="18" customHeight="1" x14ac:dyDescent="0.15">
      <c r="A104" s="8">
        <v>81</v>
      </c>
      <c r="B104" s="21">
        <v>19</v>
      </c>
      <c r="C104" s="6">
        <v>38</v>
      </c>
      <c r="D104" s="5">
        <v>57</v>
      </c>
    </row>
    <row r="105" spans="1:4" ht="18" customHeight="1" x14ac:dyDescent="0.15">
      <c r="A105" s="8">
        <v>82</v>
      </c>
      <c r="B105" s="21">
        <v>20</v>
      </c>
      <c r="C105" s="6">
        <v>21</v>
      </c>
      <c r="D105" s="5">
        <v>41</v>
      </c>
    </row>
    <row r="106" spans="1:4" ht="18" customHeight="1" x14ac:dyDescent="0.15">
      <c r="A106" s="8">
        <v>83</v>
      </c>
      <c r="B106" s="21">
        <v>14</v>
      </c>
      <c r="C106" s="6">
        <v>20</v>
      </c>
      <c r="D106" s="5">
        <v>34</v>
      </c>
    </row>
    <row r="107" spans="1:4" ht="18" customHeight="1" x14ac:dyDescent="0.15">
      <c r="A107" s="8">
        <v>84</v>
      </c>
      <c r="B107" s="21">
        <v>15</v>
      </c>
      <c r="C107" s="6">
        <v>25</v>
      </c>
      <c r="D107" s="5">
        <v>40</v>
      </c>
    </row>
    <row r="108" spans="1:4" ht="18" customHeight="1" x14ac:dyDescent="0.15">
      <c r="A108" s="8" t="s">
        <v>7</v>
      </c>
      <c r="B108" s="21">
        <v>85</v>
      </c>
      <c r="C108" s="6">
        <v>125</v>
      </c>
      <c r="D108" s="5">
        <v>210</v>
      </c>
    </row>
    <row r="109" spans="1:4" ht="18" customHeight="1" x14ac:dyDescent="0.15">
      <c r="A109" s="8">
        <v>85</v>
      </c>
      <c r="B109" s="21">
        <v>13</v>
      </c>
      <c r="C109" s="6">
        <v>22</v>
      </c>
      <c r="D109" s="5">
        <v>35</v>
      </c>
    </row>
    <row r="110" spans="1:4" ht="18" customHeight="1" x14ac:dyDescent="0.15">
      <c r="A110" s="8">
        <v>86</v>
      </c>
      <c r="B110" s="21">
        <v>6</v>
      </c>
      <c r="C110" s="6">
        <v>18</v>
      </c>
      <c r="D110" s="5">
        <v>24</v>
      </c>
    </row>
    <row r="111" spans="1:4" ht="18" customHeight="1" x14ac:dyDescent="0.15">
      <c r="A111" s="8">
        <v>87</v>
      </c>
      <c r="B111" s="21">
        <v>11</v>
      </c>
      <c r="C111" s="6">
        <v>17</v>
      </c>
      <c r="D111" s="5">
        <v>28</v>
      </c>
    </row>
    <row r="112" spans="1:4" ht="18" customHeight="1" x14ac:dyDescent="0.15">
      <c r="A112" s="8">
        <v>88</v>
      </c>
      <c r="B112" s="21">
        <v>6</v>
      </c>
      <c r="C112" s="6">
        <v>11</v>
      </c>
      <c r="D112" s="5">
        <v>17</v>
      </c>
    </row>
    <row r="113" spans="1:4" ht="18" customHeight="1" x14ac:dyDescent="0.15">
      <c r="A113" s="8">
        <v>89</v>
      </c>
      <c r="B113" s="21">
        <v>6</v>
      </c>
      <c r="C113" s="6">
        <v>21</v>
      </c>
      <c r="D113" s="5">
        <v>27</v>
      </c>
    </row>
    <row r="114" spans="1:4" ht="18" customHeight="1" x14ac:dyDescent="0.15">
      <c r="A114" s="8" t="s">
        <v>6</v>
      </c>
      <c r="B114" s="21">
        <v>42</v>
      </c>
      <c r="C114" s="6">
        <v>89</v>
      </c>
      <c r="D114" s="5">
        <v>131</v>
      </c>
    </row>
    <row r="115" spans="1:4" ht="18" customHeight="1" x14ac:dyDescent="0.15">
      <c r="A115" s="8">
        <v>90</v>
      </c>
      <c r="B115" s="21">
        <v>6</v>
      </c>
      <c r="C115" s="6">
        <v>9</v>
      </c>
      <c r="D115" s="5">
        <v>15</v>
      </c>
    </row>
    <row r="116" spans="1:4" ht="18" customHeight="1" x14ac:dyDescent="0.15">
      <c r="A116" s="8">
        <v>91</v>
      </c>
      <c r="B116" s="21">
        <v>4</v>
      </c>
      <c r="C116" s="6">
        <v>7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17</v>
      </c>
      <c r="D117" s="5">
        <v>20</v>
      </c>
    </row>
    <row r="118" spans="1:4" ht="18" customHeight="1" x14ac:dyDescent="0.15">
      <c r="A118" s="8">
        <v>93</v>
      </c>
      <c r="B118" s="21">
        <v>1</v>
      </c>
      <c r="C118" s="6">
        <v>9</v>
      </c>
      <c r="D118" s="5">
        <v>10</v>
      </c>
    </row>
    <row r="119" spans="1:4" ht="18" customHeight="1" x14ac:dyDescent="0.15">
      <c r="A119" s="8">
        <v>94</v>
      </c>
      <c r="B119" s="21">
        <v>2</v>
      </c>
      <c r="C119" s="6">
        <v>5</v>
      </c>
      <c r="D119" s="5">
        <v>7</v>
      </c>
    </row>
    <row r="120" spans="1:4" ht="18" customHeight="1" x14ac:dyDescent="0.15">
      <c r="A120" s="8" t="s">
        <v>5</v>
      </c>
      <c r="B120" s="21">
        <v>16</v>
      </c>
      <c r="C120" s="6">
        <v>47</v>
      </c>
      <c r="D120" s="5">
        <v>63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5</v>
      </c>
      <c r="C126" s="6">
        <v>17</v>
      </c>
      <c r="D126" s="5">
        <v>22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616</v>
      </c>
      <c r="C130" s="6">
        <v>807</v>
      </c>
      <c r="D130" s="5">
        <v>1423</v>
      </c>
    </row>
    <row r="131" spans="1:4" ht="18" customHeight="1" x14ac:dyDescent="0.15">
      <c r="A131" s="4" t="s">
        <v>0</v>
      </c>
      <c r="B131" s="20">
        <v>2260</v>
      </c>
      <c r="C131" s="2">
        <v>2360</v>
      </c>
      <c r="D131" s="1">
        <v>46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2FDEA7-A2B6-41A5-908C-596981E1CA06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1</v>
      </c>
      <c r="D5" s="30">
        <v>3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1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2</v>
      </c>
      <c r="D9" s="27">
        <v>3</v>
      </c>
    </row>
    <row r="10" spans="1:4" ht="18" customHeight="1" x14ac:dyDescent="0.15">
      <c r="A10" s="8" t="s">
        <v>25</v>
      </c>
      <c r="B10" s="21">
        <v>4</v>
      </c>
      <c r="C10" s="6">
        <v>4</v>
      </c>
      <c r="D10" s="5">
        <v>8</v>
      </c>
    </row>
    <row r="11" spans="1:4" ht="18" customHeight="1" x14ac:dyDescent="0.15">
      <c r="A11" s="8">
        <v>5</v>
      </c>
      <c r="B11" s="26">
        <v>1</v>
      </c>
      <c r="C11" s="6">
        <v>1</v>
      </c>
      <c r="D11" s="5">
        <v>2</v>
      </c>
    </row>
    <row r="12" spans="1:4" ht="18" customHeight="1" x14ac:dyDescent="0.15">
      <c r="A12" s="8">
        <v>6</v>
      </c>
      <c r="B12" s="26">
        <v>1</v>
      </c>
      <c r="C12" s="6">
        <v>1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5</v>
      </c>
      <c r="C14" s="6">
        <v>3</v>
      </c>
      <c r="D14" s="5">
        <v>8</v>
      </c>
    </row>
    <row r="15" spans="1:4" ht="18" customHeight="1" x14ac:dyDescent="0.15">
      <c r="A15" s="8">
        <v>9</v>
      </c>
      <c r="B15" s="26">
        <v>3</v>
      </c>
      <c r="C15" s="6">
        <v>2</v>
      </c>
      <c r="D15" s="5">
        <v>5</v>
      </c>
    </row>
    <row r="16" spans="1:4" ht="18" customHeight="1" x14ac:dyDescent="0.15">
      <c r="A16" s="8" t="s">
        <v>24</v>
      </c>
      <c r="B16" s="21">
        <v>11</v>
      </c>
      <c r="C16" s="6">
        <v>8</v>
      </c>
      <c r="D16" s="5">
        <v>19</v>
      </c>
    </row>
    <row r="17" spans="1:4" ht="18" customHeight="1" x14ac:dyDescent="0.15">
      <c r="A17" s="8">
        <v>10</v>
      </c>
      <c r="B17" s="21">
        <v>4</v>
      </c>
      <c r="C17" s="6">
        <v>3</v>
      </c>
      <c r="D17" s="5">
        <v>7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2</v>
      </c>
      <c r="C19" s="6">
        <v>2</v>
      </c>
      <c r="D19" s="5">
        <v>4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1</v>
      </c>
      <c r="C21" s="6">
        <v>4</v>
      </c>
      <c r="D21" s="5">
        <v>5</v>
      </c>
    </row>
    <row r="22" spans="1:4" ht="18" customHeight="1" x14ac:dyDescent="0.15">
      <c r="A22" s="8" t="s">
        <v>23</v>
      </c>
      <c r="B22" s="21">
        <v>10</v>
      </c>
      <c r="C22" s="6">
        <v>12</v>
      </c>
      <c r="D22" s="5">
        <v>22</v>
      </c>
    </row>
    <row r="23" spans="1:4" ht="18" customHeight="1" x14ac:dyDescent="0.15">
      <c r="A23" s="8" t="s">
        <v>22</v>
      </c>
      <c r="B23" s="21">
        <v>25</v>
      </c>
      <c r="C23" s="6">
        <v>24</v>
      </c>
      <c r="D23" s="5">
        <v>49</v>
      </c>
    </row>
    <row r="24" spans="1:4" ht="18" customHeight="1" x14ac:dyDescent="0.15">
      <c r="A24" s="8">
        <v>15</v>
      </c>
      <c r="B24" s="21">
        <v>4</v>
      </c>
      <c r="C24" s="6">
        <v>2</v>
      </c>
      <c r="D24" s="5">
        <v>6</v>
      </c>
    </row>
    <row r="25" spans="1:4" ht="18" customHeight="1" x14ac:dyDescent="0.15">
      <c r="A25" s="8">
        <v>16</v>
      </c>
      <c r="B25" s="21">
        <v>4</v>
      </c>
      <c r="C25" s="6">
        <v>3</v>
      </c>
      <c r="D25" s="5">
        <v>7</v>
      </c>
    </row>
    <row r="26" spans="1:4" ht="18" customHeight="1" x14ac:dyDescent="0.15">
      <c r="A26" s="8">
        <v>17</v>
      </c>
      <c r="B26" s="21">
        <v>2</v>
      </c>
      <c r="C26" s="6">
        <v>2</v>
      </c>
      <c r="D26" s="5">
        <v>4</v>
      </c>
    </row>
    <row r="27" spans="1:4" ht="18" customHeight="1" x14ac:dyDescent="0.15">
      <c r="A27" s="8">
        <v>18</v>
      </c>
      <c r="B27" s="21">
        <v>0</v>
      </c>
      <c r="C27" s="6">
        <v>2</v>
      </c>
      <c r="D27" s="5">
        <v>2</v>
      </c>
    </row>
    <row r="28" spans="1:4" ht="18" customHeight="1" x14ac:dyDescent="0.15">
      <c r="A28" s="8">
        <v>19</v>
      </c>
      <c r="B28" s="21">
        <v>3</v>
      </c>
      <c r="C28" s="6">
        <v>2</v>
      </c>
      <c r="D28" s="5">
        <v>5</v>
      </c>
    </row>
    <row r="29" spans="1:4" ht="18" customHeight="1" x14ac:dyDescent="0.15">
      <c r="A29" s="8" t="s">
        <v>21</v>
      </c>
      <c r="B29" s="21">
        <v>13</v>
      </c>
      <c r="C29" s="6">
        <v>11</v>
      </c>
      <c r="D29" s="5">
        <v>24</v>
      </c>
    </row>
    <row r="30" spans="1:4" ht="18" customHeight="1" x14ac:dyDescent="0.15">
      <c r="A30" s="8">
        <v>20</v>
      </c>
      <c r="B30" s="21">
        <v>5</v>
      </c>
      <c r="C30" s="6">
        <v>2</v>
      </c>
      <c r="D30" s="5">
        <v>7</v>
      </c>
    </row>
    <row r="31" spans="1:4" ht="18" customHeight="1" x14ac:dyDescent="0.15">
      <c r="A31" s="8">
        <v>21</v>
      </c>
      <c r="B31" s="21">
        <v>8</v>
      </c>
      <c r="C31" s="6">
        <v>5</v>
      </c>
      <c r="D31" s="5">
        <v>13</v>
      </c>
    </row>
    <row r="32" spans="1:4" ht="18" customHeight="1" x14ac:dyDescent="0.15">
      <c r="A32" s="8">
        <v>22</v>
      </c>
      <c r="B32" s="21">
        <v>1</v>
      </c>
      <c r="C32" s="6">
        <v>4</v>
      </c>
      <c r="D32" s="5">
        <v>5</v>
      </c>
    </row>
    <row r="33" spans="1:4" ht="18" customHeight="1" x14ac:dyDescent="0.15">
      <c r="A33" s="8">
        <v>23</v>
      </c>
      <c r="B33" s="21">
        <v>2</v>
      </c>
      <c r="C33" s="6">
        <v>4</v>
      </c>
      <c r="D33" s="5">
        <v>6</v>
      </c>
    </row>
    <row r="34" spans="1:4" ht="18" customHeight="1" x14ac:dyDescent="0.15">
      <c r="A34" s="8">
        <v>24</v>
      </c>
      <c r="B34" s="21">
        <v>1</v>
      </c>
      <c r="C34" s="6">
        <v>2</v>
      </c>
      <c r="D34" s="5">
        <v>3</v>
      </c>
    </row>
    <row r="35" spans="1:4" ht="18" customHeight="1" x14ac:dyDescent="0.15">
      <c r="A35" s="8" t="s">
        <v>20</v>
      </c>
      <c r="B35" s="21">
        <v>17</v>
      </c>
      <c r="C35" s="6">
        <v>17</v>
      </c>
      <c r="D35" s="5">
        <v>34</v>
      </c>
    </row>
    <row r="36" spans="1:4" ht="18" customHeight="1" x14ac:dyDescent="0.15">
      <c r="A36" s="8">
        <v>25</v>
      </c>
      <c r="B36" s="21">
        <v>5</v>
      </c>
      <c r="C36" s="6">
        <v>5</v>
      </c>
      <c r="D36" s="5">
        <v>10</v>
      </c>
    </row>
    <row r="37" spans="1:4" ht="18" customHeight="1" x14ac:dyDescent="0.15">
      <c r="A37" s="8">
        <v>26</v>
      </c>
      <c r="B37" s="21">
        <v>4</v>
      </c>
      <c r="C37" s="6">
        <v>2</v>
      </c>
      <c r="D37" s="5">
        <v>6</v>
      </c>
    </row>
    <row r="38" spans="1:4" ht="18" customHeight="1" x14ac:dyDescent="0.15">
      <c r="A38" s="8">
        <v>27</v>
      </c>
      <c r="B38" s="21">
        <v>3</v>
      </c>
      <c r="C38" s="6">
        <v>2</v>
      </c>
      <c r="D38" s="5">
        <v>5</v>
      </c>
    </row>
    <row r="39" spans="1:4" ht="18" customHeight="1" x14ac:dyDescent="0.15">
      <c r="A39" s="8">
        <v>28</v>
      </c>
      <c r="B39" s="21">
        <v>2</v>
      </c>
      <c r="C39" s="6">
        <v>3</v>
      </c>
      <c r="D39" s="5">
        <v>5</v>
      </c>
    </row>
    <row r="40" spans="1:4" ht="18" customHeight="1" x14ac:dyDescent="0.15">
      <c r="A40" s="8">
        <v>29</v>
      </c>
      <c r="B40" s="21">
        <v>1</v>
      </c>
      <c r="C40" s="6">
        <v>3</v>
      </c>
      <c r="D40" s="5">
        <v>4</v>
      </c>
    </row>
    <row r="41" spans="1:4" ht="18" customHeight="1" x14ac:dyDescent="0.15">
      <c r="A41" s="8" t="s">
        <v>19</v>
      </c>
      <c r="B41" s="21">
        <v>15</v>
      </c>
      <c r="C41" s="6">
        <v>15</v>
      </c>
      <c r="D41" s="5">
        <v>30</v>
      </c>
    </row>
    <row r="42" spans="1:4" ht="18" customHeight="1" x14ac:dyDescent="0.15">
      <c r="A42" s="8">
        <v>30</v>
      </c>
      <c r="B42" s="21">
        <v>3</v>
      </c>
      <c r="C42" s="6">
        <v>5</v>
      </c>
      <c r="D42" s="5">
        <v>8</v>
      </c>
    </row>
    <row r="43" spans="1:4" ht="18" customHeight="1" x14ac:dyDescent="0.15">
      <c r="A43" s="8">
        <v>31</v>
      </c>
      <c r="B43" s="21">
        <v>2</v>
      </c>
      <c r="C43" s="6">
        <v>1</v>
      </c>
      <c r="D43" s="5">
        <v>3</v>
      </c>
    </row>
    <row r="44" spans="1:4" ht="18" customHeight="1" x14ac:dyDescent="0.15">
      <c r="A44" s="8">
        <v>32</v>
      </c>
      <c r="B44" s="21">
        <v>5</v>
      </c>
      <c r="C44" s="6">
        <v>1</v>
      </c>
      <c r="D44" s="5">
        <v>6</v>
      </c>
    </row>
    <row r="45" spans="1:4" ht="18" customHeight="1" x14ac:dyDescent="0.15">
      <c r="A45" s="8">
        <v>33</v>
      </c>
      <c r="B45" s="21">
        <v>2</v>
      </c>
      <c r="C45" s="6">
        <v>0</v>
      </c>
      <c r="D45" s="5">
        <v>2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14</v>
      </c>
      <c r="C47" s="6">
        <v>7</v>
      </c>
      <c r="D47" s="5">
        <v>21</v>
      </c>
    </row>
    <row r="48" spans="1:4" ht="18" customHeight="1" x14ac:dyDescent="0.15">
      <c r="A48" s="8">
        <v>35</v>
      </c>
      <c r="B48" s="21">
        <v>2</v>
      </c>
      <c r="C48" s="6">
        <v>6</v>
      </c>
      <c r="D48" s="5">
        <v>8</v>
      </c>
    </row>
    <row r="49" spans="1:4" ht="18" customHeight="1" x14ac:dyDescent="0.15">
      <c r="A49" s="8">
        <v>36</v>
      </c>
      <c r="B49" s="21">
        <v>9</v>
      </c>
      <c r="C49" s="6">
        <v>3</v>
      </c>
      <c r="D49" s="5">
        <v>12</v>
      </c>
    </row>
    <row r="50" spans="1:4" ht="18" customHeight="1" x14ac:dyDescent="0.15">
      <c r="A50" s="8">
        <v>37</v>
      </c>
      <c r="B50" s="21">
        <v>5</v>
      </c>
      <c r="C50" s="6">
        <v>0</v>
      </c>
      <c r="D50" s="5">
        <v>5</v>
      </c>
    </row>
    <row r="51" spans="1:4" ht="18" customHeight="1" x14ac:dyDescent="0.15">
      <c r="A51" s="8">
        <v>38</v>
      </c>
      <c r="B51" s="21">
        <v>4</v>
      </c>
      <c r="C51" s="6">
        <v>2</v>
      </c>
      <c r="D51" s="5">
        <v>6</v>
      </c>
    </row>
    <row r="52" spans="1:4" ht="18" customHeight="1" x14ac:dyDescent="0.15">
      <c r="A52" s="8">
        <v>39</v>
      </c>
      <c r="B52" s="21">
        <v>6</v>
      </c>
      <c r="C52" s="6">
        <v>4</v>
      </c>
      <c r="D52" s="5">
        <v>10</v>
      </c>
    </row>
    <row r="53" spans="1:4" ht="18" customHeight="1" x14ac:dyDescent="0.15">
      <c r="A53" s="8" t="s">
        <v>17</v>
      </c>
      <c r="B53" s="21">
        <v>26</v>
      </c>
      <c r="C53" s="6">
        <v>15</v>
      </c>
      <c r="D53" s="5">
        <v>41</v>
      </c>
    </row>
    <row r="54" spans="1:4" ht="18" customHeight="1" x14ac:dyDescent="0.15">
      <c r="A54" s="8">
        <v>40</v>
      </c>
      <c r="B54" s="21">
        <v>6</v>
      </c>
      <c r="C54" s="6">
        <v>1</v>
      </c>
      <c r="D54" s="5">
        <v>7</v>
      </c>
    </row>
    <row r="55" spans="1:4" ht="18" customHeight="1" x14ac:dyDescent="0.15">
      <c r="A55" s="8">
        <v>41</v>
      </c>
      <c r="B55" s="21">
        <v>1</v>
      </c>
      <c r="C55" s="6">
        <v>4</v>
      </c>
      <c r="D55" s="5">
        <v>5</v>
      </c>
    </row>
    <row r="56" spans="1:4" ht="18" customHeight="1" x14ac:dyDescent="0.15">
      <c r="A56" s="8">
        <v>42</v>
      </c>
      <c r="B56" s="21">
        <v>1</v>
      </c>
      <c r="C56" s="6">
        <v>4</v>
      </c>
      <c r="D56" s="5">
        <v>5</v>
      </c>
    </row>
    <row r="57" spans="1:4" ht="18" customHeight="1" x14ac:dyDescent="0.15">
      <c r="A57" s="8">
        <v>43</v>
      </c>
      <c r="B57" s="21">
        <v>5</v>
      </c>
      <c r="C57" s="6">
        <v>5</v>
      </c>
      <c r="D57" s="5">
        <v>10</v>
      </c>
    </row>
    <row r="58" spans="1:4" ht="18" customHeight="1" x14ac:dyDescent="0.15">
      <c r="A58" s="8">
        <v>44</v>
      </c>
      <c r="B58" s="21">
        <v>2</v>
      </c>
      <c r="C58" s="6">
        <v>4</v>
      </c>
      <c r="D58" s="5">
        <v>6</v>
      </c>
    </row>
    <row r="59" spans="1:4" ht="18" customHeight="1" x14ac:dyDescent="0.15">
      <c r="A59" s="8" t="s">
        <v>16</v>
      </c>
      <c r="B59" s="21">
        <v>15</v>
      </c>
      <c r="C59" s="6">
        <v>18</v>
      </c>
      <c r="D59" s="5">
        <v>33</v>
      </c>
    </row>
    <row r="60" spans="1:4" ht="18" customHeight="1" x14ac:dyDescent="0.15">
      <c r="A60" s="8">
        <v>45</v>
      </c>
      <c r="B60" s="21">
        <v>3</v>
      </c>
      <c r="C60" s="6">
        <v>3</v>
      </c>
      <c r="D60" s="5">
        <v>6</v>
      </c>
    </row>
    <row r="61" spans="1:4" ht="18" customHeight="1" x14ac:dyDescent="0.15">
      <c r="A61" s="8">
        <v>46</v>
      </c>
      <c r="B61" s="21">
        <v>2</v>
      </c>
      <c r="C61" s="6">
        <v>6</v>
      </c>
      <c r="D61" s="5">
        <v>8</v>
      </c>
    </row>
    <row r="62" spans="1:4" ht="18" customHeight="1" x14ac:dyDescent="0.15">
      <c r="A62" s="8">
        <v>47</v>
      </c>
      <c r="B62" s="21">
        <v>9</v>
      </c>
      <c r="C62" s="6">
        <v>1</v>
      </c>
      <c r="D62" s="5">
        <v>10</v>
      </c>
    </row>
    <row r="63" spans="1:4" ht="18" customHeight="1" x14ac:dyDescent="0.15">
      <c r="A63" s="8">
        <v>48</v>
      </c>
      <c r="B63" s="21">
        <v>4</v>
      </c>
      <c r="C63" s="6">
        <v>1</v>
      </c>
      <c r="D63" s="5">
        <v>5</v>
      </c>
    </row>
    <row r="64" spans="1:4" ht="18" customHeight="1" x14ac:dyDescent="0.15">
      <c r="A64" s="8">
        <v>49</v>
      </c>
      <c r="B64" s="21">
        <v>6</v>
      </c>
      <c r="C64" s="6">
        <v>5</v>
      </c>
      <c r="D64" s="5">
        <v>11</v>
      </c>
    </row>
    <row r="65" spans="1:4" ht="18" customHeight="1" x14ac:dyDescent="0.15">
      <c r="A65" s="8" t="s">
        <v>15</v>
      </c>
      <c r="B65" s="21">
        <v>24</v>
      </c>
      <c r="C65" s="6">
        <v>16</v>
      </c>
      <c r="D65" s="5">
        <v>40</v>
      </c>
    </row>
    <row r="66" spans="1:4" ht="18" customHeight="1" x14ac:dyDescent="0.15">
      <c r="A66" s="8">
        <v>50</v>
      </c>
      <c r="B66" s="21">
        <v>6</v>
      </c>
      <c r="C66" s="6">
        <v>7</v>
      </c>
      <c r="D66" s="5">
        <v>13</v>
      </c>
    </row>
    <row r="67" spans="1:4" ht="18" customHeight="1" x14ac:dyDescent="0.15">
      <c r="A67" s="8">
        <v>51</v>
      </c>
      <c r="B67" s="21">
        <v>7</v>
      </c>
      <c r="C67" s="6">
        <v>5</v>
      </c>
      <c r="D67" s="5">
        <v>12</v>
      </c>
    </row>
    <row r="68" spans="1:4" ht="18" customHeight="1" x14ac:dyDescent="0.15">
      <c r="A68" s="8">
        <v>52</v>
      </c>
      <c r="B68" s="21">
        <v>2</v>
      </c>
      <c r="C68" s="6">
        <v>7</v>
      </c>
      <c r="D68" s="5">
        <v>9</v>
      </c>
    </row>
    <row r="69" spans="1:4" ht="18" customHeight="1" x14ac:dyDescent="0.15">
      <c r="A69" s="8">
        <v>53</v>
      </c>
      <c r="B69" s="21">
        <v>4</v>
      </c>
      <c r="C69" s="6">
        <v>5</v>
      </c>
      <c r="D69" s="5">
        <v>9</v>
      </c>
    </row>
    <row r="70" spans="1:4" ht="18" customHeight="1" x14ac:dyDescent="0.15">
      <c r="A70" s="8">
        <v>54</v>
      </c>
      <c r="B70" s="21">
        <v>2</v>
      </c>
      <c r="C70" s="6">
        <v>3</v>
      </c>
      <c r="D70" s="5">
        <v>5</v>
      </c>
    </row>
    <row r="71" spans="1:4" ht="18" customHeight="1" x14ac:dyDescent="0.15">
      <c r="A71" s="8" t="s">
        <v>14</v>
      </c>
      <c r="B71" s="21">
        <v>21</v>
      </c>
      <c r="C71" s="6">
        <v>27</v>
      </c>
      <c r="D71" s="5">
        <v>48</v>
      </c>
    </row>
    <row r="72" spans="1:4" ht="18" customHeight="1" x14ac:dyDescent="0.15">
      <c r="A72" s="8">
        <v>55</v>
      </c>
      <c r="B72" s="21">
        <v>5</v>
      </c>
      <c r="C72" s="6">
        <v>3</v>
      </c>
      <c r="D72" s="5">
        <v>8</v>
      </c>
    </row>
    <row r="73" spans="1:4" ht="18" customHeight="1" x14ac:dyDescent="0.15">
      <c r="A73" s="8">
        <v>56</v>
      </c>
      <c r="B73" s="21">
        <v>9</v>
      </c>
      <c r="C73" s="6">
        <v>5</v>
      </c>
      <c r="D73" s="5">
        <v>14</v>
      </c>
    </row>
    <row r="74" spans="1:4" ht="18" customHeight="1" x14ac:dyDescent="0.15">
      <c r="A74" s="8">
        <v>57</v>
      </c>
      <c r="B74" s="21">
        <v>6</v>
      </c>
      <c r="C74" s="6">
        <v>5</v>
      </c>
      <c r="D74" s="5">
        <v>11</v>
      </c>
    </row>
    <row r="75" spans="1:4" ht="18" customHeight="1" x14ac:dyDescent="0.15">
      <c r="A75" s="8">
        <v>58</v>
      </c>
      <c r="B75" s="21">
        <v>6</v>
      </c>
      <c r="C75" s="6">
        <v>11</v>
      </c>
      <c r="D75" s="5">
        <v>17</v>
      </c>
    </row>
    <row r="76" spans="1:4" ht="18" customHeight="1" x14ac:dyDescent="0.15">
      <c r="A76" s="8">
        <v>59</v>
      </c>
      <c r="B76" s="21">
        <v>2</v>
      </c>
      <c r="C76" s="6">
        <v>4</v>
      </c>
      <c r="D76" s="5">
        <v>6</v>
      </c>
    </row>
    <row r="77" spans="1:4" ht="18" customHeight="1" x14ac:dyDescent="0.15">
      <c r="A77" s="8" t="s">
        <v>13</v>
      </c>
      <c r="B77" s="21">
        <v>28</v>
      </c>
      <c r="C77" s="6">
        <v>28</v>
      </c>
      <c r="D77" s="5">
        <v>56</v>
      </c>
    </row>
    <row r="78" spans="1:4" ht="18" customHeight="1" x14ac:dyDescent="0.15">
      <c r="A78" s="8">
        <v>60</v>
      </c>
      <c r="B78" s="21">
        <v>4</v>
      </c>
      <c r="C78" s="6">
        <v>8</v>
      </c>
      <c r="D78" s="5">
        <v>12</v>
      </c>
    </row>
    <row r="79" spans="1:4" ht="18" customHeight="1" x14ac:dyDescent="0.15">
      <c r="A79" s="8">
        <v>61</v>
      </c>
      <c r="B79" s="21">
        <v>8</v>
      </c>
      <c r="C79" s="6">
        <v>4</v>
      </c>
      <c r="D79" s="5">
        <v>12</v>
      </c>
    </row>
    <row r="80" spans="1:4" ht="18" customHeight="1" x14ac:dyDescent="0.15">
      <c r="A80" s="8">
        <v>62</v>
      </c>
      <c r="B80" s="21">
        <v>6</v>
      </c>
      <c r="C80" s="6">
        <v>6</v>
      </c>
      <c r="D80" s="5">
        <v>12</v>
      </c>
    </row>
    <row r="81" spans="1:4" ht="18" customHeight="1" x14ac:dyDescent="0.15">
      <c r="A81" s="8">
        <v>63</v>
      </c>
      <c r="B81" s="21">
        <v>10</v>
      </c>
      <c r="C81" s="6">
        <v>6</v>
      </c>
      <c r="D81" s="5">
        <v>16</v>
      </c>
    </row>
    <row r="82" spans="1:4" ht="18" customHeight="1" x14ac:dyDescent="0.15">
      <c r="A82" s="8">
        <v>64</v>
      </c>
      <c r="B82" s="21">
        <v>6</v>
      </c>
      <c r="C82" s="6">
        <v>10</v>
      </c>
      <c r="D82" s="5">
        <v>16</v>
      </c>
    </row>
    <row r="83" spans="1:4" ht="18" customHeight="1" x14ac:dyDescent="0.15">
      <c r="A83" s="8" t="s">
        <v>12</v>
      </c>
      <c r="B83" s="21">
        <v>34</v>
      </c>
      <c r="C83" s="6">
        <v>34</v>
      </c>
      <c r="D83" s="5">
        <v>68</v>
      </c>
    </row>
    <row r="84" spans="1:4" ht="18" customHeight="1" x14ac:dyDescent="0.15">
      <c r="A84" s="8" t="s">
        <v>11</v>
      </c>
      <c r="B84" s="21">
        <v>207</v>
      </c>
      <c r="C84" s="6">
        <v>188</v>
      </c>
      <c r="D84" s="5">
        <v>395</v>
      </c>
    </row>
    <row r="85" spans="1:4" ht="18" customHeight="1" x14ac:dyDescent="0.15">
      <c r="A85" s="8">
        <v>65</v>
      </c>
      <c r="B85" s="21">
        <v>10</v>
      </c>
      <c r="C85" s="6">
        <v>5</v>
      </c>
      <c r="D85" s="5">
        <v>15</v>
      </c>
    </row>
    <row r="86" spans="1:4" ht="18" customHeight="1" x14ac:dyDescent="0.15">
      <c r="A86" s="8">
        <v>66</v>
      </c>
      <c r="B86" s="21">
        <v>8</v>
      </c>
      <c r="C86" s="6">
        <v>5</v>
      </c>
      <c r="D86" s="5">
        <v>13</v>
      </c>
    </row>
    <row r="87" spans="1:4" ht="18" customHeight="1" x14ac:dyDescent="0.15">
      <c r="A87" s="8">
        <v>67</v>
      </c>
      <c r="B87" s="21">
        <v>6</v>
      </c>
      <c r="C87" s="6">
        <v>7</v>
      </c>
      <c r="D87" s="5">
        <v>13</v>
      </c>
    </row>
    <row r="88" spans="1:4" ht="18" customHeight="1" x14ac:dyDescent="0.15">
      <c r="A88" s="8">
        <v>68</v>
      </c>
      <c r="B88" s="21">
        <v>6</v>
      </c>
      <c r="C88" s="6">
        <v>4</v>
      </c>
      <c r="D88" s="5">
        <v>10</v>
      </c>
    </row>
    <row r="89" spans="1:4" ht="18" customHeight="1" x14ac:dyDescent="0.15">
      <c r="A89" s="8">
        <v>69</v>
      </c>
      <c r="B89" s="21">
        <v>4</v>
      </c>
      <c r="C89" s="6">
        <v>4</v>
      </c>
      <c r="D89" s="5">
        <v>8</v>
      </c>
    </row>
    <row r="90" spans="1:4" ht="18" customHeight="1" x14ac:dyDescent="0.15">
      <c r="A90" s="8" t="s">
        <v>10</v>
      </c>
      <c r="B90" s="21">
        <v>34</v>
      </c>
      <c r="C90" s="6">
        <v>25</v>
      </c>
      <c r="D90" s="5">
        <v>59</v>
      </c>
    </row>
    <row r="91" spans="1:4" ht="18" customHeight="1" x14ac:dyDescent="0.15">
      <c r="A91" s="8">
        <v>70</v>
      </c>
      <c r="B91" s="21">
        <v>8</v>
      </c>
      <c r="C91" s="6">
        <v>4</v>
      </c>
      <c r="D91" s="5">
        <v>12</v>
      </c>
    </row>
    <row r="92" spans="1:4" ht="18" customHeight="1" x14ac:dyDescent="0.15">
      <c r="A92" s="8">
        <v>71</v>
      </c>
      <c r="B92" s="21">
        <v>7</v>
      </c>
      <c r="C92" s="6">
        <v>5</v>
      </c>
      <c r="D92" s="5">
        <v>12</v>
      </c>
    </row>
    <row r="93" spans="1:4" ht="18" customHeight="1" x14ac:dyDescent="0.15">
      <c r="A93" s="8">
        <v>72</v>
      </c>
      <c r="B93" s="21">
        <v>8</v>
      </c>
      <c r="C93" s="6">
        <v>9</v>
      </c>
      <c r="D93" s="5">
        <v>17</v>
      </c>
    </row>
    <row r="94" spans="1:4" ht="18" customHeight="1" x14ac:dyDescent="0.15">
      <c r="A94" s="8">
        <v>73</v>
      </c>
      <c r="B94" s="21">
        <v>4</v>
      </c>
      <c r="C94" s="6">
        <v>5</v>
      </c>
      <c r="D94" s="5">
        <v>9</v>
      </c>
    </row>
    <row r="95" spans="1:4" ht="18" customHeight="1" x14ac:dyDescent="0.15">
      <c r="A95" s="8">
        <v>74</v>
      </c>
      <c r="B95" s="21">
        <v>5</v>
      </c>
      <c r="C95" s="6">
        <v>5</v>
      </c>
      <c r="D95" s="5">
        <v>10</v>
      </c>
    </row>
    <row r="96" spans="1:4" ht="18" customHeight="1" x14ac:dyDescent="0.15">
      <c r="A96" s="8" t="s">
        <v>9</v>
      </c>
      <c r="B96" s="21">
        <v>32</v>
      </c>
      <c r="C96" s="6">
        <v>28</v>
      </c>
      <c r="D96" s="5">
        <v>60</v>
      </c>
    </row>
    <row r="97" spans="1:4" ht="18" customHeight="1" x14ac:dyDescent="0.15">
      <c r="A97" s="8">
        <v>75</v>
      </c>
      <c r="B97" s="21">
        <v>10</v>
      </c>
      <c r="C97" s="6">
        <v>10</v>
      </c>
      <c r="D97" s="5">
        <v>20</v>
      </c>
    </row>
    <row r="98" spans="1:4" ht="18" customHeight="1" x14ac:dyDescent="0.15">
      <c r="A98" s="8">
        <v>76</v>
      </c>
      <c r="B98" s="21">
        <v>9</v>
      </c>
      <c r="C98" s="6">
        <v>10</v>
      </c>
      <c r="D98" s="5">
        <v>19</v>
      </c>
    </row>
    <row r="99" spans="1:4" ht="18" customHeight="1" x14ac:dyDescent="0.15">
      <c r="A99" s="8">
        <v>77</v>
      </c>
      <c r="B99" s="21">
        <v>6</v>
      </c>
      <c r="C99" s="6">
        <v>6</v>
      </c>
      <c r="D99" s="5">
        <v>12</v>
      </c>
    </row>
    <row r="100" spans="1:4" ht="18" customHeight="1" x14ac:dyDescent="0.15">
      <c r="A100" s="8">
        <v>78</v>
      </c>
      <c r="B100" s="21">
        <v>6</v>
      </c>
      <c r="C100" s="6">
        <v>15</v>
      </c>
      <c r="D100" s="5">
        <v>21</v>
      </c>
    </row>
    <row r="101" spans="1:4" ht="18" customHeight="1" x14ac:dyDescent="0.15">
      <c r="A101" s="8">
        <v>79</v>
      </c>
      <c r="B101" s="21">
        <v>4</v>
      </c>
      <c r="C101" s="6">
        <v>4</v>
      </c>
      <c r="D101" s="5">
        <v>8</v>
      </c>
    </row>
    <row r="102" spans="1:4" ht="18" customHeight="1" x14ac:dyDescent="0.15">
      <c r="A102" s="8" t="s">
        <v>8</v>
      </c>
      <c r="B102" s="21">
        <v>35</v>
      </c>
      <c r="C102" s="6">
        <v>45</v>
      </c>
      <c r="D102" s="5">
        <v>80</v>
      </c>
    </row>
    <row r="103" spans="1:4" ht="18" customHeight="1" x14ac:dyDescent="0.15">
      <c r="A103" s="8">
        <v>80</v>
      </c>
      <c r="B103" s="21">
        <v>2</v>
      </c>
      <c r="C103" s="6">
        <v>4</v>
      </c>
      <c r="D103" s="5">
        <v>6</v>
      </c>
    </row>
    <row r="104" spans="1:4" ht="18" customHeight="1" x14ac:dyDescent="0.15">
      <c r="A104" s="8">
        <v>81</v>
      </c>
      <c r="B104" s="21">
        <v>2</v>
      </c>
      <c r="C104" s="6">
        <v>8</v>
      </c>
      <c r="D104" s="5">
        <v>10</v>
      </c>
    </row>
    <row r="105" spans="1:4" ht="18" customHeight="1" x14ac:dyDescent="0.15">
      <c r="A105" s="8">
        <v>82</v>
      </c>
      <c r="B105" s="21">
        <v>7</v>
      </c>
      <c r="C105" s="6">
        <v>7</v>
      </c>
      <c r="D105" s="5">
        <v>14</v>
      </c>
    </row>
    <row r="106" spans="1:4" ht="18" customHeight="1" x14ac:dyDescent="0.15">
      <c r="A106" s="8">
        <v>83</v>
      </c>
      <c r="B106" s="21">
        <v>4</v>
      </c>
      <c r="C106" s="6">
        <v>8</v>
      </c>
      <c r="D106" s="5">
        <v>12</v>
      </c>
    </row>
    <row r="107" spans="1:4" ht="18" customHeight="1" x14ac:dyDescent="0.15">
      <c r="A107" s="8">
        <v>84</v>
      </c>
      <c r="B107" s="21">
        <v>7</v>
      </c>
      <c r="C107" s="6">
        <v>6</v>
      </c>
      <c r="D107" s="5">
        <v>13</v>
      </c>
    </row>
    <row r="108" spans="1:4" ht="18" customHeight="1" x14ac:dyDescent="0.15">
      <c r="A108" s="8" t="s">
        <v>7</v>
      </c>
      <c r="B108" s="21">
        <v>22</v>
      </c>
      <c r="C108" s="6">
        <v>33</v>
      </c>
      <c r="D108" s="5">
        <v>55</v>
      </c>
    </row>
    <row r="109" spans="1:4" ht="18" customHeight="1" x14ac:dyDescent="0.15">
      <c r="A109" s="8">
        <v>85</v>
      </c>
      <c r="B109" s="21">
        <v>5</v>
      </c>
      <c r="C109" s="6">
        <v>5</v>
      </c>
      <c r="D109" s="5">
        <v>10</v>
      </c>
    </row>
    <row r="110" spans="1:4" ht="18" customHeight="1" x14ac:dyDescent="0.15">
      <c r="A110" s="8">
        <v>86</v>
      </c>
      <c r="B110" s="21">
        <v>3</v>
      </c>
      <c r="C110" s="6">
        <v>6</v>
      </c>
      <c r="D110" s="5">
        <v>9</v>
      </c>
    </row>
    <row r="111" spans="1:4" ht="18" customHeight="1" x14ac:dyDescent="0.15">
      <c r="A111" s="8">
        <v>87</v>
      </c>
      <c r="B111" s="21">
        <v>0</v>
      </c>
      <c r="C111" s="6">
        <v>11</v>
      </c>
      <c r="D111" s="5">
        <v>11</v>
      </c>
    </row>
    <row r="112" spans="1:4" ht="18" customHeight="1" x14ac:dyDescent="0.15">
      <c r="A112" s="8">
        <v>88</v>
      </c>
      <c r="B112" s="21">
        <v>5</v>
      </c>
      <c r="C112" s="6">
        <v>9</v>
      </c>
      <c r="D112" s="5">
        <v>14</v>
      </c>
    </row>
    <row r="113" spans="1:4" ht="18" customHeight="1" x14ac:dyDescent="0.15">
      <c r="A113" s="8">
        <v>89</v>
      </c>
      <c r="B113" s="21">
        <v>1</v>
      </c>
      <c r="C113" s="6">
        <v>5</v>
      </c>
      <c r="D113" s="5">
        <v>6</v>
      </c>
    </row>
    <row r="114" spans="1:4" ht="18" customHeight="1" x14ac:dyDescent="0.15">
      <c r="A114" s="8" t="s">
        <v>6</v>
      </c>
      <c r="B114" s="21">
        <v>14</v>
      </c>
      <c r="C114" s="6">
        <v>36</v>
      </c>
      <c r="D114" s="5">
        <v>50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1</v>
      </c>
      <c r="C116" s="6">
        <v>2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1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1</v>
      </c>
      <c r="D120" s="5">
        <v>13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41</v>
      </c>
      <c r="C130" s="6">
        <v>185</v>
      </c>
      <c r="D130" s="5">
        <v>326</v>
      </c>
    </row>
    <row r="131" spans="1:4" ht="18" customHeight="1" x14ac:dyDescent="0.15">
      <c r="A131" s="4" t="s">
        <v>0</v>
      </c>
      <c r="B131" s="20">
        <v>373</v>
      </c>
      <c r="C131" s="2">
        <v>397</v>
      </c>
      <c r="D131" s="1">
        <v>77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CB98E7-14D0-48AD-BCD7-B950EAD37120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1</v>
      </c>
      <c r="C5" s="31">
        <v>8</v>
      </c>
      <c r="D5" s="30">
        <v>19</v>
      </c>
    </row>
    <row r="6" spans="1:4" ht="18" customHeight="1" x14ac:dyDescent="0.15">
      <c r="A6" s="8">
        <v>1</v>
      </c>
      <c r="B6" s="26">
        <v>15</v>
      </c>
      <c r="C6" s="6">
        <v>6</v>
      </c>
      <c r="D6" s="5">
        <v>21</v>
      </c>
    </row>
    <row r="7" spans="1:4" ht="18" customHeight="1" x14ac:dyDescent="0.15">
      <c r="A7" s="8">
        <v>2</v>
      </c>
      <c r="B7" s="26">
        <v>10</v>
      </c>
      <c r="C7" s="6">
        <v>13</v>
      </c>
      <c r="D7" s="5">
        <v>23</v>
      </c>
    </row>
    <row r="8" spans="1:4" ht="18" customHeight="1" x14ac:dyDescent="0.15">
      <c r="A8" s="8">
        <v>3</v>
      </c>
      <c r="B8" s="26">
        <v>10</v>
      </c>
      <c r="C8" s="6">
        <v>18</v>
      </c>
      <c r="D8" s="5">
        <v>28</v>
      </c>
    </row>
    <row r="9" spans="1:4" ht="18" customHeight="1" x14ac:dyDescent="0.15">
      <c r="A9" s="8">
        <v>4</v>
      </c>
      <c r="B9" s="29">
        <v>15</v>
      </c>
      <c r="C9" s="28">
        <v>17</v>
      </c>
      <c r="D9" s="27">
        <v>32</v>
      </c>
    </row>
    <row r="10" spans="1:4" ht="18" customHeight="1" x14ac:dyDescent="0.15">
      <c r="A10" s="8" t="s">
        <v>25</v>
      </c>
      <c r="B10" s="21">
        <v>61</v>
      </c>
      <c r="C10" s="6">
        <v>62</v>
      </c>
      <c r="D10" s="5">
        <v>123</v>
      </c>
    </row>
    <row r="11" spans="1:4" ht="18" customHeight="1" x14ac:dyDescent="0.15">
      <c r="A11" s="8">
        <v>5</v>
      </c>
      <c r="B11" s="26">
        <v>15</v>
      </c>
      <c r="C11" s="6">
        <v>15</v>
      </c>
      <c r="D11" s="5">
        <v>30</v>
      </c>
    </row>
    <row r="12" spans="1:4" ht="18" customHeight="1" x14ac:dyDescent="0.15">
      <c r="A12" s="8">
        <v>6</v>
      </c>
      <c r="B12" s="26">
        <v>17</v>
      </c>
      <c r="C12" s="6">
        <v>22</v>
      </c>
      <c r="D12" s="5">
        <v>39</v>
      </c>
    </row>
    <row r="13" spans="1:4" ht="18" customHeight="1" x14ac:dyDescent="0.15">
      <c r="A13" s="8">
        <v>7</v>
      </c>
      <c r="B13" s="26">
        <v>21</v>
      </c>
      <c r="C13" s="6">
        <v>19</v>
      </c>
      <c r="D13" s="5">
        <v>40</v>
      </c>
    </row>
    <row r="14" spans="1:4" ht="18" customHeight="1" x14ac:dyDescent="0.15">
      <c r="A14" s="8">
        <v>8</v>
      </c>
      <c r="B14" s="26">
        <v>31</v>
      </c>
      <c r="C14" s="6">
        <v>29</v>
      </c>
      <c r="D14" s="5">
        <v>60</v>
      </c>
    </row>
    <row r="15" spans="1:4" ht="18" customHeight="1" x14ac:dyDescent="0.15">
      <c r="A15" s="8">
        <v>9</v>
      </c>
      <c r="B15" s="26">
        <v>32</v>
      </c>
      <c r="C15" s="6">
        <v>21</v>
      </c>
      <c r="D15" s="5">
        <v>53</v>
      </c>
    </row>
    <row r="16" spans="1:4" ht="18" customHeight="1" x14ac:dyDescent="0.15">
      <c r="A16" s="8" t="s">
        <v>24</v>
      </c>
      <c r="B16" s="21">
        <v>116</v>
      </c>
      <c r="C16" s="6">
        <v>106</v>
      </c>
      <c r="D16" s="5">
        <v>222</v>
      </c>
    </row>
    <row r="17" spans="1:4" ht="18" customHeight="1" x14ac:dyDescent="0.15">
      <c r="A17" s="8">
        <v>10</v>
      </c>
      <c r="B17" s="21">
        <v>29</v>
      </c>
      <c r="C17" s="6">
        <v>30</v>
      </c>
      <c r="D17" s="5">
        <v>59</v>
      </c>
    </row>
    <row r="18" spans="1:4" ht="18" customHeight="1" x14ac:dyDescent="0.15">
      <c r="A18" s="8">
        <v>11</v>
      </c>
      <c r="B18" s="21">
        <v>30</v>
      </c>
      <c r="C18" s="6">
        <v>18</v>
      </c>
      <c r="D18" s="5">
        <v>48</v>
      </c>
    </row>
    <row r="19" spans="1:4" ht="18" customHeight="1" x14ac:dyDescent="0.15">
      <c r="A19" s="8">
        <v>12</v>
      </c>
      <c r="B19" s="21">
        <v>24</v>
      </c>
      <c r="C19" s="6">
        <v>31</v>
      </c>
      <c r="D19" s="5">
        <v>55</v>
      </c>
    </row>
    <row r="20" spans="1:4" ht="18" customHeight="1" x14ac:dyDescent="0.15">
      <c r="A20" s="8">
        <v>13</v>
      </c>
      <c r="B20" s="21">
        <v>38</v>
      </c>
      <c r="C20" s="6">
        <v>24</v>
      </c>
      <c r="D20" s="5">
        <v>62</v>
      </c>
    </row>
    <row r="21" spans="1:4" ht="18" customHeight="1" x14ac:dyDescent="0.15">
      <c r="A21" s="8">
        <v>14</v>
      </c>
      <c r="B21" s="21">
        <v>32</v>
      </c>
      <c r="C21" s="6">
        <v>27</v>
      </c>
      <c r="D21" s="5">
        <v>59</v>
      </c>
    </row>
    <row r="22" spans="1:4" ht="18" customHeight="1" x14ac:dyDescent="0.15">
      <c r="A22" s="8" t="s">
        <v>23</v>
      </c>
      <c r="B22" s="21">
        <v>153</v>
      </c>
      <c r="C22" s="6">
        <v>130</v>
      </c>
      <c r="D22" s="5">
        <v>283</v>
      </c>
    </row>
    <row r="23" spans="1:4" ht="18" customHeight="1" x14ac:dyDescent="0.15">
      <c r="A23" s="8" t="s">
        <v>22</v>
      </c>
      <c r="B23" s="21">
        <v>330</v>
      </c>
      <c r="C23" s="6">
        <v>298</v>
      </c>
      <c r="D23" s="5">
        <v>628</v>
      </c>
    </row>
    <row r="24" spans="1:4" ht="18" customHeight="1" x14ac:dyDescent="0.15">
      <c r="A24" s="8">
        <v>15</v>
      </c>
      <c r="B24" s="21">
        <v>36</v>
      </c>
      <c r="C24" s="6">
        <v>24</v>
      </c>
      <c r="D24" s="5">
        <v>60</v>
      </c>
    </row>
    <row r="25" spans="1:4" ht="18" customHeight="1" x14ac:dyDescent="0.15">
      <c r="A25" s="8">
        <v>16</v>
      </c>
      <c r="B25" s="21">
        <v>35</v>
      </c>
      <c r="C25" s="6">
        <v>32</v>
      </c>
      <c r="D25" s="5">
        <v>67</v>
      </c>
    </row>
    <row r="26" spans="1:4" ht="18" customHeight="1" x14ac:dyDescent="0.15">
      <c r="A26" s="8">
        <v>17</v>
      </c>
      <c r="B26" s="21">
        <v>37</v>
      </c>
      <c r="C26" s="6">
        <v>35</v>
      </c>
      <c r="D26" s="5">
        <v>72</v>
      </c>
    </row>
    <row r="27" spans="1:4" ht="18" customHeight="1" x14ac:dyDescent="0.15">
      <c r="A27" s="8">
        <v>18</v>
      </c>
      <c r="B27" s="21">
        <v>31</v>
      </c>
      <c r="C27" s="6">
        <v>41</v>
      </c>
      <c r="D27" s="5">
        <v>72</v>
      </c>
    </row>
    <row r="28" spans="1:4" ht="18" customHeight="1" x14ac:dyDescent="0.15">
      <c r="A28" s="8">
        <v>19</v>
      </c>
      <c r="B28" s="21">
        <v>45</v>
      </c>
      <c r="C28" s="6">
        <v>35</v>
      </c>
      <c r="D28" s="5">
        <v>80</v>
      </c>
    </row>
    <row r="29" spans="1:4" ht="18" customHeight="1" x14ac:dyDescent="0.15">
      <c r="A29" s="8" t="s">
        <v>21</v>
      </c>
      <c r="B29" s="21">
        <v>184</v>
      </c>
      <c r="C29" s="6">
        <v>167</v>
      </c>
      <c r="D29" s="5">
        <v>351</v>
      </c>
    </row>
    <row r="30" spans="1:4" ht="18" customHeight="1" x14ac:dyDescent="0.15">
      <c r="A30" s="8">
        <v>20</v>
      </c>
      <c r="B30" s="21">
        <v>44</v>
      </c>
      <c r="C30" s="6">
        <v>35</v>
      </c>
      <c r="D30" s="5">
        <v>79</v>
      </c>
    </row>
    <row r="31" spans="1:4" ht="18" customHeight="1" x14ac:dyDescent="0.15">
      <c r="A31" s="8">
        <v>21</v>
      </c>
      <c r="B31" s="21">
        <v>55</v>
      </c>
      <c r="C31" s="6">
        <v>46</v>
      </c>
      <c r="D31" s="5">
        <v>101</v>
      </c>
    </row>
    <row r="32" spans="1:4" ht="18" customHeight="1" x14ac:dyDescent="0.15">
      <c r="A32" s="8">
        <v>22</v>
      </c>
      <c r="B32" s="21">
        <v>46</v>
      </c>
      <c r="C32" s="6">
        <v>39</v>
      </c>
      <c r="D32" s="5">
        <v>85</v>
      </c>
    </row>
    <row r="33" spans="1:4" ht="18" customHeight="1" x14ac:dyDescent="0.15">
      <c r="A33" s="8">
        <v>23</v>
      </c>
      <c r="B33" s="21">
        <v>39</v>
      </c>
      <c r="C33" s="6">
        <v>50</v>
      </c>
      <c r="D33" s="5">
        <v>89</v>
      </c>
    </row>
    <row r="34" spans="1:4" ht="18" customHeight="1" x14ac:dyDescent="0.15">
      <c r="A34" s="8">
        <v>24</v>
      </c>
      <c r="B34" s="21">
        <v>40</v>
      </c>
      <c r="C34" s="6">
        <v>35</v>
      </c>
      <c r="D34" s="5">
        <v>75</v>
      </c>
    </row>
    <row r="35" spans="1:4" ht="18" customHeight="1" x14ac:dyDescent="0.15">
      <c r="A35" s="8" t="s">
        <v>20</v>
      </c>
      <c r="B35" s="21">
        <v>224</v>
      </c>
      <c r="C35" s="6">
        <v>205</v>
      </c>
      <c r="D35" s="5">
        <v>429</v>
      </c>
    </row>
    <row r="36" spans="1:4" ht="18" customHeight="1" x14ac:dyDescent="0.15">
      <c r="A36" s="8">
        <v>25</v>
      </c>
      <c r="B36" s="21">
        <v>43</v>
      </c>
      <c r="C36" s="6">
        <v>29</v>
      </c>
      <c r="D36" s="5">
        <v>72</v>
      </c>
    </row>
    <row r="37" spans="1:4" ht="18" customHeight="1" x14ac:dyDescent="0.15">
      <c r="A37" s="8">
        <v>26</v>
      </c>
      <c r="B37" s="21">
        <v>39</v>
      </c>
      <c r="C37" s="6">
        <v>28</v>
      </c>
      <c r="D37" s="5">
        <v>67</v>
      </c>
    </row>
    <row r="38" spans="1:4" ht="18" customHeight="1" x14ac:dyDescent="0.15">
      <c r="A38" s="8">
        <v>27</v>
      </c>
      <c r="B38" s="21">
        <v>32</v>
      </c>
      <c r="C38" s="6">
        <v>35</v>
      </c>
      <c r="D38" s="5">
        <v>67</v>
      </c>
    </row>
    <row r="39" spans="1:4" ht="18" customHeight="1" x14ac:dyDescent="0.15">
      <c r="A39" s="8">
        <v>28</v>
      </c>
      <c r="B39" s="21">
        <v>44</v>
      </c>
      <c r="C39" s="6">
        <v>25</v>
      </c>
      <c r="D39" s="5">
        <v>69</v>
      </c>
    </row>
    <row r="40" spans="1:4" ht="18" customHeight="1" x14ac:dyDescent="0.15">
      <c r="A40" s="8">
        <v>29</v>
      </c>
      <c r="B40" s="21">
        <v>26</v>
      </c>
      <c r="C40" s="6">
        <v>27</v>
      </c>
      <c r="D40" s="5">
        <v>53</v>
      </c>
    </row>
    <row r="41" spans="1:4" ht="18" customHeight="1" x14ac:dyDescent="0.15">
      <c r="A41" s="8" t="s">
        <v>19</v>
      </c>
      <c r="B41" s="21">
        <v>184</v>
      </c>
      <c r="C41" s="6">
        <v>144</v>
      </c>
      <c r="D41" s="5">
        <v>328</v>
      </c>
    </row>
    <row r="42" spans="1:4" ht="18" customHeight="1" x14ac:dyDescent="0.15">
      <c r="A42" s="8">
        <v>30</v>
      </c>
      <c r="B42" s="21">
        <v>30</v>
      </c>
      <c r="C42" s="6">
        <v>33</v>
      </c>
      <c r="D42" s="5">
        <v>63</v>
      </c>
    </row>
    <row r="43" spans="1:4" ht="18" customHeight="1" x14ac:dyDescent="0.15">
      <c r="A43" s="8">
        <v>31</v>
      </c>
      <c r="B43" s="21">
        <v>31</v>
      </c>
      <c r="C43" s="6">
        <v>28</v>
      </c>
      <c r="D43" s="5">
        <v>59</v>
      </c>
    </row>
    <row r="44" spans="1:4" ht="18" customHeight="1" x14ac:dyDescent="0.15">
      <c r="A44" s="8">
        <v>32</v>
      </c>
      <c r="B44" s="21">
        <v>31</v>
      </c>
      <c r="C44" s="6">
        <v>24</v>
      </c>
      <c r="D44" s="5">
        <v>55</v>
      </c>
    </row>
    <row r="45" spans="1:4" ht="18" customHeight="1" x14ac:dyDescent="0.15">
      <c r="A45" s="8">
        <v>33</v>
      </c>
      <c r="B45" s="21">
        <v>21</v>
      </c>
      <c r="C45" s="6">
        <v>26</v>
      </c>
      <c r="D45" s="5">
        <v>47</v>
      </c>
    </row>
    <row r="46" spans="1:4" ht="18" customHeight="1" x14ac:dyDescent="0.15">
      <c r="A46" s="8">
        <v>34</v>
      </c>
      <c r="B46" s="21">
        <v>21</v>
      </c>
      <c r="C46" s="6">
        <v>16</v>
      </c>
      <c r="D46" s="5">
        <v>37</v>
      </c>
    </row>
    <row r="47" spans="1:4" ht="18" customHeight="1" x14ac:dyDescent="0.15">
      <c r="A47" s="8" t="s">
        <v>18</v>
      </c>
      <c r="B47" s="21">
        <v>134</v>
      </c>
      <c r="C47" s="6">
        <v>127</v>
      </c>
      <c r="D47" s="5">
        <v>261</v>
      </c>
    </row>
    <row r="48" spans="1:4" ht="18" customHeight="1" x14ac:dyDescent="0.15">
      <c r="A48" s="8">
        <v>35</v>
      </c>
      <c r="B48" s="21">
        <v>18</v>
      </c>
      <c r="C48" s="6">
        <v>28</v>
      </c>
      <c r="D48" s="5">
        <v>46</v>
      </c>
    </row>
    <row r="49" spans="1:4" ht="18" customHeight="1" x14ac:dyDescent="0.15">
      <c r="A49" s="8">
        <v>36</v>
      </c>
      <c r="B49" s="21">
        <v>40</v>
      </c>
      <c r="C49" s="6">
        <v>28</v>
      </c>
      <c r="D49" s="5">
        <v>68</v>
      </c>
    </row>
    <row r="50" spans="1:4" ht="18" customHeight="1" x14ac:dyDescent="0.15">
      <c r="A50" s="8">
        <v>37</v>
      </c>
      <c r="B50" s="21">
        <v>33</v>
      </c>
      <c r="C50" s="6">
        <v>25</v>
      </c>
      <c r="D50" s="5">
        <v>58</v>
      </c>
    </row>
    <row r="51" spans="1:4" ht="18" customHeight="1" x14ac:dyDescent="0.15">
      <c r="A51" s="8">
        <v>38</v>
      </c>
      <c r="B51" s="21">
        <v>33</v>
      </c>
      <c r="C51" s="6">
        <v>28</v>
      </c>
      <c r="D51" s="5">
        <v>61</v>
      </c>
    </row>
    <row r="52" spans="1:4" ht="18" customHeight="1" x14ac:dyDescent="0.15">
      <c r="A52" s="8">
        <v>39</v>
      </c>
      <c r="B52" s="21">
        <v>40</v>
      </c>
      <c r="C52" s="6">
        <v>23</v>
      </c>
      <c r="D52" s="5">
        <v>63</v>
      </c>
    </row>
    <row r="53" spans="1:4" ht="18" customHeight="1" x14ac:dyDescent="0.15">
      <c r="A53" s="8" t="s">
        <v>17</v>
      </c>
      <c r="B53" s="21">
        <v>164</v>
      </c>
      <c r="C53" s="6">
        <v>132</v>
      </c>
      <c r="D53" s="5">
        <v>296</v>
      </c>
    </row>
    <row r="54" spans="1:4" ht="18" customHeight="1" x14ac:dyDescent="0.15">
      <c r="A54" s="8">
        <v>40</v>
      </c>
      <c r="B54" s="21">
        <v>31</v>
      </c>
      <c r="C54" s="6">
        <v>31</v>
      </c>
      <c r="D54" s="5">
        <v>62</v>
      </c>
    </row>
    <row r="55" spans="1:4" ht="18" customHeight="1" x14ac:dyDescent="0.15">
      <c r="A55" s="8">
        <v>41</v>
      </c>
      <c r="B55" s="21">
        <v>50</v>
      </c>
      <c r="C55" s="6">
        <v>35</v>
      </c>
      <c r="D55" s="5">
        <v>85</v>
      </c>
    </row>
    <row r="56" spans="1:4" ht="18" customHeight="1" x14ac:dyDescent="0.15">
      <c r="A56" s="8">
        <v>42</v>
      </c>
      <c r="B56" s="21">
        <v>43</v>
      </c>
      <c r="C56" s="6">
        <v>52</v>
      </c>
      <c r="D56" s="5">
        <v>95</v>
      </c>
    </row>
    <row r="57" spans="1:4" ht="18" customHeight="1" x14ac:dyDescent="0.15">
      <c r="A57" s="8">
        <v>43</v>
      </c>
      <c r="B57" s="21">
        <v>38</v>
      </c>
      <c r="C57" s="6">
        <v>45</v>
      </c>
      <c r="D57" s="5">
        <v>83</v>
      </c>
    </row>
    <row r="58" spans="1:4" ht="18" customHeight="1" x14ac:dyDescent="0.15">
      <c r="A58" s="8">
        <v>44</v>
      </c>
      <c r="B58" s="21">
        <v>35</v>
      </c>
      <c r="C58" s="6">
        <v>47</v>
      </c>
      <c r="D58" s="5">
        <v>82</v>
      </c>
    </row>
    <row r="59" spans="1:4" ht="18" customHeight="1" x14ac:dyDescent="0.15">
      <c r="A59" s="8" t="s">
        <v>16</v>
      </c>
      <c r="B59" s="21">
        <v>197</v>
      </c>
      <c r="C59" s="6">
        <v>210</v>
      </c>
      <c r="D59" s="5">
        <v>407</v>
      </c>
    </row>
    <row r="60" spans="1:4" ht="18" customHeight="1" x14ac:dyDescent="0.15">
      <c r="A60" s="8">
        <v>45</v>
      </c>
      <c r="B60" s="21">
        <v>33</v>
      </c>
      <c r="C60" s="6">
        <v>39</v>
      </c>
      <c r="D60" s="5">
        <v>72</v>
      </c>
    </row>
    <row r="61" spans="1:4" ht="18" customHeight="1" x14ac:dyDescent="0.15">
      <c r="A61" s="8">
        <v>46</v>
      </c>
      <c r="B61" s="21">
        <v>53</v>
      </c>
      <c r="C61" s="6">
        <v>42</v>
      </c>
      <c r="D61" s="5">
        <v>95</v>
      </c>
    </row>
    <row r="62" spans="1:4" ht="18" customHeight="1" x14ac:dyDescent="0.15">
      <c r="A62" s="8">
        <v>47</v>
      </c>
      <c r="B62" s="21">
        <v>57</v>
      </c>
      <c r="C62" s="6">
        <v>48</v>
      </c>
      <c r="D62" s="5">
        <v>105</v>
      </c>
    </row>
    <row r="63" spans="1:4" ht="18" customHeight="1" x14ac:dyDescent="0.15">
      <c r="A63" s="8">
        <v>48</v>
      </c>
      <c r="B63" s="21">
        <v>58</v>
      </c>
      <c r="C63" s="6">
        <v>61</v>
      </c>
      <c r="D63" s="5">
        <v>119</v>
      </c>
    </row>
    <row r="64" spans="1:4" ht="18" customHeight="1" x14ac:dyDescent="0.15">
      <c r="A64" s="8">
        <v>49</v>
      </c>
      <c r="B64" s="21">
        <v>72</v>
      </c>
      <c r="C64" s="6">
        <v>52</v>
      </c>
      <c r="D64" s="5">
        <v>124</v>
      </c>
    </row>
    <row r="65" spans="1:4" ht="18" customHeight="1" x14ac:dyDescent="0.15">
      <c r="A65" s="8" t="s">
        <v>15</v>
      </c>
      <c r="B65" s="21">
        <v>273</v>
      </c>
      <c r="C65" s="6">
        <v>242</v>
      </c>
      <c r="D65" s="5">
        <v>515</v>
      </c>
    </row>
    <row r="66" spans="1:4" ht="18" customHeight="1" x14ac:dyDescent="0.15">
      <c r="A66" s="8">
        <v>50</v>
      </c>
      <c r="B66" s="21">
        <v>71</v>
      </c>
      <c r="C66" s="6">
        <v>66</v>
      </c>
      <c r="D66" s="5">
        <v>137</v>
      </c>
    </row>
    <row r="67" spans="1:4" ht="18" customHeight="1" x14ac:dyDescent="0.15">
      <c r="A67" s="8">
        <v>51</v>
      </c>
      <c r="B67" s="21">
        <v>72</v>
      </c>
      <c r="C67" s="6">
        <v>73</v>
      </c>
      <c r="D67" s="5">
        <v>145</v>
      </c>
    </row>
    <row r="68" spans="1:4" ht="18" customHeight="1" x14ac:dyDescent="0.15">
      <c r="A68" s="8">
        <v>52</v>
      </c>
      <c r="B68" s="21">
        <v>72</v>
      </c>
      <c r="C68" s="6">
        <v>85</v>
      </c>
      <c r="D68" s="5">
        <v>157</v>
      </c>
    </row>
    <row r="69" spans="1:4" ht="18" customHeight="1" x14ac:dyDescent="0.15">
      <c r="A69" s="8">
        <v>53</v>
      </c>
      <c r="B69" s="21">
        <v>82</v>
      </c>
      <c r="C69" s="6">
        <v>90</v>
      </c>
      <c r="D69" s="5">
        <v>172</v>
      </c>
    </row>
    <row r="70" spans="1:4" ht="18" customHeight="1" x14ac:dyDescent="0.15">
      <c r="A70" s="8">
        <v>54</v>
      </c>
      <c r="B70" s="21">
        <v>83</v>
      </c>
      <c r="C70" s="6">
        <v>84</v>
      </c>
      <c r="D70" s="5">
        <v>167</v>
      </c>
    </row>
    <row r="71" spans="1:4" ht="18" customHeight="1" x14ac:dyDescent="0.15">
      <c r="A71" s="8" t="s">
        <v>14</v>
      </c>
      <c r="B71" s="21">
        <v>380</v>
      </c>
      <c r="C71" s="6">
        <v>398</v>
      </c>
      <c r="D71" s="5">
        <v>778</v>
      </c>
    </row>
    <row r="72" spans="1:4" ht="18" customHeight="1" x14ac:dyDescent="0.15">
      <c r="A72" s="8">
        <v>55</v>
      </c>
      <c r="B72" s="21">
        <v>82</v>
      </c>
      <c r="C72" s="6">
        <v>81</v>
      </c>
      <c r="D72" s="5">
        <v>163</v>
      </c>
    </row>
    <row r="73" spans="1:4" ht="18" customHeight="1" x14ac:dyDescent="0.15">
      <c r="A73" s="8">
        <v>56</v>
      </c>
      <c r="B73" s="21">
        <v>72</v>
      </c>
      <c r="C73" s="6">
        <v>68</v>
      </c>
      <c r="D73" s="5">
        <v>140</v>
      </c>
    </row>
    <row r="74" spans="1:4" ht="18" customHeight="1" x14ac:dyDescent="0.15">
      <c r="A74" s="8">
        <v>57</v>
      </c>
      <c r="B74" s="21">
        <v>77</v>
      </c>
      <c r="C74" s="6">
        <v>73</v>
      </c>
      <c r="D74" s="5">
        <v>150</v>
      </c>
    </row>
    <row r="75" spans="1:4" ht="18" customHeight="1" x14ac:dyDescent="0.15">
      <c r="A75" s="8">
        <v>58</v>
      </c>
      <c r="B75" s="21">
        <v>68</v>
      </c>
      <c r="C75" s="6">
        <v>71</v>
      </c>
      <c r="D75" s="5">
        <v>139</v>
      </c>
    </row>
    <row r="76" spans="1:4" ht="18" customHeight="1" x14ac:dyDescent="0.15">
      <c r="A76" s="8">
        <v>59</v>
      </c>
      <c r="B76" s="21">
        <v>50</v>
      </c>
      <c r="C76" s="6">
        <v>42</v>
      </c>
      <c r="D76" s="5">
        <v>92</v>
      </c>
    </row>
    <row r="77" spans="1:4" ht="18" customHeight="1" x14ac:dyDescent="0.15">
      <c r="A77" s="8" t="s">
        <v>13</v>
      </c>
      <c r="B77" s="21">
        <v>349</v>
      </c>
      <c r="C77" s="6">
        <v>335</v>
      </c>
      <c r="D77" s="5">
        <v>684</v>
      </c>
    </row>
    <row r="78" spans="1:4" ht="18" customHeight="1" x14ac:dyDescent="0.15">
      <c r="A78" s="8">
        <v>60</v>
      </c>
      <c r="B78" s="21">
        <v>50</v>
      </c>
      <c r="C78" s="6">
        <v>58</v>
      </c>
      <c r="D78" s="5">
        <v>108</v>
      </c>
    </row>
    <row r="79" spans="1:4" ht="18" customHeight="1" x14ac:dyDescent="0.15">
      <c r="A79" s="8">
        <v>61</v>
      </c>
      <c r="B79" s="21">
        <v>54</v>
      </c>
      <c r="C79" s="6">
        <v>53</v>
      </c>
      <c r="D79" s="5">
        <v>107</v>
      </c>
    </row>
    <row r="80" spans="1:4" ht="18" customHeight="1" x14ac:dyDescent="0.15">
      <c r="A80" s="8">
        <v>62</v>
      </c>
      <c r="B80" s="21">
        <v>71</v>
      </c>
      <c r="C80" s="6">
        <v>58</v>
      </c>
      <c r="D80" s="5">
        <v>129</v>
      </c>
    </row>
    <row r="81" spans="1:4" ht="18" customHeight="1" x14ac:dyDescent="0.15">
      <c r="A81" s="8">
        <v>63</v>
      </c>
      <c r="B81" s="21">
        <v>66</v>
      </c>
      <c r="C81" s="6">
        <v>59</v>
      </c>
      <c r="D81" s="5">
        <v>125</v>
      </c>
    </row>
    <row r="82" spans="1:4" ht="18" customHeight="1" x14ac:dyDescent="0.15">
      <c r="A82" s="8">
        <v>64</v>
      </c>
      <c r="B82" s="21">
        <v>55</v>
      </c>
      <c r="C82" s="6">
        <v>60</v>
      </c>
      <c r="D82" s="5">
        <v>115</v>
      </c>
    </row>
    <row r="83" spans="1:4" ht="18" customHeight="1" x14ac:dyDescent="0.15">
      <c r="A83" s="8" t="s">
        <v>12</v>
      </c>
      <c r="B83" s="21">
        <v>296</v>
      </c>
      <c r="C83" s="6">
        <v>288</v>
      </c>
      <c r="D83" s="5">
        <v>584</v>
      </c>
    </row>
    <row r="84" spans="1:4" ht="18" customHeight="1" x14ac:dyDescent="0.15">
      <c r="A84" s="8" t="s">
        <v>11</v>
      </c>
      <c r="B84" s="21">
        <v>2385</v>
      </c>
      <c r="C84" s="6">
        <v>2248</v>
      </c>
      <c r="D84" s="5">
        <v>4633</v>
      </c>
    </row>
    <row r="85" spans="1:4" ht="18" customHeight="1" x14ac:dyDescent="0.15">
      <c r="A85" s="8">
        <v>65</v>
      </c>
      <c r="B85" s="21">
        <v>59</v>
      </c>
      <c r="C85" s="6">
        <v>54</v>
      </c>
      <c r="D85" s="5">
        <v>113</v>
      </c>
    </row>
    <row r="86" spans="1:4" ht="18" customHeight="1" x14ac:dyDescent="0.15">
      <c r="A86" s="8">
        <v>66</v>
      </c>
      <c r="B86" s="21">
        <v>60</v>
      </c>
      <c r="C86" s="6">
        <v>65</v>
      </c>
      <c r="D86" s="5">
        <v>125</v>
      </c>
    </row>
    <row r="87" spans="1:4" ht="18" customHeight="1" x14ac:dyDescent="0.15">
      <c r="A87" s="8">
        <v>67</v>
      </c>
      <c r="B87" s="21">
        <v>61</v>
      </c>
      <c r="C87" s="6">
        <v>69</v>
      </c>
      <c r="D87" s="5">
        <v>130</v>
      </c>
    </row>
    <row r="88" spans="1:4" ht="18" customHeight="1" x14ac:dyDescent="0.15">
      <c r="A88" s="8">
        <v>68</v>
      </c>
      <c r="B88" s="21">
        <v>64</v>
      </c>
      <c r="C88" s="6">
        <v>53</v>
      </c>
      <c r="D88" s="5">
        <v>117</v>
      </c>
    </row>
    <row r="89" spans="1:4" ht="18" customHeight="1" x14ac:dyDescent="0.15">
      <c r="A89" s="8">
        <v>69</v>
      </c>
      <c r="B89" s="21">
        <v>52</v>
      </c>
      <c r="C89" s="6">
        <v>64</v>
      </c>
      <c r="D89" s="5">
        <v>116</v>
      </c>
    </row>
    <row r="90" spans="1:4" ht="18" customHeight="1" x14ac:dyDescent="0.15">
      <c r="A90" s="8" t="s">
        <v>10</v>
      </c>
      <c r="B90" s="21">
        <v>296</v>
      </c>
      <c r="C90" s="6">
        <v>305</v>
      </c>
      <c r="D90" s="5">
        <v>601</v>
      </c>
    </row>
    <row r="91" spans="1:4" ht="18" customHeight="1" x14ac:dyDescent="0.15">
      <c r="A91" s="8">
        <v>70</v>
      </c>
      <c r="B91" s="21">
        <v>52</v>
      </c>
      <c r="C91" s="6">
        <v>57</v>
      </c>
      <c r="D91" s="5">
        <v>109</v>
      </c>
    </row>
    <row r="92" spans="1:4" ht="18" customHeight="1" x14ac:dyDescent="0.15">
      <c r="A92" s="8">
        <v>71</v>
      </c>
      <c r="B92" s="21">
        <v>64</v>
      </c>
      <c r="C92" s="6">
        <v>68</v>
      </c>
      <c r="D92" s="5">
        <v>132</v>
      </c>
    </row>
    <row r="93" spans="1:4" ht="18" customHeight="1" x14ac:dyDescent="0.15">
      <c r="A93" s="8">
        <v>72</v>
      </c>
      <c r="B93" s="21">
        <v>62</v>
      </c>
      <c r="C93" s="6">
        <v>75</v>
      </c>
      <c r="D93" s="5">
        <v>137</v>
      </c>
    </row>
    <row r="94" spans="1:4" ht="18" customHeight="1" x14ac:dyDescent="0.15">
      <c r="A94" s="8">
        <v>73</v>
      </c>
      <c r="B94" s="21">
        <v>52</v>
      </c>
      <c r="C94" s="6">
        <v>57</v>
      </c>
      <c r="D94" s="5">
        <v>109</v>
      </c>
    </row>
    <row r="95" spans="1:4" ht="18" customHeight="1" x14ac:dyDescent="0.15">
      <c r="A95" s="8">
        <v>74</v>
      </c>
      <c r="B95" s="21">
        <v>65</v>
      </c>
      <c r="C95" s="6">
        <v>74</v>
      </c>
      <c r="D95" s="5">
        <v>139</v>
      </c>
    </row>
    <row r="96" spans="1:4" ht="18" customHeight="1" x14ac:dyDescent="0.15">
      <c r="A96" s="8" t="s">
        <v>9</v>
      </c>
      <c r="B96" s="21">
        <v>295</v>
      </c>
      <c r="C96" s="6">
        <v>331</v>
      </c>
      <c r="D96" s="5">
        <v>626</v>
      </c>
    </row>
    <row r="97" spans="1:4" ht="18" customHeight="1" x14ac:dyDescent="0.15">
      <c r="A97" s="8">
        <v>75</v>
      </c>
      <c r="B97" s="21">
        <v>77</v>
      </c>
      <c r="C97" s="6">
        <v>87</v>
      </c>
      <c r="D97" s="5">
        <v>164</v>
      </c>
    </row>
    <row r="98" spans="1:4" ht="18" customHeight="1" x14ac:dyDescent="0.15">
      <c r="A98" s="8">
        <v>76</v>
      </c>
      <c r="B98" s="21">
        <v>75</v>
      </c>
      <c r="C98" s="6">
        <v>84</v>
      </c>
      <c r="D98" s="5">
        <v>159</v>
      </c>
    </row>
    <row r="99" spans="1:4" ht="18" customHeight="1" x14ac:dyDescent="0.15">
      <c r="A99" s="8">
        <v>77</v>
      </c>
      <c r="B99" s="21">
        <v>79</v>
      </c>
      <c r="C99" s="6">
        <v>100</v>
      </c>
      <c r="D99" s="5">
        <v>179</v>
      </c>
    </row>
    <row r="100" spans="1:4" ht="18" customHeight="1" x14ac:dyDescent="0.15">
      <c r="A100" s="8">
        <v>78</v>
      </c>
      <c r="B100" s="21">
        <v>90</v>
      </c>
      <c r="C100" s="6">
        <v>106</v>
      </c>
      <c r="D100" s="5">
        <v>196</v>
      </c>
    </row>
    <row r="101" spans="1:4" ht="18" customHeight="1" x14ac:dyDescent="0.15">
      <c r="A101" s="8">
        <v>79</v>
      </c>
      <c r="B101" s="21">
        <v>48</v>
      </c>
      <c r="C101" s="6">
        <v>65</v>
      </c>
      <c r="D101" s="5">
        <v>113</v>
      </c>
    </row>
    <row r="102" spans="1:4" ht="18" customHeight="1" x14ac:dyDescent="0.15">
      <c r="A102" s="8" t="s">
        <v>8</v>
      </c>
      <c r="B102" s="21">
        <v>369</v>
      </c>
      <c r="C102" s="6">
        <v>442</v>
      </c>
      <c r="D102" s="5">
        <v>811</v>
      </c>
    </row>
    <row r="103" spans="1:4" ht="18" customHeight="1" x14ac:dyDescent="0.15">
      <c r="A103" s="8">
        <v>80</v>
      </c>
      <c r="B103" s="21">
        <v>35</v>
      </c>
      <c r="C103" s="6">
        <v>47</v>
      </c>
      <c r="D103" s="5">
        <v>82</v>
      </c>
    </row>
    <row r="104" spans="1:4" ht="18" customHeight="1" x14ac:dyDescent="0.15">
      <c r="A104" s="8">
        <v>81</v>
      </c>
      <c r="B104" s="21">
        <v>41</v>
      </c>
      <c r="C104" s="6">
        <v>84</v>
      </c>
      <c r="D104" s="5">
        <v>125</v>
      </c>
    </row>
    <row r="105" spans="1:4" ht="18" customHeight="1" x14ac:dyDescent="0.15">
      <c r="A105" s="8">
        <v>82</v>
      </c>
      <c r="B105" s="21">
        <v>50</v>
      </c>
      <c r="C105" s="6">
        <v>55</v>
      </c>
      <c r="D105" s="5">
        <v>105</v>
      </c>
    </row>
    <row r="106" spans="1:4" ht="18" customHeight="1" x14ac:dyDescent="0.15">
      <c r="A106" s="8">
        <v>83</v>
      </c>
      <c r="B106" s="21">
        <v>36</v>
      </c>
      <c r="C106" s="6">
        <v>67</v>
      </c>
      <c r="D106" s="5">
        <v>103</v>
      </c>
    </row>
    <row r="107" spans="1:4" ht="18" customHeight="1" x14ac:dyDescent="0.15">
      <c r="A107" s="8">
        <v>84</v>
      </c>
      <c r="B107" s="21">
        <v>40</v>
      </c>
      <c r="C107" s="6">
        <v>62</v>
      </c>
      <c r="D107" s="5">
        <v>102</v>
      </c>
    </row>
    <row r="108" spans="1:4" ht="18" customHeight="1" x14ac:dyDescent="0.15">
      <c r="A108" s="8" t="s">
        <v>7</v>
      </c>
      <c r="B108" s="21">
        <v>202</v>
      </c>
      <c r="C108" s="6">
        <v>315</v>
      </c>
      <c r="D108" s="5">
        <v>517</v>
      </c>
    </row>
    <row r="109" spans="1:4" ht="18" customHeight="1" x14ac:dyDescent="0.15">
      <c r="A109" s="8">
        <v>85</v>
      </c>
      <c r="B109" s="21">
        <v>31</v>
      </c>
      <c r="C109" s="6">
        <v>49</v>
      </c>
      <c r="D109" s="5">
        <v>80</v>
      </c>
    </row>
    <row r="110" spans="1:4" ht="18" customHeight="1" x14ac:dyDescent="0.15">
      <c r="A110" s="8">
        <v>86</v>
      </c>
      <c r="B110" s="21">
        <v>24</v>
      </c>
      <c r="C110" s="6">
        <v>41</v>
      </c>
      <c r="D110" s="5">
        <v>65</v>
      </c>
    </row>
    <row r="111" spans="1:4" ht="18" customHeight="1" x14ac:dyDescent="0.15">
      <c r="A111" s="8">
        <v>87</v>
      </c>
      <c r="B111" s="21">
        <v>19</v>
      </c>
      <c r="C111" s="6">
        <v>50</v>
      </c>
      <c r="D111" s="5">
        <v>69</v>
      </c>
    </row>
    <row r="112" spans="1:4" ht="18" customHeight="1" x14ac:dyDescent="0.15">
      <c r="A112" s="8">
        <v>88</v>
      </c>
      <c r="B112" s="21">
        <v>25</v>
      </c>
      <c r="C112" s="6">
        <v>50</v>
      </c>
      <c r="D112" s="5">
        <v>75</v>
      </c>
    </row>
    <row r="113" spans="1:4" ht="18" customHeight="1" x14ac:dyDescent="0.15">
      <c r="A113" s="8">
        <v>89</v>
      </c>
      <c r="B113" s="21">
        <v>16</v>
      </c>
      <c r="C113" s="6">
        <v>45</v>
      </c>
      <c r="D113" s="5">
        <v>61</v>
      </c>
    </row>
    <row r="114" spans="1:4" ht="18" customHeight="1" x14ac:dyDescent="0.15">
      <c r="A114" s="8" t="s">
        <v>6</v>
      </c>
      <c r="B114" s="21">
        <v>115</v>
      </c>
      <c r="C114" s="6">
        <v>235</v>
      </c>
      <c r="D114" s="5">
        <v>350</v>
      </c>
    </row>
    <row r="115" spans="1:4" ht="18" customHeight="1" x14ac:dyDescent="0.15">
      <c r="A115" s="8">
        <v>90</v>
      </c>
      <c r="B115" s="21">
        <v>14</v>
      </c>
      <c r="C115" s="6">
        <v>32</v>
      </c>
      <c r="D115" s="5">
        <v>46</v>
      </c>
    </row>
    <row r="116" spans="1:4" ht="18" customHeight="1" x14ac:dyDescent="0.15">
      <c r="A116" s="8">
        <v>91</v>
      </c>
      <c r="B116" s="21">
        <v>20</v>
      </c>
      <c r="C116" s="6">
        <v>30</v>
      </c>
      <c r="D116" s="5">
        <v>50</v>
      </c>
    </row>
    <row r="117" spans="1:4" ht="18" customHeight="1" x14ac:dyDescent="0.15">
      <c r="A117" s="8">
        <v>92</v>
      </c>
      <c r="B117" s="21">
        <v>12</v>
      </c>
      <c r="C117" s="6">
        <v>35</v>
      </c>
      <c r="D117" s="5">
        <v>47</v>
      </c>
    </row>
    <row r="118" spans="1:4" ht="18" customHeight="1" x14ac:dyDescent="0.15">
      <c r="A118" s="8">
        <v>93</v>
      </c>
      <c r="B118" s="21">
        <v>4</v>
      </c>
      <c r="C118" s="6">
        <v>24</v>
      </c>
      <c r="D118" s="5">
        <v>28</v>
      </c>
    </row>
    <row r="119" spans="1:4" ht="18" customHeight="1" x14ac:dyDescent="0.15">
      <c r="A119" s="8">
        <v>94</v>
      </c>
      <c r="B119" s="21">
        <v>4</v>
      </c>
      <c r="C119" s="6">
        <v>18</v>
      </c>
      <c r="D119" s="5">
        <v>22</v>
      </c>
    </row>
    <row r="120" spans="1:4" ht="18" customHeight="1" x14ac:dyDescent="0.15">
      <c r="A120" s="8" t="s">
        <v>5</v>
      </c>
      <c r="B120" s="21">
        <v>54</v>
      </c>
      <c r="C120" s="6">
        <v>139</v>
      </c>
      <c r="D120" s="5">
        <v>193</v>
      </c>
    </row>
    <row r="121" spans="1:4" ht="18" customHeight="1" x14ac:dyDescent="0.15">
      <c r="A121" s="8">
        <v>95</v>
      </c>
      <c r="B121" s="21">
        <v>6</v>
      </c>
      <c r="C121" s="6">
        <v>16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12</v>
      </c>
      <c r="D122" s="5">
        <v>15</v>
      </c>
    </row>
    <row r="123" spans="1:4" ht="18" customHeight="1" x14ac:dyDescent="0.15">
      <c r="A123" s="8">
        <v>97</v>
      </c>
      <c r="B123" s="21">
        <v>3</v>
      </c>
      <c r="C123" s="6">
        <v>11</v>
      </c>
      <c r="D123" s="5">
        <v>14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4</v>
      </c>
      <c r="C126" s="6">
        <v>50</v>
      </c>
      <c r="D126" s="5">
        <v>64</v>
      </c>
    </row>
    <row r="127" spans="1:4" ht="18" customHeight="1" x14ac:dyDescent="0.15">
      <c r="A127" s="8">
        <v>100</v>
      </c>
      <c r="B127" s="21">
        <v>0</v>
      </c>
      <c r="C127" s="6">
        <v>8</v>
      </c>
      <c r="D127" s="5">
        <v>8</v>
      </c>
    </row>
    <row r="128" spans="1:4" ht="18" customHeight="1" x14ac:dyDescent="0.15">
      <c r="A128" s="9" t="s">
        <v>3</v>
      </c>
      <c r="B128" s="21">
        <v>0</v>
      </c>
      <c r="C128" s="6">
        <v>9</v>
      </c>
      <c r="D128" s="5">
        <v>9</v>
      </c>
    </row>
    <row r="129" spans="1:4" ht="18" customHeight="1" x14ac:dyDescent="0.15">
      <c r="A129" s="8" t="s">
        <v>2</v>
      </c>
      <c r="B129" s="21">
        <v>0</v>
      </c>
      <c r="C129" s="6">
        <v>17</v>
      </c>
      <c r="D129" s="5">
        <v>17</v>
      </c>
    </row>
    <row r="130" spans="1:4" ht="18" customHeight="1" x14ac:dyDescent="0.15">
      <c r="A130" s="8" t="s">
        <v>1</v>
      </c>
      <c r="B130" s="21">
        <v>1345</v>
      </c>
      <c r="C130" s="6">
        <v>1834</v>
      </c>
      <c r="D130" s="5">
        <v>3179</v>
      </c>
    </row>
    <row r="131" spans="1:4" ht="18" customHeight="1" x14ac:dyDescent="0.15">
      <c r="A131" s="4" t="s">
        <v>0</v>
      </c>
      <c r="B131" s="20">
        <v>4060</v>
      </c>
      <c r="C131" s="2">
        <v>4380</v>
      </c>
      <c r="D131" s="1">
        <v>844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ED615C-276C-406C-876C-BC1F4A6E739F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1</v>
      </c>
      <c r="D5" s="30">
        <v>3</v>
      </c>
    </row>
    <row r="6" spans="1:4" ht="18" customHeight="1" x14ac:dyDescent="0.15">
      <c r="A6" s="8">
        <v>1</v>
      </c>
      <c r="B6" s="26">
        <v>0</v>
      </c>
      <c r="C6" s="6">
        <v>5</v>
      </c>
      <c r="D6" s="5">
        <v>5</v>
      </c>
    </row>
    <row r="7" spans="1:4" ht="18" customHeight="1" x14ac:dyDescent="0.15">
      <c r="A7" s="8">
        <v>2</v>
      </c>
      <c r="B7" s="26">
        <v>2</v>
      </c>
      <c r="C7" s="6">
        <v>3</v>
      </c>
      <c r="D7" s="5">
        <v>5</v>
      </c>
    </row>
    <row r="8" spans="1:4" ht="18" customHeight="1" x14ac:dyDescent="0.15">
      <c r="A8" s="8">
        <v>3</v>
      </c>
      <c r="B8" s="26">
        <v>2</v>
      </c>
      <c r="C8" s="6">
        <v>4</v>
      </c>
      <c r="D8" s="5">
        <v>6</v>
      </c>
    </row>
    <row r="9" spans="1:4" ht="18" customHeight="1" x14ac:dyDescent="0.15">
      <c r="A9" s="8">
        <v>4</v>
      </c>
      <c r="B9" s="29">
        <v>3</v>
      </c>
      <c r="C9" s="28">
        <v>2</v>
      </c>
      <c r="D9" s="27">
        <v>5</v>
      </c>
    </row>
    <row r="10" spans="1:4" ht="18" customHeight="1" x14ac:dyDescent="0.15">
      <c r="A10" s="8" t="s">
        <v>25</v>
      </c>
      <c r="B10" s="21">
        <v>9</v>
      </c>
      <c r="C10" s="6">
        <v>15</v>
      </c>
      <c r="D10" s="5">
        <v>24</v>
      </c>
    </row>
    <row r="11" spans="1:4" ht="18" customHeight="1" x14ac:dyDescent="0.15">
      <c r="A11" s="8">
        <v>5</v>
      </c>
      <c r="B11" s="26">
        <v>4</v>
      </c>
      <c r="C11" s="6">
        <v>7</v>
      </c>
      <c r="D11" s="5">
        <v>11</v>
      </c>
    </row>
    <row r="12" spans="1:4" ht="18" customHeight="1" x14ac:dyDescent="0.15">
      <c r="A12" s="8">
        <v>6</v>
      </c>
      <c r="B12" s="26">
        <v>2</v>
      </c>
      <c r="C12" s="6">
        <v>4</v>
      </c>
      <c r="D12" s="5">
        <v>6</v>
      </c>
    </row>
    <row r="13" spans="1:4" ht="18" customHeight="1" x14ac:dyDescent="0.15">
      <c r="A13" s="8">
        <v>7</v>
      </c>
      <c r="B13" s="26">
        <v>3</v>
      </c>
      <c r="C13" s="6">
        <v>5</v>
      </c>
      <c r="D13" s="5">
        <v>8</v>
      </c>
    </row>
    <row r="14" spans="1:4" ht="18" customHeight="1" x14ac:dyDescent="0.15">
      <c r="A14" s="8">
        <v>8</v>
      </c>
      <c r="B14" s="26">
        <v>3</v>
      </c>
      <c r="C14" s="6">
        <v>4</v>
      </c>
      <c r="D14" s="5">
        <v>7</v>
      </c>
    </row>
    <row r="15" spans="1:4" ht="18" customHeight="1" x14ac:dyDescent="0.15">
      <c r="A15" s="8">
        <v>9</v>
      </c>
      <c r="B15" s="26">
        <v>4</v>
      </c>
      <c r="C15" s="6">
        <v>3</v>
      </c>
      <c r="D15" s="5">
        <v>7</v>
      </c>
    </row>
    <row r="16" spans="1:4" ht="18" customHeight="1" x14ac:dyDescent="0.15">
      <c r="A16" s="8" t="s">
        <v>24</v>
      </c>
      <c r="B16" s="21">
        <v>16</v>
      </c>
      <c r="C16" s="6">
        <v>23</v>
      </c>
      <c r="D16" s="5">
        <v>39</v>
      </c>
    </row>
    <row r="17" spans="1:4" ht="18" customHeight="1" x14ac:dyDescent="0.15">
      <c r="A17" s="8">
        <v>10</v>
      </c>
      <c r="B17" s="21">
        <v>4</v>
      </c>
      <c r="C17" s="6">
        <v>6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4</v>
      </c>
      <c r="D18" s="5">
        <v>10</v>
      </c>
    </row>
    <row r="19" spans="1:4" ht="18" customHeight="1" x14ac:dyDescent="0.15">
      <c r="A19" s="8">
        <v>12</v>
      </c>
      <c r="B19" s="21">
        <v>5</v>
      </c>
      <c r="C19" s="6">
        <v>5</v>
      </c>
      <c r="D19" s="5">
        <v>10</v>
      </c>
    </row>
    <row r="20" spans="1:4" ht="18" customHeight="1" x14ac:dyDescent="0.15">
      <c r="A20" s="8">
        <v>13</v>
      </c>
      <c r="B20" s="21">
        <v>2</v>
      </c>
      <c r="C20" s="6">
        <v>9</v>
      </c>
      <c r="D20" s="5">
        <v>11</v>
      </c>
    </row>
    <row r="21" spans="1:4" ht="18" customHeight="1" x14ac:dyDescent="0.15">
      <c r="A21" s="8">
        <v>14</v>
      </c>
      <c r="B21" s="21">
        <v>7</v>
      </c>
      <c r="C21" s="6">
        <v>8</v>
      </c>
      <c r="D21" s="5">
        <v>15</v>
      </c>
    </row>
    <row r="22" spans="1:4" ht="18" customHeight="1" x14ac:dyDescent="0.15">
      <c r="A22" s="8" t="s">
        <v>23</v>
      </c>
      <c r="B22" s="21">
        <v>24</v>
      </c>
      <c r="C22" s="6">
        <v>32</v>
      </c>
      <c r="D22" s="5">
        <v>56</v>
      </c>
    </row>
    <row r="23" spans="1:4" ht="18" customHeight="1" x14ac:dyDescent="0.15">
      <c r="A23" s="8" t="s">
        <v>22</v>
      </c>
      <c r="B23" s="21">
        <v>49</v>
      </c>
      <c r="C23" s="6">
        <v>70</v>
      </c>
      <c r="D23" s="5">
        <v>119</v>
      </c>
    </row>
    <row r="24" spans="1:4" ht="18" customHeight="1" x14ac:dyDescent="0.15">
      <c r="A24" s="8">
        <v>15</v>
      </c>
      <c r="B24" s="21">
        <v>6</v>
      </c>
      <c r="C24" s="6">
        <v>5</v>
      </c>
      <c r="D24" s="5">
        <v>11</v>
      </c>
    </row>
    <row r="25" spans="1:4" ht="18" customHeight="1" x14ac:dyDescent="0.15">
      <c r="A25" s="8">
        <v>16</v>
      </c>
      <c r="B25" s="21">
        <v>13</v>
      </c>
      <c r="C25" s="6">
        <v>8</v>
      </c>
      <c r="D25" s="5">
        <v>21</v>
      </c>
    </row>
    <row r="26" spans="1:4" ht="18" customHeight="1" x14ac:dyDescent="0.15">
      <c r="A26" s="8">
        <v>17</v>
      </c>
      <c r="B26" s="21">
        <v>7</v>
      </c>
      <c r="C26" s="6">
        <v>5</v>
      </c>
      <c r="D26" s="5">
        <v>12</v>
      </c>
    </row>
    <row r="27" spans="1:4" ht="18" customHeight="1" x14ac:dyDescent="0.15">
      <c r="A27" s="8">
        <v>18</v>
      </c>
      <c r="B27" s="21">
        <v>10</v>
      </c>
      <c r="C27" s="6">
        <v>7</v>
      </c>
      <c r="D27" s="5">
        <v>17</v>
      </c>
    </row>
    <row r="28" spans="1:4" ht="18" customHeight="1" x14ac:dyDescent="0.15">
      <c r="A28" s="8">
        <v>19</v>
      </c>
      <c r="B28" s="21">
        <v>12</v>
      </c>
      <c r="C28" s="6">
        <v>11</v>
      </c>
      <c r="D28" s="5">
        <v>23</v>
      </c>
    </row>
    <row r="29" spans="1:4" ht="18" customHeight="1" x14ac:dyDescent="0.15">
      <c r="A29" s="8" t="s">
        <v>21</v>
      </c>
      <c r="B29" s="21">
        <v>48</v>
      </c>
      <c r="C29" s="6">
        <v>36</v>
      </c>
      <c r="D29" s="5">
        <v>84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2</v>
      </c>
      <c r="C31" s="6">
        <v>3</v>
      </c>
      <c r="D31" s="5">
        <v>5</v>
      </c>
    </row>
    <row r="32" spans="1:4" ht="18" customHeight="1" x14ac:dyDescent="0.15">
      <c r="A32" s="8">
        <v>22</v>
      </c>
      <c r="B32" s="21">
        <v>6</v>
      </c>
      <c r="C32" s="6">
        <v>6</v>
      </c>
      <c r="D32" s="5">
        <v>12</v>
      </c>
    </row>
    <row r="33" spans="1:4" ht="18" customHeight="1" x14ac:dyDescent="0.15">
      <c r="A33" s="8">
        <v>23</v>
      </c>
      <c r="B33" s="21">
        <v>12</v>
      </c>
      <c r="C33" s="6">
        <v>10</v>
      </c>
      <c r="D33" s="5">
        <v>22</v>
      </c>
    </row>
    <row r="34" spans="1:4" ht="18" customHeight="1" x14ac:dyDescent="0.15">
      <c r="A34" s="8">
        <v>24</v>
      </c>
      <c r="B34" s="21">
        <v>7</v>
      </c>
      <c r="C34" s="6">
        <v>3</v>
      </c>
      <c r="D34" s="5">
        <v>10</v>
      </c>
    </row>
    <row r="35" spans="1:4" ht="18" customHeight="1" x14ac:dyDescent="0.15">
      <c r="A35" s="8" t="s">
        <v>20</v>
      </c>
      <c r="B35" s="21">
        <v>34</v>
      </c>
      <c r="C35" s="6">
        <v>29</v>
      </c>
      <c r="D35" s="5">
        <v>63</v>
      </c>
    </row>
    <row r="36" spans="1:4" ht="18" customHeight="1" x14ac:dyDescent="0.15">
      <c r="A36" s="8">
        <v>25</v>
      </c>
      <c r="B36" s="21">
        <v>11</v>
      </c>
      <c r="C36" s="6">
        <v>3</v>
      </c>
      <c r="D36" s="5">
        <v>14</v>
      </c>
    </row>
    <row r="37" spans="1:4" ht="18" customHeight="1" x14ac:dyDescent="0.15">
      <c r="A37" s="8">
        <v>26</v>
      </c>
      <c r="B37" s="21">
        <v>13</v>
      </c>
      <c r="C37" s="6">
        <v>4</v>
      </c>
      <c r="D37" s="5">
        <v>17</v>
      </c>
    </row>
    <row r="38" spans="1:4" ht="18" customHeight="1" x14ac:dyDescent="0.15">
      <c r="A38" s="8">
        <v>27</v>
      </c>
      <c r="B38" s="21">
        <v>15</v>
      </c>
      <c r="C38" s="6">
        <v>4</v>
      </c>
      <c r="D38" s="5">
        <v>19</v>
      </c>
    </row>
    <row r="39" spans="1:4" ht="18" customHeight="1" x14ac:dyDescent="0.15">
      <c r="A39" s="8">
        <v>28</v>
      </c>
      <c r="B39" s="21">
        <v>6</v>
      </c>
      <c r="C39" s="6">
        <v>7</v>
      </c>
      <c r="D39" s="5">
        <v>13</v>
      </c>
    </row>
    <row r="40" spans="1:4" ht="18" customHeight="1" x14ac:dyDescent="0.15">
      <c r="A40" s="8">
        <v>29</v>
      </c>
      <c r="B40" s="21">
        <v>9</v>
      </c>
      <c r="C40" s="6">
        <v>4</v>
      </c>
      <c r="D40" s="5">
        <v>13</v>
      </c>
    </row>
    <row r="41" spans="1:4" ht="18" customHeight="1" x14ac:dyDescent="0.15">
      <c r="A41" s="8" t="s">
        <v>19</v>
      </c>
      <c r="B41" s="21">
        <v>54</v>
      </c>
      <c r="C41" s="6">
        <v>22</v>
      </c>
      <c r="D41" s="5">
        <v>76</v>
      </c>
    </row>
    <row r="42" spans="1:4" ht="18" customHeight="1" x14ac:dyDescent="0.15">
      <c r="A42" s="8">
        <v>30</v>
      </c>
      <c r="B42" s="21">
        <v>3</v>
      </c>
      <c r="C42" s="6">
        <v>5</v>
      </c>
      <c r="D42" s="5">
        <v>8</v>
      </c>
    </row>
    <row r="43" spans="1:4" ht="18" customHeight="1" x14ac:dyDescent="0.15">
      <c r="A43" s="8">
        <v>31</v>
      </c>
      <c r="B43" s="21">
        <v>5</v>
      </c>
      <c r="C43" s="6">
        <v>2</v>
      </c>
      <c r="D43" s="5">
        <v>7</v>
      </c>
    </row>
    <row r="44" spans="1:4" ht="18" customHeight="1" x14ac:dyDescent="0.15">
      <c r="A44" s="8">
        <v>32</v>
      </c>
      <c r="B44" s="21">
        <v>7</v>
      </c>
      <c r="C44" s="6">
        <v>1</v>
      </c>
      <c r="D44" s="5">
        <v>8</v>
      </c>
    </row>
    <row r="45" spans="1:4" ht="18" customHeight="1" x14ac:dyDescent="0.15">
      <c r="A45" s="8">
        <v>33</v>
      </c>
      <c r="B45" s="21">
        <v>6</v>
      </c>
      <c r="C45" s="6">
        <v>4</v>
      </c>
      <c r="D45" s="5">
        <v>10</v>
      </c>
    </row>
    <row r="46" spans="1:4" ht="18" customHeight="1" x14ac:dyDescent="0.15">
      <c r="A46" s="8">
        <v>34</v>
      </c>
      <c r="B46" s="21">
        <v>2</v>
      </c>
      <c r="C46" s="6">
        <v>6</v>
      </c>
      <c r="D46" s="5">
        <v>8</v>
      </c>
    </row>
    <row r="47" spans="1:4" ht="18" customHeight="1" x14ac:dyDescent="0.15">
      <c r="A47" s="8" t="s">
        <v>18</v>
      </c>
      <c r="B47" s="21">
        <v>23</v>
      </c>
      <c r="C47" s="6">
        <v>18</v>
      </c>
      <c r="D47" s="5">
        <v>41</v>
      </c>
    </row>
    <row r="48" spans="1:4" ht="18" customHeight="1" x14ac:dyDescent="0.15">
      <c r="A48" s="8">
        <v>35</v>
      </c>
      <c r="B48" s="21">
        <v>7</v>
      </c>
      <c r="C48" s="6">
        <v>2</v>
      </c>
      <c r="D48" s="5">
        <v>9</v>
      </c>
    </row>
    <row r="49" spans="1:4" ht="18" customHeight="1" x14ac:dyDescent="0.15">
      <c r="A49" s="8">
        <v>36</v>
      </c>
      <c r="B49" s="21">
        <v>5</v>
      </c>
      <c r="C49" s="6">
        <v>5</v>
      </c>
      <c r="D49" s="5">
        <v>10</v>
      </c>
    </row>
    <row r="50" spans="1:4" ht="18" customHeight="1" x14ac:dyDescent="0.15">
      <c r="A50" s="8">
        <v>37</v>
      </c>
      <c r="B50" s="21">
        <v>2</v>
      </c>
      <c r="C50" s="6">
        <v>2</v>
      </c>
      <c r="D50" s="5">
        <v>4</v>
      </c>
    </row>
    <row r="51" spans="1:4" ht="18" customHeight="1" x14ac:dyDescent="0.15">
      <c r="A51" s="8">
        <v>38</v>
      </c>
      <c r="B51" s="21">
        <v>4</v>
      </c>
      <c r="C51" s="6">
        <v>3</v>
      </c>
      <c r="D51" s="5">
        <v>7</v>
      </c>
    </row>
    <row r="52" spans="1:4" ht="18" customHeight="1" x14ac:dyDescent="0.15">
      <c r="A52" s="8">
        <v>39</v>
      </c>
      <c r="B52" s="21">
        <v>7</v>
      </c>
      <c r="C52" s="6">
        <v>8</v>
      </c>
      <c r="D52" s="5">
        <v>15</v>
      </c>
    </row>
    <row r="53" spans="1:4" ht="18" customHeight="1" x14ac:dyDescent="0.15">
      <c r="A53" s="8" t="s">
        <v>17</v>
      </c>
      <c r="B53" s="21">
        <v>25</v>
      </c>
      <c r="C53" s="6">
        <v>20</v>
      </c>
      <c r="D53" s="5">
        <v>45</v>
      </c>
    </row>
    <row r="54" spans="1:4" ht="18" customHeight="1" x14ac:dyDescent="0.15">
      <c r="A54" s="8">
        <v>40</v>
      </c>
      <c r="B54" s="21">
        <v>5</v>
      </c>
      <c r="C54" s="6">
        <v>4</v>
      </c>
      <c r="D54" s="5">
        <v>9</v>
      </c>
    </row>
    <row r="55" spans="1:4" ht="18" customHeight="1" x14ac:dyDescent="0.15">
      <c r="A55" s="8">
        <v>41</v>
      </c>
      <c r="B55" s="21">
        <v>15</v>
      </c>
      <c r="C55" s="6">
        <v>9</v>
      </c>
      <c r="D55" s="5">
        <v>24</v>
      </c>
    </row>
    <row r="56" spans="1:4" ht="18" customHeight="1" x14ac:dyDescent="0.15">
      <c r="A56" s="8">
        <v>42</v>
      </c>
      <c r="B56" s="21">
        <v>7</v>
      </c>
      <c r="C56" s="6">
        <v>9</v>
      </c>
      <c r="D56" s="5">
        <v>16</v>
      </c>
    </row>
    <row r="57" spans="1:4" ht="18" customHeight="1" x14ac:dyDescent="0.15">
      <c r="A57" s="8">
        <v>43</v>
      </c>
      <c r="B57" s="21">
        <v>7</v>
      </c>
      <c r="C57" s="6">
        <v>10</v>
      </c>
      <c r="D57" s="5">
        <v>17</v>
      </c>
    </row>
    <row r="58" spans="1:4" ht="18" customHeight="1" x14ac:dyDescent="0.15">
      <c r="A58" s="8">
        <v>44</v>
      </c>
      <c r="B58" s="21">
        <v>14</v>
      </c>
      <c r="C58" s="6">
        <v>6</v>
      </c>
      <c r="D58" s="5">
        <v>20</v>
      </c>
    </row>
    <row r="59" spans="1:4" ht="18" customHeight="1" x14ac:dyDescent="0.15">
      <c r="A59" s="8" t="s">
        <v>16</v>
      </c>
      <c r="B59" s="21">
        <v>48</v>
      </c>
      <c r="C59" s="6">
        <v>38</v>
      </c>
      <c r="D59" s="5">
        <v>86</v>
      </c>
    </row>
    <row r="60" spans="1:4" ht="18" customHeight="1" x14ac:dyDescent="0.15">
      <c r="A60" s="8">
        <v>45</v>
      </c>
      <c r="B60" s="21">
        <v>11</v>
      </c>
      <c r="C60" s="6">
        <v>5</v>
      </c>
      <c r="D60" s="5">
        <v>16</v>
      </c>
    </row>
    <row r="61" spans="1:4" ht="18" customHeight="1" x14ac:dyDescent="0.15">
      <c r="A61" s="8">
        <v>46</v>
      </c>
      <c r="B61" s="21">
        <v>9</v>
      </c>
      <c r="C61" s="6">
        <v>6</v>
      </c>
      <c r="D61" s="5">
        <v>15</v>
      </c>
    </row>
    <row r="62" spans="1:4" ht="18" customHeight="1" x14ac:dyDescent="0.15">
      <c r="A62" s="8">
        <v>47</v>
      </c>
      <c r="B62" s="21">
        <v>8</v>
      </c>
      <c r="C62" s="6">
        <v>14</v>
      </c>
      <c r="D62" s="5">
        <v>22</v>
      </c>
    </row>
    <row r="63" spans="1:4" ht="18" customHeight="1" x14ac:dyDescent="0.15">
      <c r="A63" s="8">
        <v>48</v>
      </c>
      <c r="B63" s="21">
        <v>7</v>
      </c>
      <c r="C63" s="6">
        <v>11</v>
      </c>
      <c r="D63" s="5">
        <v>18</v>
      </c>
    </row>
    <row r="64" spans="1:4" ht="18" customHeight="1" x14ac:dyDescent="0.15">
      <c r="A64" s="8">
        <v>49</v>
      </c>
      <c r="B64" s="21">
        <v>10</v>
      </c>
      <c r="C64" s="6">
        <v>11</v>
      </c>
      <c r="D64" s="5">
        <v>21</v>
      </c>
    </row>
    <row r="65" spans="1:4" ht="18" customHeight="1" x14ac:dyDescent="0.15">
      <c r="A65" s="8" t="s">
        <v>15</v>
      </c>
      <c r="B65" s="21">
        <v>45</v>
      </c>
      <c r="C65" s="6">
        <v>47</v>
      </c>
      <c r="D65" s="5">
        <v>92</v>
      </c>
    </row>
    <row r="66" spans="1:4" ht="18" customHeight="1" x14ac:dyDescent="0.15">
      <c r="A66" s="8">
        <v>50</v>
      </c>
      <c r="B66" s="21">
        <v>12</v>
      </c>
      <c r="C66" s="6">
        <v>5</v>
      </c>
      <c r="D66" s="5">
        <v>17</v>
      </c>
    </row>
    <row r="67" spans="1:4" ht="18" customHeight="1" x14ac:dyDescent="0.15">
      <c r="A67" s="8">
        <v>51</v>
      </c>
      <c r="B67" s="21">
        <v>14</v>
      </c>
      <c r="C67" s="6">
        <v>13</v>
      </c>
      <c r="D67" s="5">
        <v>27</v>
      </c>
    </row>
    <row r="68" spans="1:4" ht="18" customHeight="1" x14ac:dyDescent="0.15">
      <c r="A68" s="8">
        <v>52</v>
      </c>
      <c r="B68" s="21">
        <v>18</v>
      </c>
      <c r="C68" s="6">
        <v>12</v>
      </c>
      <c r="D68" s="5">
        <v>30</v>
      </c>
    </row>
    <row r="69" spans="1:4" ht="18" customHeight="1" x14ac:dyDescent="0.15">
      <c r="A69" s="8">
        <v>53</v>
      </c>
      <c r="B69" s="21">
        <v>13</v>
      </c>
      <c r="C69" s="6">
        <v>12</v>
      </c>
      <c r="D69" s="5">
        <v>25</v>
      </c>
    </row>
    <row r="70" spans="1:4" ht="18" customHeight="1" x14ac:dyDescent="0.15">
      <c r="A70" s="8">
        <v>54</v>
      </c>
      <c r="B70" s="21">
        <v>12</v>
      </c>
      <c r="C70" s="6">
        <v>11</v>
      </c>
      <c r="D70" s="5">
        <v>23</v>
      </c>
    </row>
    <row r="71" spans="1:4" ht="18" customHeight="1" x14ac:dyDescent="0.15">
      <c r="A71" s="8" t="s">
        <v>14</v>
      </c>
      <c r="B71" s="21">
        <v>69</v>
      </c>
      <c r="C71" s="6">
        <v>53</v>
      </c>
      <c r="D71" s="5">
        <v>122</v>
      </c>
    </row>
    <row r="72" spans="1:4" ht="18" customHeight="1" x14ac:dyDescent="0.15">
      <c r="A72" s="8">
        <v>55</v>
      </c>
      <c r="B72" s="21">
        <v>20</v>
      </c>
      <c r="C72" s="6">
        <v>13</v>
      </c>
      <c r="D72" s="5">
        <v>33</v>
      </c>
    </row>
    <row r="73" spans="1:4" ht="18" customHeight="1" x14ac:dyDescent="0.15">
      <c r="A73" s="8">
        <v>56</v>
      </c>
      <c r="B73" s="21">
        <v>12</v>
      </c>
      <c r="C73" s="6">
        <v>10</v>
      </c>
      <c r="D73" s="5">
        <v>22</v>
      </c>
    </row>
    <row r="74" spans="1:4" ht="18" customHeight="1" x14ac:dyDescent="0.15">
      <c r="A74" s="8">
        <v>57</v>
      </c>
      <c r="B74" s="21">
        <v>12</v>
      </c>
      <c r="C74" s="6">
        <v>8</v>
      </c>
      <c r="D74" s="5">
        <v>20</v>
      </c>
    </row>
    <row r="75" spans="1:4" ht="18" customHeight="1" x14ac:dyDescent="0.15">
      <c r="A75" s="8">
        <v>58</v>
      </c>
      <c r="B75" s="21">
        <v>7</v>
      </c>
      <c r="C75" s="6">
        <v>12</v>
      </c>
      <c r="D75" s="5">
        <v>19</v>
      </c>
    </row>
    <row r="76" spans="1:4" ht="18" customHeight="1" x14ac:dyDescent="0.15">
      <c r="A76" s="8">
        <v>59</v>
      </c>
      <c r="B76" s="21">
        <v>6</v>
      </c>
      <c r="C76" s="6">
        <v>7</v>
      </c>
      <c r="D76" s="5">
        <v>13</v>
      </c>
    </row>
    <row r="77" spans="1:4" ht="18" customHeight="1" x14ac:dyDescent="0.15">
      <c r="A77" s="8" t="s">
        <v>13</v>
      </c>
      <c r="B77" s="21">
        <v>57</v>
      </c>
      <c r="C77" s="6">
        <v>50</v>
      </c>
      <c r="D77" s="5">
        <v>107</v>
      </c>
    </row>
    <row r="78" spans="1:4" ht="18" customHeight="1" x14ac:dyDescent="0.15">
      <c r="A78" s="8">
        <v>60</v>
      </c>
      <c r="B78" s="21">
        <v>16</v>
      </c>
      <c r="C78" s="6">
        <v>11</v>
      </c>
      <c r="D78" s="5">
        <v>27</v>
      </c>
    </row>
    <row r="79" spans="1:4" ht="18" customHeight="1" x14ac:dyDescent="0.15">
      <c r="A79" s="8">
        <v>61</v>
      </c>
      <c r="B79" s="21">
        <v>13</v>
      </c>
      <c r="C79" s="6">
        <v>10</v>
      </c>
      <c r="D79" s="5">
        <v>23</v>
      </c>
    </row>
    <row r="80" spans="1:4" ht="18" customHeight="1" x14ac:dyDescent="0.15">
      <c r="A80" s="8">
        <v>62</v>
      </c>
      <c r="B80" s="21">
        <v>7</v>
      </c>
      <c r="C80" s="6">
        <v>10</v>
      </c>
      <c r="D80" s="5">
        <v>17</v>
      </c>
    </row>
    <row r="81" spans="1:4" ht="18" customHeight="1" x14ac:dyDescent="0.15">
      <c r="A81" s="8">
        <v>63</v>
      </c>
      <c r="B81" s="21">
        <v>10</v>
      </c>
      <c r="C81" s="6">
        <v>3</v>
      </c>
      <c r="D81" s="5">
        <v>13</v>
      </c>
    </row>
    <row r="82" spans="1:4" ht="18" customHeight="1" x14ac:dyDescent="0.15">
      <c r="A82" s="8">
        <v>64</v>
      </c>
      <c r="B82" s="21">
        <v>12</v>
      </c>
      <c r="C82" s="6">
        <v>7</v>
      </c>
      <c r="D82" s="5">
        <v>19</v>
      </c>
    </row>
    <row r="83" spans="1:4" ht="18" customHeight="1" x14ac:dyDescent="0.15">
      <c r="A83" s="8" t="s">
        <v>12</v>
      </c>
      <c r="B83" s="21">
        <v>58</v>
      </c>
      <c r="C83" s="6">
        <v>41</v>
      </c>
      <c r="D83" s="5">
        <v>99</v>
      </c>
    </row>
    <row r="84" spans="1:4" ht="18" customHeight="1" x14ac:dyDescent="0.15">
      <c r="A84" s="8" t="s">
        <v>11</v>
      </c>
      <c r="B84" s="21">
        <v>461</v>
      </c>
      <c r="C84" s="6">
        <v>354</v>
      </c>
      <c r="D84" s="5">
        <v>815</v>
      </c>
    </row>
    <row r="85" spans="1:4" ht="18" customHeight="1" x14ac:dyDescent="0.15">
      <c r="A85" s="8">
        <v>65</v>
      </c>
      <c r="B85" s="21">
        <v>11</v>
      </c>
      <c r="C85" s="6">
        <v>12</v>
      </c>
      <c r="D85" s="5">
        <v>23</v>
      </c>
    </row>
    <row r="86" spans="1:4" ht="18" customHeight="1" x14ac:dyDescent="0.15">
      <c r="A86" s="8">
        <v>66</v>
      </c>
      <c r="B86" s="21">
        <v>11</v>
      </c>
      <c r="C86" s="6">
        <v>7</v>
      </c>
      <c r="D86" s="5">
        <v>18</v>
      </c>
    </row>
    <row r="87" spans="1:4" ht="18" customHeight="1" x14ac:dyDescent="0.15">
      <c r="A87" s="8">
        <v>67</v>
      </c>
      <c r="B87" s="21">
        <v>11</v>
      </c>
      <c r="C87" s="6">
        <v>18</v>
      </c>
      <c r="D87" s="5">
        <v>29</v>
      </c>
    </row>
    <row r="88" spans="1:4" ht="18" customHeight="1" x14ac:dyDescent="0.15">
      <c r="A88" s="8">
        <v>68</v>
      </c>
      <c r="B88" s="21">
        <v>14</v>
      </c>
      <c r="C88" s="6">
        <v>17</v>
      </c>
      <c r="D88" s="5">
        <v>31</v>
      </c>
    </row>
    <row r="89" spans="1:4" ht="18" customHeight="1" x14ac:dyDescent="0.15">
      <c r="A89" s="8">
        <v>69</v>
      </c>
      <c r="B89" s="21">
        <v>15</v>
      </c>
      <c r="C89" s="6">
        <v>12</v>
      </c>
      <c r="D89" s="5">
        <v>27</v>
      </c>
    </row>
    <row r="90" spans="1:4" ht="18" customHeight="1" x14ac:dyDescent="0.15">
      <c r="A90" s="8" t="s">
        <v>10</v>
      </c>
      <c r="B90" s="21">
        <v>62</v>
      </c>
      <c r="C90" s="6">
        <v>66</v>
      </c>
      <c r="D90" s="5">
        <v>128</v>
      </c>
    </row>
    <row r="91" spans="1:4" ht="18" customHeight="1" x14ac:dyDescent="0.15">
      <c r="A91" s="8">
        <v>70</v>
      </c>
      <c r="B91" s="21">
        <v>10</v>
      </c>
      <c r="C91" s="6">
        <v>20</v>
      </c>
      <c r="D91" s="5">
        <v>30</v>
      </c>
    </row>
    <row r="92" spans="1:4" ht="18" customHeight="1" x14ac:dyDescent="0.15">
      <c r="A92" s="8">
        <v>71</v>
      </c>
      <c r="B92" s="21">
        <v>19</v>
      </c>
      <c r="C92" s="6">
        <v>18</v>
      </c>
      <c r="D92" s="5">
        <v>37</v>
      </c>
    </row>
    <row r="93" spans="1:4" ht="18" customHeight="1" x14ac:dyDescent="0.15">
      <c r="A93" s="8">
        <v>72</v>
      </c>
      <c r="B93" s="21">
        <v>14</v>
      </c>
      <c r="C93" s="6">
        <v>10</v>
      </c>
      <c r="D93" s="5">
        <v>24</v>
      </c>
    </row>
    <row r="94" spans="1:4" ht="18" customHeight="1" x14ac:dyDescent="0.15">
      <c r="A94" s="8">
        <v>73</v>
      </c>
      <c r="B94" s="21">
        <v>18</v>
      </c>
      <c r="C94" s="6">
        <v>11</v>
      </c>
      <c r="D94" s="5">
        <v>29</v>
      </c>
    </row>
    <row r="95" spans="1:4" ht="18" customHeight="1" x14ac:dyDescent="0.15">
      <c r="A95" s="8">
        <v>74</v>
      </c>
      <c r="B95" s="21">
        <v>17</v>
      </c>
      <c r="C95" s="6">
        <v>20</v>
      </c>
      <c r="D95" s="5">
        <v>37</v>
      </c>
    </row>
    <row r="96" spans="1:4" ht="18" customHeight="1" x14ac:dyDescent="0.15">
      <c r="A96" s="8" t="s">
        <v>9</v>
      </c>
      <c r="B96" s="21">
        <v>78</v>
      </c>
      <c r="C96" s="6">
        <v>79</v>
      </c>
      <c r="D96" s="5">
        <v>157</v>
      </c>
    </row>
    <row r="97" spans="1:4" ht="18" customHeight="1" x14ac:dyDescent="0.15">
      <c r="A97" s="8">
        <v>75</v>
      </c>
      <c r="B97" s="21">
        <v>19</v>
      </c>
      <c r="C97" s="6">
        <v>15</v>
      </c>
      <c r="D97" s="5">
        <v>34</v>
      </c>
    </row>
    <row r="98" spans="1:4" ht="18" customHeight="1" x14ac:dyDescent="0.15">
      <c r="A98" s="8">
        <v>76</v>
      </c>
      <c r="B98" s="21">
        <v>16</v>
      </c>
      <c r="C98" s="6">
        <v>21</v>
      </c>
      <c r="D98" s="5">
        <v>37</v>
      </c>
    </row>
    <row r="99" spans="1:4" ht="18" customHeight="1" x14ac:dyDescent="0.15">
      <c r="A99" s="8">
        <v>77</v>
      </c>
      <c r="B99" s="21">
        <v>26</v>
      </c>
      <c r="C99" s="6">
        <v>36</v>
      </c>
      <c r="D99" s="5">
        <v>62</v>
      </c>
    </row>
    <row r="100" spans="1:4" ht="18" customHeight="1" x14ac:dyDescent="0.15">
      <c r="A100" s="8">
        <v>78</v>
      </c>
      <c r="B100" s="21">
        <v>26</v>
      </c>
      <c r="C100" s="6">
        <v>24</v>
      </c>
      <c r="D100" s="5">
        <v>50</v>
      </c>
    </row>
    <row r="101" spans="1:4" ht="18" customHeight="1" x14ac:dyDescent="0.15">
      <c r="A101" s="8">
        <v>79</v>
      </c>
      <c r="B101" s="21">
        <v>12</v>
      </c>
      <c r="C101" s="6">
        <v>14</v>
      </c>
      <c r="D101" s="5">
        <v>26</v>
      </c>
    </row>
    <row r="102" spans="1:4" ht="18" customHeight="1" x14ac:dyDescent="0.15">
      <c r="A102" s="8" t="s">
        <v>8</v>
      </c>
      <c r="B102" s="21">
        <v>99</v>
      </c>
      <c r="C102" s="6">
        <v>110</v>
      </c>
      <c r="D102" s="5">
        <v>209</v>
      </c>
    </row>
    <row r="103" spans="1:4" ht="18" customHeight="1" x14ac:dyDescent="0.15">
      <c r="A103" s="8">
        <v>80</v>
      </c>
      <c r="B103" s="21">
        <v>10</v>
      </c>
      <c r="C103" s="6">
        <v>16</v>
      </c>
      <c r="D103" s="5">
        <v>26</v>
      </c>
    </row>
    <row r="104" spans="1:4" ht="18" customHeight="1" x14ac:dyDescent="0.15">
      <c r="A104" s="8">
        <v>81</v>
      </c>
      <c r="B104" s="21">
        <v>11</v>
      </c>
      <c r="C104" s="6">
        <v>22</v>
      </c>
      <c r="D104" s="5">
        <v>33</v>
      </c>
    </row>
    <row r="105" spans="1:4" ht="18" customHeight="1" x14ac:dyDescent="0.15">
      <c r="A105" s="8">
        <v>82</v>
      </c>
      <c r="B105" s="21">
        <v>13</v>
      </c>
      <c r="C105" s="6">
        <v>23</v>
      </c>
      <c r="D105" s="5">
        <v>36</v>
      </c>
    </row>
    <row r="106" spans="1:4" ht="18" customHeight="1" x14ac:dyDescent="0.15">
      <c r="A106" s="8">
        <v>83</v>
      </c>
      <c r="B106" s="21">
        <v>13</v>
      </c>
      <c r="C106" s="6">
        <v>14</v>
      </c>
      <c r="D106" s="5">
        <v>27</v>
      </c>
    </row>
    <row r="107" spans="1:4" ht="18" customHeight="1" x14ac:dyDescent="0.15">
      <c r="A107" s="8">
        <v>84</v>
      </c>
      <c r="B107" s="21">
        <v>18</v>
      </c>
      <c r="C107" s="6">
        <v>19</v>
      </c>
      <c r="D107" s="5">
        <v>37</v>
      </c>
    </row>
    <row r="108" spans="1:4" ht="18" customHeight="1" x14ac:dyDescent="0.15">
      <c r="A108" s="8" t="s">
        <v>7</v>
      </c>
      <c r="B108" s="21">
        <v>65</v>
      </c>
      <c r="C108" s="6">
        <v>94</v>
      </c>
      <c r="D108" s="5">
        <v>159</v>
      </c>
    </row>
    <row r="109" spans="1:4" ht="18" customHeight="1" x14ac:dyDescent="0.15">
      <c r="A109" s="8">
        <v>85</v>
      </c>
      <c r="B109" s="21">
        <v>7</v>
      </c>
      <c r="C109" s="6">
        <v>13</v>
      </c>
      <c r="D109" s="5">
        <v>20</v>
      </c>
    </row>
    <row r="110" spans="1:4" ht="18" customHeight="1" x14ac:dyDescent="0.15">
      <c r="A110" s="8">
        <v>86</v>
      </c>
      <c r="B110" s="21">
        <v>6</v>
      </c>
      <c r="C110" s="6">
        <v>13</v>
      </c>
      <c r="D110" s="5">
        <v>19</v>
      </c>
    </row>
    <row r="111" spans="1:4" ht="18" customHeight="1" x14ac:dyDescent="0.15">
      <c r="A111" s="8">
        <v>87</v>
      </c>
      <c r="B111" s="21">
        <v>5</v>
      </c>
      <c r="C111" s="6">
        <v>16</v>
      </c>
      <c r="D111" s="5">
        <v>21</v>
      </c>
    </row>
    <row r="112" spans="1:4" ht="18" customHeight="1" x14ac:dyDescent="0.15">
      <c r="A112" s="8">
        <v>88</v>
      </c>
      <c r="B112" s="21">
        <v>6</v>
      </c>
      <c r="C112" s="6">
        <v>11</v>
      </c>
      <c r="D112" s="5">
        <v>17</v>
      </c>
    </row>
    <row r="113" spans="1:4" ht="18" customHeight="1" x14ac:dyDescent="0.15">
      <c r="A113" s="8">
        <v>89</v>
      </c>
      <c r="B113" s="21">
        <v>3</v>
      </c>
      <c r="C113" s="6">
        <v>13</v>
      </c>
      <c r="D113" s="5">
        <v>16</v>
      </c>
    </row>
    <row r="114" spans="1:4" ht="18" customHeight="1" x14ac:dyDescent="0.15">
      <c r="A114" s="8" t="s">
        <v>6</v>
      </c>
      <c r="B114" s="21">
        <v>27</v>
      </c>
      <c r="C114" s="6">
        <v>66</v>
      </c>
      <c r="D114" s="5">
        <v>93</v>
      </c>
    </row>
    <row r="115" spans="1:4" ht="18" customHeight="1" x14ac:dyDescent="0.15">
      <c r="A115" s="8">
        <v>90</v>
      </c>
      <c r="B115" s="21">
        <v>3</v>
      </c>
      <c r="C115" s="6">
        <v>11</v>
      </c>
      <c r="D115" s="5">
        <v>14</v>
      </c>
    </row>
    <row r="116" spans="1:4" ht="18" customHeight="1" x14ac:dyDescent="0.15">
      <c r="A116" s="8">
        <v>91</v>
      </c>
      <c r="B116" s="21">
        <v>4</v>
      </c>
      <c r="C116" s="6">
        <v>11</v>
      </c>
      <c r="D116" s="5">
        <v>15</v>
      </c>
    </row>
    <row r="117" spans="1:4" ht="18" customHeight="1" x14ac:dyDescent="0.15">
      <c r="A117" s="8">
        <v>92</v>
      </c>
      <c r="B117" s="21">
        <v>7</v>
      </c>
      <c r="C117" s="6">
        <v>11</v>
      </c>
      <c r="D117" s="5">
        <v>18</v>
      </c>
    </row>
    <row r="118" spans="1:4" ht="18" customHeight="1" x14ac:dyDescent="0.15">
      <c r="A118" s="8">
        <v>93</v>
      </c>
      <c r="B118" s="21">
        <v>4</v>
      </c>
      <c r="C118" s="6">
        <v>13</v>
      </c>
      <c r="D118" s="5">
        <v>17</v>
      </c>
    </row>
    <row r="119" spans="1:4" ht="18" customHeight="1" x14ac:dyDescent="0.15">
      <c r="A119" s="8">
        <v>94</v>
      </c>
      <c r="B119" s="21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21">
        <v>19</v>
      </c>
      <c r="C120" s="6">
        <v>52</v>
      </c>
      <c r="D120" s="5">
        <v>71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5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4</v>
      </c>
      <c r="D126" s="5">
        <v>1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351</v>
      </c>
      <c r="C130" s="6">
        <v>487</v>
      </c>
      <c r="D130" s="5">
        <v>838</v>
      </c>
    </row>
    <row r="131" spans="1:4" ht="18" customHeight="1" x14ac:dyDescent="0.15">
      <c r="A131" s="4" t="s">
        <v>0</v>
      </c>
      <c r="B131" s="20">
        <v>861</v>
      </c>
      <c r="C131" s="2">
        <v>911</v>
      </c>
      <c r="D131" s="1">
        <v>17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C4C299-3948-4560-8F8B-87A22CEA21EA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</v>
      </c>
      <c r="C5" s="31">
        <v>8</v>
      </c>
      <c r="D5" s="30">
        <v>17</v>
      </c>
    </row>
    <row r="6" spans="1:4" ht="18" customHeight="1" x14ac:dyDescent="0.15">
      <c r="A6" s="8">
        <v>1</v>
      </c>
      <c r="B6" s="26">
        <v>11</v>
      </c>
      <c r="C6" s="6">
        <v>11</v>
      </c>
      <c r="D6" s="5">
        <v>22</v>
      </c>
    </row>
    <row r="7" spans="1:4" ht="18" customHeight="1" x14ac:dyDescent="0.15">
      <c r="A7" s="8">
        <v>2</v>
      </c>
      <c r="B7" s="26">
        <v>14</v>
      </c>
      <c r="C7" s="6">
        <v>9</v>
      </c>
      <c r="D7" s="5">
        <v>23</v>
      </c>
    </row>
    <row r="8" spans="1:4" ht="18" customHeight="1" x14ac:dyDescent="0.15">
      <c r="A8" s="8">
        <v>3</v>
      </c>
      <c r="B8" s="26">
        <v>15</v>
      </c>
      <c r="C8" s="6">
        <v>13</v>
      </c>
      <c r="D8" s="5">
        <v>28</v>
      </c>
    </row>
    <row r="9" spans="1:4" ht="18" customHeight="1" x14ac:dyDescent="0.15">
      <c r="A9" s="8">
        <v>4</v>
      </c>
      <c r="B9" s="29">
        <v>19</v>
      </c>
      <c r="C9" s="28">
        <v>8</v>
      </c>
      <c r="D9" s="27">
        <v>27</v>
      </c>
    </row>
    <row r="10" spans="1:4" ht="18" customHeight="1" x14ac:dyDescent="0.15">
      <c r="A10" s="8" t="s">
        <v>25</v>
      </c>
      <c r="B10" s="21">
        <v>68</v>
      </c>
      <c r="C10" s="6">
        <v>49</v>
      </c>
      <c r="D10" s="5">
        <v>117</v>
      </c>
    </row>
    <row r="11" spans="1:4" ht="18" customHeight="1" x14ac:dyDescent="0.15">
      <c r="A11" s="8">
        <v>5</v>
      </c>
      <c r="B11" s="26">
        <v>9</v>
      </c>
      <c r="C11" s="6">
        <v>18</v>
      </c>
      <c r="D11" s="5">
        <v>27</v>
      </c>
    </row>
    <row r="12" spans="1:4" ht="18" customHeight="1" x14ac:dyDescent="0.15">
      <c r="A12" s="8">
        <v>6</v>
      </c>
      <c r="B12" s="26">
        <v>19</v>
      </c>
      <c r="C12" s="6">
        <v>23</v>
      </c>
      <c r="D12" s="5">
        <v>42</v>
      </c>
    </row>
    <row r="13" spans="1:4" ht="18" customHeight="1" x14ac:dyDescent="0.15">
      <c r="A13" s="8">
        <v>7</v>
      </c>
      <c r="B13" s="26">
        <v>15</v>
      </c>
      <c r="C13" s="6">
        <v>21</v>
      </c>
      <c r="D13" s="5">
        <v>36</v>
      </c>
    </row>
    <row r="14" spans="1:4" ht="18" customHeight="1" x14ac:dyDescent="0.15">
      <c r="A14" s="8">
        <v>8</v>
      </c>
      <c r="B14" s="26">
        <v>15</v>
      </c>
      <c r="C14" s="6">
        <v>22</v>
      </c>
      <c r="D14" s="5">
        <v>37</v>
      </c>
    </row>
    <row r="15" spans="1:4" ht="18" customHeight="1" x14ac:dyDescent="0.15">
      <c r="A15" s="8">
        <v>9</v>
      </c>
      <c r="B15" s="26">
        <v>18</v>
      </c>
      <c r="C15" s="6">
        <v>28</v>
      </c>
      <c r="D15" s="5">
        <v>46</v>
      </c>
    </row>
    <row r="16" spans="1:4" ht="18" customHeight="1" x14ac:dyDescent="0.15">
      <c r="A16" s="8" t="s">
        <v>24</v>
      </c>
      <c r="B16" s="21">
        <v>76</v>
      </c>
      <c r="C16" s="6">
        <v>112</v>
      </c>
      <c r="D16" s="5">
        <v>188</v>
      </c>
    </row>
    <row r="17" spans="1:4" ht="18" customHeight="1" x14ac:dyDescent="0.15">
      <c r="A17" s="8">
        <v>10</v>
      </c>
      <c r="B17" s="21">
        <v>19</v>
      </c>
      <c r="C17" s="6">
        <v>25</v>
      </c>
      <c r="D17" s="5">
        <v>44</v>
      </c>
    </row>
    <row r="18" spans="1:4" ht="18" customHeight="1" x14ac:dyDescent="0.15">
      <c r="A18" s="8">
        <v>11</v>
      </c>
      <c r="B18" s="21">
        <v>27</v>
      </c>
      <c r="C18" s="6">
        <v>25</v>
      </c>
      <c r="D18" s="5">
        <v>52</v>
      </c>
    </row>
    <row r="19" spans="1:4" ht="18" customHeight="1" x14ac:dyDescent="0.15">
      <c r="A19" s="8">
        <v>12</v>
      </c>
      <c r="B19" s="21">
        <v>31</v>
      </c>
      <c r="C19" s="6">
        <v>27</v>
      </c>
      <c r="D19" s="5">
        <v>58</v>
      </c>
    </row>
    <row r="20" spans="1:4" ht="18" customHeight="1" x14ac:dyDescent="0.15">
      <c r="A20" s="8">
        <v>13</v>
      </c>
      <c r="B20" s="21">
        <v>28</v>
      </c>
      <c r="C20" s="6">
        <v>31</v>
      </c>
      <c r="D20" s="5">
        <v>59</v>
      </c>
    </row>
    <row r="21" spans="1:4" ht="18" customHeight="1" x14ac:dyDescent="0.15">
      <c r="A21" s="8">
        <v>14</v>
      </c>
      <c r="B21" s="21">
        <v>18</v>
      </c>
      <c r="C21" s="6">
        <v>16</v>
      </c>
      <c r="D21" s="5">
        <v>34</v>
      </c>
    </row>
    <row r="22" spans="1:4" ht="18" customHeight="1" x14ac:dyDescent="0.15">
      <c r="A22" s="8" t="s">
        <v>23</v>
      </c>
      <c r="B22" s="21">
        <v>123</v>
      </c>
      <c r="C22" s="6">
        <v>124</v>
      </c>
      <c r="D22" s="5">
        <v>247</v>
      </c>
    </row>
    <row r="23" spans="1:4" ht="18" customHeight="1" x14ac:dyDescent="0.15">
      <c r="A23" s="8" t="s">
        <v>22</v>
      </c>
      <c r="B23" s="21">
        <v>267</v>
      </c>
      <c r="C23" s="6">
        <v>285</v>
      </c>
      <c r="D23" s="5">
        <v>552</v>
      </c>
    </row>
    <row r="24" spans="1:4" ht="18" customHeight="1" x14ac:dyDescent="0.15">
      <c r="A24" s="8">
        <v>15</v>
      </c>
      <c r="B24" s="21">
        <v>21</v>
      </c>
      <c r="C24" s="6">
        <v>24</v>
      </c>
      <c r="D24" s="5">
        <v>45</v>
      </c>
    </row>
    <row r="25" spans="1:4" ht="18" customHeight="1" x14ac:dyDescent="0.15">
      <c r="A25" s="8">
        <v>16</v>
      </c>
      <c r="B25" s="21">
        <v>29</v>
      </c>
      <c r="C25" s="6">
        <v>27</v>
      </c>
      <c r="D25" s="5">
        <v>56</v>
      </c>
    </row>
    <row r="26" spans="1:4" ht="18" customHeight="1" x14ac:dyDescent="0.15">
      <c r="A26" s="8">
        <v>17</v>
      </c>
      <c r="B26" s="21">
        <v>27</v>
      </c>
      <c r="C26" s="6">
        <v>22</v>
      </c>
      <c r="D26" s="5">
        <v>49</v>
      </c>
    </row>
    <row r="27" spans="1:4" ht="18" customHeight="1" x14ac:dyDescent="0.15">
      <c r="A27" s="8">
        <v>18</v>
      </c>
      <c r="B27" s="21">
        <v>22</v>
      </c>
      <c r="C27" s="6">
        <v>25</v>
      </c>
      <c r="D27" s="5">
        <v>47</v>
      </c>
    </row>
    <row r="28" spans="1:4" ht="18" customHeight="1" x14ac:dyDescent="0.15">
      <c r="A28" s="8">
        <v>19</v>
      </c>
      <c r="B28" s="21">
        <v>41</v>
      </c>
      <c r="C28" s="6">
        <v>19</v>
      </c>
      <c r="D28" s="5">
        <v>60</v>
      </c>
    </row>
    <row r="29" spans="1:4" ht="18" customHeight="1" x14ac:dyDescent="0.15">
      <c r="A29" s="8" t="s">
        <v>21</v>
      </c>
      <c r="B29" s="21">
        <v>140</v>
      </c>
      <c r="C29" s="6">
        <v>117</v>
      </c>
      <c r="D29" s="5">
        <v>257</v>
      </c>
    </row>
    <row r="30" spans="1:4" ht="18" customHeight="1" x14ac:dyDescent="0.15">
      <c r="A30" s="8">
        <v>20</v>
      </c>
      <c r="B30" s="21">
        <v>23</v>
      </c>
      <c r="C30" s="6">
        <v>26</v>
      </c>
      <c r="D30" s="5">
        <v>49</v>
      </c>
    </row>
    <row r="31" spans="1:4" ht="18" customHeight="1" x14ac:dyDescent="0.15">
      <c r="A31" s="8">
        <v>21</v>
      </c>
      <c r="B31" s="21">
        <v>41</v>
      </c>
      <c r="C31" s="6">
        <v>33</v>
      </c>
      <c r="D31" s="5">
        <v>74</v>
      </c>
    </row>
    <row r="32" spans="1:4" ht="18" customHeight="1" x14ac:dyDescent="0.15">
      <c r="A32" s="8">
        <v>22</v>
      </c>
      <c r="B32" s="21">
        <v>27</v>
      </c>
      <c r="C32" s="6">
        <v>27</v>
      </c>
      <c r="D32" s="5">
        <v>54</v>
      </c>
    </row>
    <row r="33" spans="1:4" ht="18" customHeight="1" x14ac:dyDescent="0.15">
      <c r="A33" s="8">
        <v>23</v>
      </c>
      <c r="B33" s="21">
        <v>41</v>
      </c>
      <c r="C33" s="6">
        <v>25</v>
      </c>
      <c r="D33" s="5">
        <v>66</v>
      </c>
    </row>
    <row r="34" spans="1:4" ht="18" customHeight="1" x14ac:dyDescent="0.15">
      <c r="A34" s="8">
        <v>24</v>
      </c>
      <c r="B34" s="21">
        <v>42</v>
      </c>
      <c r="C34" s="6">
        <v>26</v>
      </c>
      <c r="D34" s="5">
        <v>68</v>
      </c>
    </row>
    <row r="35" spans="1:4" ht="18" customHeight="1" x14ac:dyDescent="0.15">
      <c r="A35" s="8" t="s">
        <v>20</v>
      </c>
      <c r="B35" s="21">
        <v>174</v>
      </c>
      <c r="C35" s="6">
        <v>137</v>
      </c>
      <c r="D35" s="5">
        <v>311</v>
      </c>
    </row>
    <row r="36" spans="1:4" ht="18" customHeight="1" x14ac:dyDescent="0.15">
      <c r="A36" s="8">
        <v>25</v>
      </c>
      <c r="B36" s="21">
        <v>35</v>
      </c>
      <c r="C36" s="6">
        <v>38</v>
      </c>
      <c r="D36" s="5">
        <v>73</v>
      </c>
    </row>
    <row r="37" spans="1:4" ht="18" customHeight="1" x14ac:dyDescent="0.15">
      <c r="A37" s="8">
        <v>26</v>
      </c>
      <c r="B37" s="21">
        <v>44</v>
      </c>
      <c r="C37" s="6">
        <v>25</v>
      </c>
      <c r="D37" s="5">
        <v>69</v>
      </c>
    </row>
    <row r="38" spans="1:4" ht="18" customHeight="1" x14ac:dyDescent="0.15">
      <c r="A38" s="8">
        <v>27</v>
      </c>
      <c r="B38" s="21">
        <v>42</v>
      </c>
      <c r="C38" s="6">
        <v>23</v>
      </c>
      <c r="D38" s="5">
        <v>65</v>
      </c>
    </row>
    <row r="39" spans="1:4" ht="18" customHeight="1" x14ac:dyDescent="0.15">
      <c r="A39" s="8">
        <v>28</v>
      </c>
      <c r="B39" s="21">
        <v>36</v>
      </c>
      <c r="C39" s="6">
        <v>21</v>
      </c>
      <c r="D39" s="5">
        <v>57</v>
      </c>
    </row>
    <row r="40" spans="1:4" ht="18" customHeight="1" x14ac:dyDescent="0.15">
      <c r="A40" s="8">
        <v>29</v>
      </c>
      <c r="B40" s="21">
        <v>31</v>
      </c>
      <c r="C40" s="6">
        <v>28</v>
      </c>
      <c r="D40" s="5">
        <v>59</v>
      </c>
    </row>
    <row r="41" spans="1:4" ht="18" customHeight="1" x14ac:dyDescent="0.15">
      <c r="A41" s="8" t="s">
        <v>19</v>
      </c>
      <c r="B41" s="21">
        <v>188</v>
      </c>
      <c r="C41" s="6">
        <v>135</v>
      </c>
      <c r="D41" s="5">
        <v>323</v>
      </c>
    </row>
    <row r="42" spans="1:4" ht="18" customHeight="1" x14ac:dyDescent="0.15">
      <c r="A42" s="8">
        <v>30</v>
      </c>
      <c r="B42" s="21">
        <v>29</v>
      </c>
      <c r="C42" s="6">
        <v>22</v>
      </c>
      <c r="D42" s="5">
        <v>51</v>
      </c>
    </row>
    <row r="43" spans="1:4" ht="18" customHeight="1" x14ac:dyDescent="0.15">
      <c r="A43" s="8">
        <v>31</v>
      </c>
      <c r="B43" s="21">
        <v>33</v>
      </c>
      <c r="C43" s="6">
        <v>19</v>
      </c>
      <c r="D43" s="5">
        <v>52</v>
      </c>
    </row>
    <row r="44" spans="1:4" ht="18" customHeight="1" x14ac:dyDescent="0.15">
      <c r="A44" s="8">
        <v>32</v>
      </c>
      <c r="B44" s="21">
        <v>29</v>
      </c>
      <c r="C44" s="6">
        <v>18</v>
      </c>
      <c r="D44" s="5">
        <v>47</v>
      </c>
    </row>
    <row r="45" spans="1:4" ht="18" customHeight="1" x14ac:dyDescent="0.15">
      <c r="A45" s="8">
        <v>33</v>
      </c>
      <c r="B45" s="21">
        <v>31</v>
      </c>
      <c r="C45" s="6">
        <v>33</v>
      </c>
      <c r="D45" s="5">
        <v>64</v>
      </c>
    </row>
    <row r="46" spans="1:4" ht="18" customHeight="1" x14ac:dyDescent="0.15">
      <c r="A46" s="8">
        <v>34</v>
      </c>
      <c r="B46" s="21">
        <v>30</v>
      </c>
      <c r="C46" s="6">
        <v>27</v>
      </c>
      <c r="D46" s="5">
        <v>57</v>
      </c>
    </row>
    <row r="47" spans="1:4" ht="18" customHeight="1" x14ac:dyDescent="0.15">
      <c r="A47" s="8" t="s">
        <v>18</v>
      </c>
      <c r="B47" s="21">
        <v>152</v>
      </c>
      <c r="C47" s="6">
        <v>119</v>
      </c>
      <c r="D47" s="5">
        <v>271</v>
      </c>
    </row>
    <row r="48" spans="1:4" ht="18" customHeight="1" x14ac:dyDescent="0.15">
      <c r="A48" s="8">
        <v>35</v>
      </c>
      <c r="B48" s="21">
        <v>27</v>
      </c>
      <c r="C48" s="6">
        <v>16</v>
      </c>
      <c r="D48" s="5">
        <v>43</v>
      </c>
    </row>
    <row r="49" spans="1:4" ht="18" customHeight="1" x14ac:dyDescent="0.15">
      <c r="A49" s="8">
        <v>36</v>
      </c>
      <c r="B49" s="21">
        <v>30</v>
      </c>
      <c r="C49" s="6">
        <v>30</v>
      </c>
      <c r="D49" s="5">
        <v>60</v>
      </c>
    </row>
    <row r="50" spans="1:4" ht="18" customHeight="1" x14ac:dyDescent="0.15">
      <c r="A50" s="8">
        <v>37</v>
      </c>
      <c r="B50" s="21">
        <v>40</v>
      </c>
      <c r="C50" s="6">
        <v>23</v>
      </c>
      <c r="D50" s="5">
        <v>63</v>
      </c>
    </row>
    <row r="51" spans="1:4" ht="18" customHeight="1" x14ac:dyDescent="0.15">
      <c r="A51" s="8">
        <v>38</v>
      </c>
      <c r="B51" s="21">
        <v>32</v>
      </c>
      <c r="C51" s="6">
        <v>27</v>
      </c>
      <c r="D51" s="5">
        <v>59</v>
      </c>
    </row>
    <row r="52" spans="1:4" ht="18" customHeight="1" x14ac:dyDescent="0.15">
      <c r="A52" s="8">
        <v>39</v>
      </c>
      <c r="B52" s="21">
        <v>30</v>
      </c>
      <c r="C52" s="6">
        <v>28</v>
      </c>
      <c r="D52" s="5">
        <v>58</v>
      </c>
    </row>
    <row r="53" spans="1:4" ht="18" customHeight="1" x14ac:dyDescent="0.15">
      <c r="A53" s="8" t="s">
        <v>17</v>
      </c>
      <c r="B53" s="21">
        <v>159</v>
      </c>
      <c r="C53" s="6">
        <v>124</v>
      </c>
      <c r="D53" s="5">
        <v>283</v>
      </c>
    </row>
    <row r="54" spans="1:4" ht="18" customHeight="1" x14ac:dyDescent="0.15">
      <c r="A54" s="8">
        <v>40</v>
      </c>
      <c r="B54" s="21">
        <v>27</v>
      </c>
      <c r="C54" s="6">
        <v>30</v>
      </c>
      <c r="D54" s="5">
        <v>57</v>
      </c>
    </row>
    <row r="55" spans="1:4" ht="18" customHeight="1" x14ac:dyDescent="0.15">
      <c r="A55" s="8">
        <v>41</v>
      </c>
      <c r="B55" s="21">
        <v>39</v>
      </c>
      <c r="C55" s="6">
        <v>38</v>
      </c>
      <c r="D55" s="5">
        <v>77</v>
      </c>
    </row>
    <row r="56" spans="1:4" ht="18" customHeight="1" x14ac:dyDescent="0.15">
      <c r="A56" s="8">
        <v>42</v>
      </c>
      <c r="B56" s="21">
        <v>34</v>
      </c>
      <c r="C56" s="6">
        <v>36</v>
      </c>
      <c r="D56" s="5">
        <v>70</v>
      </c>
    </row>
    <row r="57" spans="1:4" ht="18" customHeight="1" x14ac:dyDescent="0.15">
      <c r="A57" s="8">
        <v>43</v>
      </c>
      <c r="B57" s="21">
        <v>33</v>
      </c>
      <c r="C57" s="6">
        <v>37</v>
      </c>
      <c r="D57" s="5">
        <v>70</v>
      </c>
    </row>
    <row r="58" spans="1:4" ht="18" customHeight="1" x14ac:dyDescent="0.15">
      <c r="A58" s="8">
        <v>44</v>
      </c>
      <c r="B58" s="21">
        <v>37</v>
      </c>
      <c r="C58" s="6">
        <v>32</v>
      </c>
      <c r="D58" s="5">
        <v>69</v>
      </c>
    </row>
    <row r="59" spans="1:4" ht="18" customHeight="1" x14ac:dyDescent="0.15">
      <c r="A59" s="8" t="s">
        <v>16</v>
      </c>
      <c r="B59" s="21">
        <v>170</v>
      </c>
      <c r="C59" s="6">
        <v>173</v>
      </c>
      <c r="D59" s="5">
        <v>343</v>
      </c>
    </row>
    <row r="60" spans="1:4" ht="18" customHeight="1" x14ac:dyDescent="0.15">
      <c r="A60" s="8">
        <v>45</v>
      </c>
      <c r="B60" s="21">
        <v>45</v>
      </c>
      <c r="C60" s="6">
        <v>44</v>
      </c>
      <c r="D60" s="5">
        <v>89</v>
      </c>
    </row>
    <row r="61" spans="1:4" ht="18" customHeight="1" x14ac:dyDescent="0.15">
      <c r="A61" s="8">
        <v>46</v>
      </c>
      <c r="B61" s="21">
        <v>44</v>
      </c>
      <c r="C61" s="6">
        <v>44</v>
      </c>
      <c r="D61" s="5">
        <v>88</v>
      </c>
    </row>
    <row r="62" spans="1:4" ht="18" customHeight="1" x14ac:dyDescent="0.15">
      <c r="A62" s="8">
        <v>47</v>
      </c>
      <c r="B62" s="21">
        <v>36</v>
      </c>
      <c r="C62" s="6">
        <v>38</v>
      </c>
      <c r="D62" s="5">
        <v>74</v>
      </c>
    </row>
    <row r="63" spans="1:4" ht="18" customHeight="1" x14ac:dyDescent="0.15">
      <c r="A63" s="8">
        <v>48</v>
      </c>
      <c r="B63" s="21">
        <v>42</v>
      </c>
      <c r="C63" s="6">
        <v>46</v>
      </c>
      <c r="D63" s="5">
        <v>88</v>
      </c>
    </row>
    <row r="64" spans="1:4" ht="18" customHeight="1" x14ac:dyDescent="0.15">
      <c r="A64" s="8">
        <v>49</v>
      </c>
      <c r="B64" s="21">
        <v>47</v>
      </c>
      <c r="C64" s="6">
        <v>41</v>
      </c>
      <c r="D64" s="5">
        <v>88</v>
      </c>
    </row>
    <row r="65" spans="1:4" ht="18" customHeight="1" x14ac:dyDescent="0.15">
      <c r="A65" s="8" t="s">
        <v>15</v>
      </c>
      <c r="B65" s="21">
        <v>214</v>
      </c>
      <c r="C65" s="6">
        <v>213</v>
      </c>
      <c r="D65" s="5">
        <v>427</v>
      </c>
    </row>
    <row r="66" spans="1:4" ht="18" customHeight="1" x14ac:dyDescent="0.15">
      <c r="A66" s="8">
        <v>50</v>
      </c>
      <c r="B66" s="21">
        <v>48</v>
      </c>
      <c r="C66" s="6">
        <v>41</v>
      </c>
      <c r="D66" s="5">
        <v>89</v>
      </c>
    </row>
    <row r="67" spans="1:4" ht="18" customHeight="1" x14ac:dyDescent="0.15">
      <c r="A67" s="8">
        <v>51</v>
      </c>
      <c r="B67" s="21">
        <v>44</v>
      </c>
      <c r="C67" s="6">
        <v>45</v>
      </c>
      <c r="D67" s="5">
        <v>89</v>
      </c>
    </row>
    <row r="68" spans="1:4" ht="18" customHeight="1" x14ac:dyDescent="0.15">
      <c r="A68" s="8">
        <v>52</v>
      </c>
      <c r="B68" s="21">
        <v>44</v>
      </c>
      <c r="C68" s="6">
        <v>52</v>
      </c>
      <c r="D68" s="5">
        <v>96</v>
      </c>
    </row>
    <row r="69" spans="1:4" ht="18" customHeight="1" x14ac:dyDescent="0.15">
      <c r="A69" s="8">
        <v>53</v>
      </c>
      <c r="B69" s="21">
        <v>54</v>
      </c>
      <c r="C69" s="6">
        <v>62</v>
      </c>
      <c r="D69" s="5">
        <v>116</v>
      </c>
    </row>
    <row r="70" spans="1:4" ht="18" customHeight="1" x14ac:dyDescent="0.15">
      <c r="A70" s="8">
        <v>54</v>
      </c>
      <c r="B70" s="21">
        <v>53</v>
      </c>
      <c r="C70" s="6">
        <v>34</v>
      </c>
      <c r="D70" s="5">
        <v>87</v>
      </c>
    </row>
    <row r="71" spans="1:4" ht="18" customHeight="1" x14ac:dyDescent="0.15">
      <c r="A71" s="8" t="s">
        <v>14</v>
      </c>
      <c r="B71" s="21">
        <v>243</v>
      </c>
      <c r="C71" s="6">
        <v>234</v>
      </c>
      <c r="D71" s="5">
        <v>477</v>
      </c>
    </row>
    <row r="72" spans="1:4" ht="18" customHeight="1" x14ac:dyDescent="0.15">
      <c r="A72" s="8">
        <v>55</v>
      </c>
      <c r="B72" s="21">
        <v>62</v>
      </c>
      <c r="C72" s="6">
        <v>45</v>
      </c>
      <c r="D72" s="5">
        <v>107</v>
      </c>
    </row>
    <row r="73" spans="1:4" ht="18" customHeight="1" x14ac:dyDescent="0.15">
      <c r="A73" s="8">
        <v>56</v>
      </c>
      <c r="B73" s="21">
        <v>44</v>
      </c>
      <c r="C73" s="6">
        <v>48</v>
      </c>
      <c r="D73" s="5">
        <v>92</v>
      </c>
    </row>
    <row r="74" spans="1:4" ht="18" customHeight="1" x14ac:dyDescent="0.15">
      <c r="A74" s="8">
        <v>57</v>
      </c>
      <c r="B74" s="21">
        <v>51</v>
      </c>
      <c r="C74" s="6">
        <v>55</v>
      </c>
      <c r="D74" s="5">
        <v>106</v>
      </c>
    </row>
    <row r="75" spans="1:4" ht="18" customHeight="1" x14ac:dyDescent="0.15">
      <c r="A75" s="8">
        <v>58</v>
      </c>
      <c r="B75" s="21">
        <v>60</v>
      </c>
      <c r="C75" s="6">
        <v>53</v>
      </c>
      <c r="D75" s="5">
        <v>113</v>
      </c>
    </row>
    <row r="76" spans="1:4" ht="18" customHeight="1" x14ac:dyDescent="0.15">
      <c r="A76" s="8">
        <v>59</v>
      </c>
      <c r="B76" s="21">
        <v>26</v>
      </c>
      <c r="C76" s="6">
        <v>30</v>
      </c>
      <c r="D76" s="5">
        <v>56</v>
      </c>
    </row>
    <row r="77" spans="1:4" ht="18" customHeight="1" x14ac:dyDescent="0.15">
      <c r="A77" s="8" t="s">
        <v>13</v>
      </c>
      <c r="B77" s="21">
        <v>243</v>
      </c>
      <c r="C77" s="6">
        <v>231</v>
      </c>
      <c r="D77" s="5">
        <v>474</v>
      </c>
    </row>
    <row r="78" spans="1:4" ht="18" customHeight="1" x14ac:dyDescent="0.15">
      <c r="A78" s="8">
        <v>60</v>
      </c>
      <c r="B78" s="21">
        <v>54</v>
      </c>
      <c r="C78" s="6">
        <v>44</v>
      </c>
      <c r="D78" s="5">
        <v>98</v>
      </c>
    </row>
    <row r="79" spans="1:4" ht="18" customHeight="1" x14ac:dyDescent="0.15">
      <c r="A79" s="8">
        <v>61</v>
      </c>
      <c r="B79" s="21">
        <v>49</v>
      </c>
      <c r="C79" s="6">
        <v>41</v>
      </c>
      <c r="D79" s="5">
        <v>90</v>
      </c>
    </row>
    <row r="80" spans="1:4" ht="18" customHeight="1" x14ac:dyDescent="0.15">
      <c r="A80" s="8">
        <v>62</v>
      </c>
      <c r="B80" s="21">
        <v>41</v>
      </c>
      <c r="C80" s="6">
        <v>42</v>
      </c>
      <c r="D80" s="5">
        <v>83</v>
      </c>
    </row>
    <row r="81" spans="1:4" ht="18" customHeight="1" x14ac:dyDescent="0.15">
      <c r="A81" s="8">
        <v>63</v>
      </c>
      <c r="B81" s="21">
        <v>48</v>
      </c>
      <c r="C81" s="6">
        <v>37</v>
      </c>
      <c r="D81" s="5">
        <v>85</v>
      </c>
    </row>
    <row r="82" spans="1:4" ht="18" customHeight="1" x14ac:dyDescent="0.15">
      <c r="A82" s="8">
        <v>64</v>
      </c>
      <c r="B82" s="21">
        <v>38</v>
      </c>
      <c r="C82" s="6">
        <v>56</v>
      </c>
      <c r="D82" s="5">
        <v>94</v>
      </c>
    </row>
    <row r="83" spans="1:4" ht="18" customHeight="1" x14ac:dyDescent="0.15">
      <c r="A83" s="8" t="s">
        <v>12</v>
      </c>
      <c r="B83" s="21">
        <v>230</v>
      </c>
      <c r="C83" s="6">
        <v>220</v>
      </c>
      <c r="D83" s="5">
        <v>450</v>
      </c>
    </row>
    <row r="84" spans="1:4" ht="18" customHeight="1" x14ac:dyDescent="0.15">
      <c r="A84" s="8" t="s">
        <v>11</v>
      </c>
      <c r="B84" s="21">
        <v>1913</v>
      </c>
      <c r="C84" s="6">
        <v>1703</v>
      </c>
      <c r="D84" s="5">
        <v>3616</v>
      </c>
    </row>
    <row r="85" spans="1:4" ht="18" customHeight="1" x14ac:dyDescent="0.15">
      <c r="A85" s="8">
        <v>65</v>
      </c>
      <c r="B85" s="21">
        <v>51</v>
      </c>
      <c r="C85" s="6">
        <v>53</v>
      </c>
      <c r="D85" s="5">
        <v>104</v>
      </c>
    </row>
    <row r="86" spans="1:4" ht="18" customHeight="1" x14ac:dyDescent="0.15">
      <c r="A86" s="8">
        <v>66</v>
      </c>
      <c r="B86" s="21">
        <v>41</v>
      </c>
      <c r="C86" s="6">
        <v>37</v>
      </c>
      <c r="D86" s="5">
        <v>78</v>
      </c>
    </row>
    <row r="87" spans="1:4" ht="18" customHeight="1" x14ac:dyDescent="0.15">
      <c r="A87" s="8">
        <v>67</v>
      </c>
      <c r="B87" s="21">
        <v>45</v>
      </c>
      <c r="C87" s="6">
        <v>38</v>
      </c>
      <c r="D87" s="5">
        <v>83</v>
      </c>
    </row>
    <row r="88" spans="1:4" ht="18" customHeight="1" x14ac:dyDescent="0.15">
      <c r="A88" s="8">
        <v>68</v>
      </c>
      <c r="B88" s="21">
        <v>41</v>
      </c>
      <c r="C88" s="6">
        <v>45</v>
      </c>
      <c r="D88" s="5">
        <v>86</v>
      </c>
    </row>
    <row r="89" spans="1:4" ht="18" customHeight="1" x14ac:dyDescent="0.15">
      <c r="A89" s="8">
        <v>69</v>
      </c>
      <c r="B89" s="21">
        <v>43</v>
      </c>
      <c r="C89" s="6">
        <v>45</v>
      </c>
      <c r="D89" s="5">
        <v>88</v>
      </c>
    </row>
    <row r="90" spans="1:4" ht="18" customHeight="1" x14ac:dyDescent="0.15">
      <c r="A90" s="8" t="s">
        <v>10</v>
      </c>
      <c r="B90" s="21">
        <v>221</v>
      </c>
      <c r="C90" s="6">
        <v>218</v>
      </c>
      <c r="D90" s="5">
        <v>439</v>
      </c>
    </row>
    <row r="91" spans="1:4" ht="18" customHeight="1" x14ac:dyDescent="0.15">
      <c r="A91" s="8">
        <v>70</v>
      </c>
      <c r="B91" s="21">
        <v>49</v>
      </c>
      <c r="C91" s="6">
        <v>35</v>
      </c>
      <c r="D91" s="5">
        <v>84</v>
      </c>
    </row>
    <row r="92" spans="1:4" ht="18" customHeight="1" x14ac:dyDescent="0.15">
      <c r="A92" s="8">
        <v>71</v>
      </c>
      <c r="B92" s="21">
        <v>53</v>
      </c>
      <c r="C92" s="6">
        <v>62</v>
      </c>
      <c r="D92" s="5">
        <v>115</v>
      </c>
    </row>
    <row r="93" spans="1:4" ht="18" customHeight="1" x14ac:dyDescent="0.15">
      <c r="A93" s="8">
        <v>72</v>
      </c>
      <c r="B93" s="21">
        <v>49</v>
      </c>
      <c r="C93" s="6">
        <v>51</v>
      </c>
      <c r="D93" s="5">
        <v>100</v>
      </c>
    </row>
    <row r="94" spans="1:4" ht="18" customHeight="1" x14ac:dyDescent="0.15">
      <c r="A94" s="8">
        <v>73</v>
      </c>
      <c r="B94" s="21">
        <v>58</v>
      </c>
      <c r="C94" s="6">
        <v>50</v>
      </c>
      <c r="D94" s="5">
        <v>108</v>
      </c>
    </row>
    <row r="95" spans="1:4" ht="18" customHeight="1" x14ac:dyDescent="0.15">
      <c r="A95" s="8">
        <v>74</v>
      </c>
      <c r="B95" s="21">
        <v>48</v>
      </c>
      <c r="C95" s="6">
        <v>63</v>
      </c>
      <c r="D95" s="5">
        <v>111</v>
      </c>
    </row>
    <row r="96" spans="1:4" ht="18" customHeight="1" x14ac:dyDescent="0.15">
      <c r="A96" s="8" t="s">
        <v>9</v>
      </c>
      <c r="B96" s="21">
        <v>257</v>
      </c>
      <c r="C96" s="6">
        <v>261</v>
      </c>
      <c r="D96" s="5">
        <v>518</v>
      </c>
    </row>
    <row r="97" spans="1:4" ht="18" customHeight="1" x14ac:dyDescent="0.15">
      <c r="A97" s="8">
        <v>75</v>
      </c>
      <c r="B97" s="21">
        <v>64</v>
      </c>
      <c r="C97" s="6">
        <v>58</v>
      </c>
      <c r="D97" s="5">
        <v>122</v>
      </c>
    </row>
    <row r="98" spans="1:4" ht="18" customHeight="1" x14ac:dyDescent="0.15">
      <c r="A98" s="8">
        <v>76</v>
      </c>
      <c r="B98" s="21">
        <v>57</v>
      </c>
      <c r="C98" s="6">
        <v>48</v>
      </c>
      <c r="D98" s="5">
        <v>105</v>
      </c>
    </row>
    <row r="99" spans="1:4" ht="18" customHeight="1" x14ac:dyDescent="0.15">
      <c r="A99" s="8">
        <v>77</v>
      </c>
      <c r="B99" s="21">
        <v>63</v>
      </c>
      <c r="C99" s="6">
        <v>64</v>
      </c>
      <c r="D99" s="5">
        <v>127</v>
      </c>
    </row>
    <row r="100" spans="1:4" ht="18" customHeight="1" x14ac:dyDescent="0.15">
      <c r="A100" s="8">
        <v>78</v>
      </c>
      <c r="B100" s="21">
        <v>57</v>
      </c>
      <c r="C100" s="6">
        <v>59</v>
      </c>
      <c r="D100" s="5">
        <v>116</v>
      </c>
    </row>
    <row r="101" spans="1:4" ht="18" customHeight="1" x14ac:dyDescent="0.15">
      <c r="A101" s="8">
        <v>79</v>
      </c>
      <c r="B101" s="21">
        <v>31</v>
      </c>
      <c r="C101" s="6">
        <v>36</v>
      </c>
      <c r="D101" s="5">
        <v>67</v>
      </c>
    </row>
    <row r="102" spans="1:4" ht="18" customHeight="1" x14ac:dyDescent="0.15">
      <c r="A102" s="8" t="s">
        <v>8</v>
      </c>
      <c r="B102" s="21">
        <v>272</v>
      </c>
      <c r="C102" s="6">
        <v>265</v>
      </c>
      <c r="D102" s="5">
        <v>537</v>
      </c>
    </row>
    <row r="103" spans="1:4" ht="18" customHeight="1" x14ac:dyDescent="0.15">
      <c r="A103" s="8">
        <v>80</v>
      </c>
      <c r="B103" s="21">
        <v>31</v>
      </c>
      <c r="C103" s="6">
        <v>28</v>
      </c>
      <c r="D103" s="5">
        <v>59</v>
      </c>
    </row>
    <row r="104" spans="1:4" ht="18" customHeight="1" x14ac:dyDescent="0.15">
      <c r="A104" s="8">
        <v>81</v>
      </c>
      <c r="B104" s="21">
        <v>33</v>
      </c>
      <c r="C104" s="6">
        <v>47</v>
      </c>
      <c r="D104" s="5">
        <v>80</v>
      </c>
    </row>
    <row r="105" spans="1:4" ht="18" customHeight="1" x14ac:dyDescent="0.15">
      <c r="A105" s="8">
        <v>82</v>
      </c>
      <c r="B105" s="21">
        <v>33</v>
      </c>
      <c r="C105" s="6">
        <v>40</v>
      </c>
      <c r="D105" s="5">
        <v>73</v>
      </c>
    </row>
    <row r="106" spans="1:4" ht="18" customHeight="1" x14ac:dyDescent="0.15">
      <c r="A106" s="8">
        <v>83</v>
      </c>
      <c r="B106" s="21">
        <v>33</v>
      </c>
      <c r="C106" s="6">
        <v>47</v>
      </c>
      <c r="D106" s="5">
        <v>80</v>
      </c>
    </row>
    <row r="107" spans="1:4" ht="18" customHeight="1" x14ac:dyDescent="0.15">
      <c r="A107" s="8">
        <v>84</v>
      </c>
      <c r="B107" s="21">
        <v>28</v>
      </c>
      <c r="C107" s="6">
        <v>38</v>
      </c>
      <c r="D107" s="5">
        <v>66</v>
      </c>
    </row>
    <row r="108" spans="1:4" ht="18" customHeight="1" x14ac:dyDescent="0.15">
      <c r="A108" s="8" t="s">
        <v>7</v>
      </c>
      <c r="B108" s="21">
        <v>158</v>
      </c>
      <c r="C108" s="6">
        <v>200</v>
      </c>
      <c r="D108" s="5">
        <v>358</v>
      </c>
    </row>
    <row r="109" spans="1:4" ht="18" customHeight="1" x14ac:dyDescent="0.15">
      <c r="A109" s="8">
        <v>85</v>
      </c>
      <c r="B109" s="21">
        <v>15</v>
      </c>
      <c r="C109" s="6">
        <v>34</v>
      </c>
      <c r="D109" s="5">
        <v>49</v>
      </c>
    </row>
    <row r="110" spans="1:4" ht="18" customHeight="1" x14ac:dyDescent="0.15">
      <c r="A110" s="8">
        <v>86</v>
      </c>
      <c r="B110" s="21">
        <v>16</v>
      </c>
      <c r="C110" s="6">
        <v>22</v>
      </c>
      <c r="D110" s="5">
        <v>38</v>
      </c>
    </row>
    <row r="111" spans="1:4" ht="18" customHeight="1" x14ac:dyDescent="0.15">
      <c r="A111" s="8">
        <v>87</v>
      </c>
      <c r="B111" s="21">
        <v>11</v>
      </c>
      <c r="C111" s="6">
        <v>17</v>
      </c>
      <c r="D111" s="5">
        <v>28</v>
      </c>
    </row>
    <row r="112" spans="1:4" ht="18" customHeight="1" x14ac:dyDescent="0.15">
      <c r="A112" s="8">
        <v>88</v>
      </c>
      <c r="B112" s="21">
        <v>16</v>
      </c>
      <c r="C112" s="6">
        <v>33</v>
      </c>
      <c r="D112" s="5">
        <v>49</v>
      </c>
    </row>
    <row r="113" spans="1:4" ht="18" customHeight="1" x14ac:dyDescent="0.15">
      <c r="A113" s="8">
        <v>89</v>
      </c>
      <c r="B113" s="21">
        <v>19</v>
      </c>
      <c r="C113" s="6">
        <v>31</v>
      </c>
      <c r="D113" s="5">
        <v>50</v>
      </c>
    </row>
    <row r="114" spans="1:4" ht="18" customHeight="1" x14ac:dyDescent="0.15">
      <c r="A114" s="8" t="s">
        <v>6</v>
      </c>
      <c r="B114" s="21">
        <v>77</v>
      </c>
      <c r="C114" s="6">
        <v>137</v>
      </c>
      <c r="D114" s="5">
        <v>214</v>
      </c>
    </row>
    <row r="115" spans="1:4" ht="18" customHeight="1" x14ac:dyDescent="0.15">
      <c r="A115" s="8">
        <v>90</v>
      </c>
      <c r="B115" s="21">
        <v>9</v>
      </c>
      <c r="C115" s="6">
        <v>16</v>
      </c>
      <c r="D115" s="5">
        <v>25</v>
      </c>
    </row>
    <row r="116" spans="1:4" ht="18" customHeight="1" x14ac:dyDescent="0.15">
      <c r="A116" s="8">
        <v>91</v>
      </c>
      <c r="B116" s="21">
        <v>10</v>
      </c>
      <c r="C116" s="6">
        <v>25</v>
      </c>
      <c r="D116" s="5">
        <v>35</v>
      </c>
    </row>
    <row r="117" spans="1:4" ht="18" customHeight="1" x14ac:dyDescent="0.15">
      <c r="A117" s="8">
        <v>92</v>
      </c>
      <c r="B117" s="21">
        <v>6</v>
      </c>
      <c r="C117" s="6">
        <v>15</v>
      </c>
      <c r="D117" s="5">
        <v>21</v>
      </c>
    </row>
    <row r="118" spans="1:4" ht="18" customHeight="1" x14ac:dyDescent="0.15">
      <c r="A118" s="8">
        <v>93</v>
      </c>
      <c r="B118" s="21">
        <v>6</v>
      </c>
      <c r="C118" s="6">
        <v>11</v>
      </c>
      <c r="D118" s="5">
        <v>17</v>
      </c>
    </row>
    <row r="119" spans="1:4" ht="18" customHeight="1" x14ac:dyDescent="0.15">
      <c r="A119" s="8">
        <v>94</v>
      </c>
      <c r="B119" s="21">
        <v>0</v>
      </c>
      <c r="C119" s="6">
        <v>11</v>
      </c>
      <c r="D119" s="5">
        <v>11</v>
      </c>
    </row>
    <row r="120" spans="1:4" ht="18" customHeight="1" x14ac:dyDescent="0.15">
      <c r="A120" s="8" t="s">
        <v>5</v>
      </c>
      <c r="B120" s="21">
        <v>31</v>
      </c>
      <c r="C120" s="6">
        <v>78</v>
      </c>
      <c r="D120" s="5">
        <v>109</v>
      </c>
    </row>
    <row r="121" spans="1:4" ht="18" customHeight="1" x14ac:dyDescent="0.15">
      <c r="A121" s="8">
        <v>95</v>
      </c>
      <c r="B121" s="21">
        <v>5</v>
      </c>
      <c r="C121" s="6">
        <v>14</v>
      </c>
      <c r="D121" s="5">
        <v>19</v>
      </c>
    </row>
    <row r="122" spans="1:4" ht="18" customHeight="1" x14ac:dyDescent="0.15">
      <c r="A122" s="8">
        <v>96</v>
      </c>
      <c r="B122" s="21">
        <v>3</v>
      </c>
      <c r="C122" s="6">
        <v>7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3</v>
      </c>
      <c r="C125" s="6">
        <v>4</v>
      </c>
      <c r="D125" s="5">
        <v>7</v>
      </c>
    </row>
    <row r="126" spans="1:4" ht="18" customHeight="1" x14ac:dyDescent="0.15">
      <c r="A126" s="8" t="s">
        <v>4</v>
      </c>
      <c r="B126" s="21">
        <v>13</v>
      </c>
      <c r="C126" s="6">
        <v>36</v>
      </c>
      <c r="D126" s="5">
        <v>49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029</v>
      </c>
      <c r="C130" s="6">
        <v>1197</v>
      </c>
      <c r="D130" s="5">
        <v>2226</v>
      </c>
    </row>
    <row r="131" spans="1:4" ht="18" customHeight="1" x14ac:dyDescent="0.15">
      <c r="A131" s="4" t="s">
        <v>0</v>
      </c>
      <c r="B131" s="20">
        <v>3209</v>
      </c>
      <c r="C131" s="2">
        <v>3185</v>
      </c>
      <c r="D131" s="1">
        <v>639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523997-9D50-4B4F-882F-2F7AA25699AB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3</v>
      </c>
      <c r="C5" s="31">
        <v>9</v>
      </c>
      <c r="D5" s="30">
        <v>22</v>
      </c>
    </row>
    <row r="6" spans="1:4" ht="18" customHeight="1" x14ac:dyDescent="0.15">
      <c r="A6" s="8">
        <v>1</v>
      </c>
      <c r="B6" s="26">
        <v>13</v>
      </c>
      <c r="C6" s="6">
        <v>12</v>
      </c>
      <c r="D6" s="5">
        <v>25</v>
      </c>
    </row>
    <row r="7" spans="1:4" ht="18" customHeight="1" x14ac:dyDescent="0.15">
      <c r="A7" s="8">
        <v>2</v>
      </c>
      <c r="B7" s="26">
        <v>16</v>
      </c>
      <c r="C7" s="6">
        <v>11</v>
      </c>
      <c r="D7" s="5">
        <v>27</v>
      </c>
    </row>
    <row r="8" spans="1:4" ht="18" customHeight="1" x14ac:dyDescent="0.15">
      <c r="A8" s="8">
        <v>3</v>
      </c>
      <c r="B8" s="26">
        <v>11</v>
      </c>
      <c r="C8" s="6">
        <v>11</v>
      </c>
      <c r="D8" s="5">
        <v>22</v>
      </c>
    </row>
    <row r="9" spans="1:4" ht="18" customHeight="1" x14ac:dyDescent="0.15">
      <c r="A9" s="8">
        <v>4</v>
      </c>
      <c r="B9" s="29">
        <v>17</v>
      </c>
      <c r="C9" s="28">
        <v>19</v>
      </c>
      <c r="D9" s="27">
        <v>36</v>
      </c>
    </row>
    <row r="10" spans="1:4" ht="18" customHeight="1" x14ac:dyDescent="0.15">
      <c r="A10" s="8" t="s">
        <v>25</v>
      </c>
      <c r="B10" s="21">
        <v>70</v>
      </c>
      <c r="C10" s="6">
        <v>62</v>
      </c>
      <c r="D10" s="5">
        <v>132</v>
      </c>
    </row>
    <row r="11" spans="1:4" ht="18" customHeight="1" x14ac:dyDescent="0.15">
      <c r="A11" s="8">
        <v>5</v>
      </c>
      <c r="B11" s="26">
        <v>19</v>
      </c>
      <c r="C11" s="6">
        <v>21</v>
      </c>
      <c r="D11" s="5">
        <v>40</v>
      </c>
    </row>
    <row r="12" spans="1:4" ht="18" customHeight="1" x14ac:dyDescent="0.15">
      <c r="A12" s="8">
        <v>6</v>
      </c>
      <c r="B12" s="26">
        <v>20</v>
      </c>
      <c r="C12" s="6">
        <v>21</v>
      </c>
      <c r="D12" s="5">
        <v>41</v>
      </c>
    </row>
    <row r="13" spans="1:4" ht="18" customHeight="1" x14ac:dyDescent="0.15">
      <c r="A13" s="8">
        <v>7</v>
      </c>
      <c r="B13" s="26">
        <v>16</v>
      </c>
      <c r="C13" s="6">
        <v>21</v>
      </c>
      <c r="D13" s="5">
        <v>37</v>
      </c>
    </row>
    <row r="14" spans="1:4" ht="18" customHeight="1" x14ac:dyDescent="0.15">
      <c r="A14" s="8">
        <v>8</v>
      </c>
      <c r="B14" s="26">
        <v>27</v>
      </c>
      <c r="C14" s="6">
        <v>31</v>
      </c>
      <c r="D14" s="5">
        <v>58</v>
      </c>
    </row>
    <row r="15" spans="1:4" ht="18" customHeight="1" x14ac:dyDescent="0.15">
      <c r="A15" s="8">
        <v>9</v>
      </c>
      <c r="B15" s="26">
        <v>22</v>
      </c>
      <c r="C15" s="6">
        <v>25</v>
      </c>
      <c r="D15" s="5">
        <v>47</v>
      </c>
    </row>
    <row r="16" spans="1:4" ht="18" customHeight="1" x14ac:dyDescent="0.15">
      <c r="A16" s="8" t="s">
        <v>24</v>
      </c>
      <c r="B16" s="21">
        <v>104</v>
      </c>
      <c r="C16" s="6">
        <v>119</v>
      </c>
      <c r="D16" s="5">
        <v>223</v>
      </c>
    </row>
    <row r="17" spans="1:4" ht="18" customHeight="1" x14ac:dyDescent="0.15">
      <c r="A17" s="8">
        <v>10</v>
      </c>
      <c r="B17" s="21">
        <v>26</v>
      </c>
      <c r="C17" s="6">
        <v>19</v>
      </c>
      <c r="D17" s="5">
        <v>45</v>
      </c>
    </row>
    <row r="18" spans="1:4" ht="18" customHeight="1" x14ac:dyDescent="0.15">
      <c r="A18" s="8">
        <v>11</v>
      </c>
      <c r="B18" s="21">
        <v>26</v>
      </c>
      <c r="C18" s="6">
        <v>24</v>
      </c>
      <c r="D18" s="5">
        <v>50</v>
      </c>
    </row>
    <row r="19" spans="1:4" ht="18" customHeight="1" x14ac:dyDescent="0.15">
      <c r="A19" s="8">
        <v>12</v>
      </c>
      <c r="B19" s="21">
        <v>26</v>
      </c>
      <c r="C19" s="6">
        <v>19</v>
      </c>
      <c r="D19" s="5">
        <v>45</v>
      </c>
    </row>
    <row r="20" spans="1:4" ht="18" customHeight="1" x14ac:dyDescent="0.15">
      <c r="A20" s="8">
        <v>13</v>
      </c>
      <c r="B20" s="21">
        <v>24</v>
      </c>
      <c r="C20" s="6">
        <v>16</v>
      </c>
      <c r="D20" s="5">
        <v>40</v>
      </c>
    </row>
    <row r="21" spans="1:4" ht="18" customHeight="1" x14ac:dyDescent="0.15">
      <c r="A21" s="8">
        <v>14</v>
      </c>
      <c r="B21" s="21">
        <v>32</v>
      </c>
      <c r="C21" s="6">
        <v>27</v>
      </c>
      <c r="D21" s="5">
        <v>59</v>
      </c>
    </row>
    <row r="22" spans="1:4" ht="18" customHeight="1" x14ac:dyDescent="0.15">
      <c r="A22" s="8" t="s">
        <v>23</v>
      </c>
      <c r="B22" s="21">
        <v>134</v>
      </c>
      <c r="C22" s="6">
        <v>105</v>
      </c>
      <c r="D22" s="5">
        <v>239</v>
      </c>
    </row>
    <row r="23" spans="1:4" ht="18" customHeight="1" x14ac:dyDescent="0.15">
      <c r="A23" s="8" t="s">
        <v>22</v>
      </c>
      <c r="B23" s="21">
        <v>308</v>
      </c>
      <c r="C23" s="6">
        <v>286</v>
      </c>
      <c r="D23" s="5">
        <v>594</v>
      </c>
    </row>
    <row r="24" spans="1:4" ht="18" customHeight="1" x14ac:dyDescent="0.15">
      <c r="A24" s="8">
        <v>15</v>
      </c>
      <c r="B24" s="21">
        <v>25</v>
      </c>
      <c r="C24" s="6">
        <v>40</v>
      </c>
      <c r="D24" s="5">
        <v>65</v>
      </c>
    </row>
    <row r="25" spans="1:4" ht="18" customHeight="1" x14ac:dyDescent="0.15">
      <c r="A25" s="8">
        <v>16</v>
      </c>
      <c r="B25" s="21">
        <v>32</v>
      </c>
      <c r="C25" s="6">
        <v>32</v>
      </c>
      <c r="D25" s="5">
        <v>64</v>
      </c>
    </row>
    <row r="26" spans="1:4" ht="18" customHeight="1" x14ac:dyDescent="0.15">
      <c r="A26" s="8">
        <v>17</v>
      </c>
      <c r="B26" s="21">
        <v>30</v>
      </c>
      <c r="C26" s="6">
        <v>40</v>
      </c>
      <c r="D26" s="5">
        <v>70</v>
      </c>
    </row>
    <row r="27" spans="1:4" ht="18" customHeight="1" x14ac:dyDescent="0.15">
      <c r="A27" s="8">
        <v>18</v>
      </c>
      <c r="B27" s="21">
        <v>38</v>
      </c>
      <c r="C27" s="6">
        <v>25</v>
      </c>
      <c r="D27" s="5">
        <v>63</v>
      </c>
    </row>
    <row r="28" spans="1:4" ht="18" customHeight="1" x14ac:dyDescent="0.15">
      <c r="A28" s="8">
        <v>19</v>
      </c>
      <c r="B28" s="21">
        <v>28</v>
      </c>
      <c r="C28" s="6">
        <v>39</v>
      </c>
      <c r="D28" s="5">
        <v>67</v>
      </c>
    </row>
    <row r="29" spans="1:4" ht="18" customHeight="1" x14ac:dyDescent="0.15">
      <c r="A29" s="8" t="s">
        <v>21</v>
      </c>
      <c r="B29" s="21">
        <v>153</v>
      </c>
      <c r="C29" s="6">
        <v>176</v>
      </c>
      <c r="D29" s="5">
        <v>329</v>
      </c>
    </row>
    <row r="30" spans="1:4" ht="18" customHeight="1" x14ac:dyDescent="0.15">
      <c r="A30" s="8">
        <v>20</v>
      </c>
      <c r="B30" s="21">
        <v>28</v>
      </c>
      <c r="C30" s="6">
        <v>40</v>
      </c>
      <c r="D30" s="5">
        <v>68</v>
      </c>
    </row>
    <row r="31" spans="1:4" ht="18" customHeight="1" x14ac:dyDescent="0.15">
      <c r="A31" s="8">
        <v>21</v>
      </c>
      <c r="B31" s="21">
        <v>36</v>
      </c>
      <c r="C31" s="6">
        <v>35</v>
      </c>
      <c r="D31" s="5">
        <v>71</v>
      </c>
    </row>
    <row r="32" spans="1:4" ht="18" customHeight="1" x14ac:dyDescent="0.15">
      <c r="A32" s="8">
        <v>22</v>
      </c>
      <c r="B32" s="21">
        <v>28</v>
      </c>
      <c r="C32" s="6">
        <v>36</v>
      </c>
      <c r="D32" s="5">
        <v>64</v>
      </c>
    </row>
    <row r="33" spans="1:4" ht="18" customHeight="1" x14ac:dyDescent="0.15">
      <c r="A33" s="8">
        <v>23</v>
      </c>
      <c r="B33" s="21">
        <v>39</v>
      </c>
      <c r="C33" s="6">
        <v>32</v>
      </c>
      <c r="D33" s="5">
        <v>71</v>
      </c>
    </row>
    <row r="34" spans="1:4" ht="18" customHeight="1" x14ac:dyDescent="0.15">
      <c r="A34" s="8">
        <v>24</v>
      </c>
      <c r="B34" s="21">
        <v>32</v>
      </c>
      <c r="C34" s="6">
        <v>30</v>
      </c>
      <c r="D34" s="5">
        <v>62</v>
      </c>
    </row>
    <row r="35" spans="1:4" ht="18" customHeight="1" x14ac:dyDescent="0.15">
      <c r="A35" s="8" t="s">
        <v>20</v>
      </c>
      <c r="B35" s="21">
        <v>163</v>
      </c>
      <c r="C35" s="6">
        <v>173</v>
      </c>
      <c r="D35" s="5">
        <v>336</v>
      </c>
    </row>
    <row r="36" spans="1:4" ht="18" customHeight="1" x14ac:dyDescent="0.15">
      <c r="A36" s="8">
        <v>25</v>
      </c>
      <c r="B36" s="21">
        <v>39</v>
      </c>
      <c r="C36" s="6">
        <v>32</v>
      </c>
      <c r="D36" s="5">
        <v>71</v>
      </c>
    </row>
    <row r="37" spans="1:4" ht="18" customHeight="1" x14ac:dyDescent="0.15">
      <c r="A37" s="8">
        <v>26</v>
      </c>
      <c r="B37" s="21">
        <v>26</v>
      </c>
      <c r="C37" s="6">
        <v>35</v>
      </c>
      <c r="D37" s="5">
        <v>61</v>
      </c>
    </row>
    <row r="38" spans="1:4" ht="18" customHeight="1" x14ac:dyDescent="0.15">
      <c r="A38" s="8">
        <v>27</v>
      </c>
      <c r="B38" s="21">
        <v>33</v>
      </c>
      <c r="C38" s="6">
        <v>26</v>
      </c>
      <c r="D38" s="5">
        <v>59</v>
      </c>
    </row>
    <row r="39" spans="1:4" ht="18" customHeight="1" x14ac:dyDescent="0.15">
      <c r="A39" s="8">
        <v>28</v>
      </c>
      <c r="B39" s="21">
        <v>26</v>
      </c>
      <c r="C39" s="6">
        <v>27</v>
      </c>
      <c r="D39" s="5">
        <v>53</v>
      </c>
    </row>
    <row r="40" spans="1:4" ht="18" customHeight="1" x14ac:dyDescent="0.15">
      <c r="A40" s="8">
        <v>29</v>
      </c>
      <c r="B40" s="21">
        <v>34</v>
      </c>
      <c r="C40" s="6">
        <v>20</v>
      </c>
      <c r="D40" s="5">
        <v>54</v>
      </c>
    </row>
    <row r="41" spans="1:4" ht="18" customHeight="1" x14ac:dyDescent="0.15">
      <c r="A41" s="8" t="s">
        <v>19</v>
      </c>
      <c r="B41" s="21">
        <v>158</v>
      </c>
      <c r="C41" s="6">
        <v>140</v>
      </c>
      <c r="D41" s="5">
        <v>298</v>
      </c>
    </row>
    <row r="42" spans="1:4" ht="18" customHeight="1" x14ac:dyDescent="0.15">
      <c r="A42" s="8">
        <v>30</v>
      </c>
      <c r="B42" s="21">
        <v>16</v>
      </c>
      <c r="C42" s="6">
        <v>27</v>
      </c>
      <c r="D42" s="5">
        <v>43</v>
      </c>
    </row>
    <row r="43" spans="1:4" ht="18" customHeight="1" x14ac:dyDescent="0.15">
      <c r="A43" s="8">
        <v>31</v>
      </c>
      <c r="B43" s="21">
        <v>30</v>
      </c>
      <c r="C43" s="6">
        <v>17</v>
      </c>
      <c r="D43" s="5">
        <v>47</v>
      </c>
    </row>
    <row r="44" spans="1:4" ht="18" customHeight="1" x14ac:dyDescent="0.15">
      <c r="A44" s="8">
        <v>32</v>
      </c>
      <c r="B44" s="21">
        <v>20</v>
      </c>
      <c r="C44" s="6">
        <v>14</v>
      </c>
      <c r="D44" s="5">
        <v>34</v>
      </c>
    </row>
    <row r="45" spans="1:4" ht="18" customHeight="1" x14ac:dyDescent="0.15">
      <c r="A45" s="8">
        <v>33</v>
      </c>
      <c r="B45" s="21">
        <v>23</v>
      </c>
      <c r="C45" s="6">
        <v>22</v>
      </c>
      <c r="D45" s="5">
        <v>45</v>
      </c>
    </row>
    <row r="46" spans="1:4" ht="18" customHeight="1" x14ac:dyDescent="0.15">
      <c r="A46" s="8">
        <v>34</v>
      </c>
      <c r="B46" s="21">
        <v>24</v>
      </c>
      <c r="C46" s="6">
        <v>16</v>
      </c>
      <c r="D46" s="5">
        <v>40</v>
      </c>
    </row>
    <row r="47" spans="1:4" ht="18" customHeight="1" x14ac:dyDescent="0.15">
      <c r="A47" s="8" t="s">
        <v>18</v>
      </c>
      <c r="B47" s="21">
        <v>113</v>
      </c>
      <c r="C47" s="6">
        <v>96</v>
      </c>
      <c r="D47" s="5">
        <v>209</v>
      </c>
    </row>
    <row r="48" spans="1:4" ht="18" customHeight="1" x14ac:dyDescent="0.15">
      <c r="A48" s="8">
        <v>35</v>
      </c>
      <c r="B48" s="21">
        <v>17</v>
      </c>
      <c r="C48" s="6">
        <v>19</v>
      </c>
      <c r="D48" s="5">
        <v>36</v>
      </c>
    </row>
    <row r="49" spans="1:4" ht="18" customHeight="1" x14ac:dyDescent="0.15">
      <c r="A49" s="8">
        <v>36</v>
      </c>
      <c r="B49" s="21">
        <v>27</v>
      </c>
      <c r="C49" s="6">
        <v>30</v>
      </c>
      <c r="D49" s="5">
        <v>57</v>
      </c>
    </row>
    <row r="50" spans="1:4" ht="18" customHeight="1" x14ac:dyDescent="0.15">
      <c r="A50" s="8">
        <v>37</v>
      </c>
      <c r="B50" s="21">
        <v>29</v>
      </c>
      <c r="C50" s="6">
        <v>29</v>
      </c>
      <c r="D50" s="5">
        <v>58</v>
      </c>
    </row>
    <row r="51" spans="1:4" ht="18" customHeight="1" x14ac:dyDescent="0.15">
      <c r="A51" s="8">
        <v>38</v>
      </c>
      <c r="B51" s="21">
        <v>23</v>
      </c>
      <c r="C51" s="6">
        <v>28</v>
      </c>
      <c r="D51" s="5">
        <v>51</v>
      </c>
    </row>
    <row r="52" spans="1:4" ht="18" customHeight="1" x14ac:dyDescent="0.15">
      <c r="A52" s="8">
        <v>39</v>
      </c>
      <c r="B52" s="21">
        <v>26</v>
      </c>
      <c r="C52" s="6">
        <v>27</v>
      </c>
      <c r="D52" s="5">
        <v>53</v>
      </c>
    </row>
    <row r="53" spans="1:4" ht="18" customHeight="1" x14ac:dyDescent="0.15">
      <c r="A53" s="8" t="s">
        <v>17</v>
      </c>
      <c r="B53" s="21">
        <v>122</v>
      </c>
      <c r="C53" s="6">
        <v>133</v>
      </c>
      <c r="D53" s="5">
        <v>255</v>
      </c>
    </row>
    <row r="54" spans="1:4" ht="18" customHeight="1" x14ac:dyDescent="0.15">
      <c r="A54" s="8">
        <v>40</v>
      </c>
      <c r="B54" s="21">
        <v>36</v>
      </c>
      <c r="C54" s="6">
        <v>27</v>
      </c>
      <c r="D54" s="5">
        <v>63</v>
      </c>
    </row>
    <row r="55" spans="1:4" ht="18" customHeight="1" x14ac:dyDescent="0.15">
      <c r="A55" s="8">
        <v>41</v>
      </c>
      <c r="B55" s="21">
        <v>24</v>
      </c>
      <c r="C55" s="6">
        <v>31</v>
      </c>
      <c r="D55" s="5">
        <v>55</v>
      </c>
    </row>
    <row r="56" spans="1:4" ht="18" customHeight="1" x14ac:dyDescent="0.15">
      <c r="A56" s="8">
        <v>42</v>
      </c>
      <c r="B56" s="21">
        <v>30</v>
      </c>
      <c r="C56" s="6">
        <v>31</v>
      </c>
      <c r="D56" s="5">
        <v>61</v>
      </c>
    </row>
    <row r="57" spans="1:4" ht="18" customHeight="1" x14ac:dyDescent="0.15">
      <c r="A57" s="8">
        <v>43</v>
      </c>
      <c r="B57" s="21">
        <v>45</v>
      </c>
      <c r="C57" s="6">
        <v>43</v>
      </c>
      <c r="D57" s="5">
        <v>88</v>
      </c>
    </row>
    <row r="58" spans="1:4" ht="18" customHeight="1" x14ac:dyDescent="0.15">
      <c r="A58" s="8">
        <v>44</v>
      </c>
      <c r="B58" s="21">
        <v>54</v>
      </c>
      <c r="C58" s="6">
        <v>43</v>
      </c>
      <c r="D58" s="5">
        <v>97</v>
      </c>
    </row>
    <row r="59" spans="1:4" ht="18" customHeight="1" x14ac:dyDescent="0.15">
      <c r="A59" s="8" t="s">
        <v>16</v>
      </c>
      <c r="B59" s="21">
        <v>189</v>
      </c>
      <c r="C59" s="6">
        <v>175</v>
      </c>
      <c r="D59" s="5">
        <v>364</v>
      </c>
    </row>
    <row r="60" spans="1:4" ht="18" customHeight="1" x14ac:dyDescent="0.15">
      <c r="A60" s="8">
        <v>45</v>
      </c>
      <c r="B60" s="21">
        <v>38</v>
      </c>
      <c r="C60" s="6">
        <v>24</v>
      </c>
      <c r="D60" s="5">
        <v>62</v>
      </c>
    </row>
    <row r="61" spans="1:4" ht="18" customHeight="1" x14ac:dyDescent="0.15">
      <c r="A61" s="8">
        <v>46</v>
      </c>
      <c r="B61" s="21">
        <v>44</v>
      </c>
      <c r="C61" s="6">
        <v>43</v>
      </c>
      <c r="D61" s="5">
        <v>87</v>
      </c>
    </row>
    <row r="62" spans="1:4" ht="18" customHeight="1" x14ac:dyDescent="0.15">
      <c r="A62" s="8">
        <v>47</v>
      </c>
      <c r="B62" s="21">
        <v>44</v>
      </c>
      <c r="C62" s="6">
        <v>50</v>
      </c>
      <c r="D62" s="5">
        <v>94</v>
      </c>
    </row>
    <row r="63" spans="1:4" ht="18" customHeight="1" x14ac:dyDescent="0.15">
      <c r="A63" s="8">
        <v>48</v>
      </c>
      <c r="B63" s="21">
        <v>53</v>
      </c>
      <c r="C63" s="6">
        <v>36</v>
      </c>
      <c r="D63" s="5">
        <v>89</v>
      </c>
    </row>
    <row r="64" spans="1:4" ht="18" customHeight="1" x14ac:dyDescent="0.15">
      <c r="A64" s="8">
        <v>49</v>
      </c>
      <c r="B64" s="21">
        <v>50</v>
      </c>
      <c r="C64" s="6">
        <v>50</v>
      </c>
      <c r="D64" s="5">
        <v>100</v>
      </c>
    </row>
    <row r="65" spans="1:4" ht="18" customHeight="1" x14ac:dyDescent="0.15">
      <c r="A65" s="8" t="s">
        <v>15</v>
      </c>
      <c r="B65" s="21">
        <v>229</v>
      </c>
      <c r="C65" s="6">
        <v>203</v>
      </c>
      <c r="D65" s="5">
        <v>432</v>
      </c>
    </row>
    <row r="66" spans="1:4" ht="18" customHeight="1" x14ac:dyDescent="0.15">
      <c r="A66" s="8">
        <v>50</v>
      </c>
      <c r="B66" s="21">
        <v>58</v>
      </c>
      <c r="C66" s="6">
        <v>65</v>
      </c>
      <c r="D66" s="5">
        <v>123</v>
      </c>
    </row>
    <row r="67" spans="1:4" ht="18" customHeight="1" x14ac:dyDescent="0.15">
      <c r="A67" s="8">
        <v>51</v>
      </c>
      <c r="B67" s="21">
        <v>54</v>
      </c>
      <c r="C67" s="6">
        <v>55</v>
      </c>
      <c r="D67" s="5">
        <v>109</v>
      </c>
    </row>
    <row r="68" spans="1:4" ht="18" customHeight="1" x14ac:dyDescent="0.15">
      <c r="A68" s="8">
        <v>52</v>
      </c>
      <c r="B68" s="21">
        <v>66</v>
      </c>
      <c r="C68" s="6">
        <v>52</v>
      </c>
      <c r="D68" s="5">
        <v>118</v>
      </c>
    </row>
    <row r="69" spans="1:4" ht="18" customHeight="1" x14ac:dyDescent="0.15">
      <c r="A69" s="8">
        <v>53</v>
      </c>
      <c r="B69" s="21">
        <v>53</v>
      </c>
      <c r="C69" s="6">
        <v>50</v>
      </c>
      <c r="D69" s="5">
        <v>103</v>
      </c>
    </row>
    <row r="70" spans="1:4" ht="18" customHeight="1" x14ac:dyDescent="0.15">
      <c r="A70" s="8">
        <v>54</v>
      </c>
      <c r="B70" s="21">
        <v>56</v>
      </c>
      <c r="C70" s="6">
        <v>55</v>
      </c>
      <c r="D70" s="5">
        <v>111</v>
      </c>
    </row>
    <row r="71" spans="1:4" ht="18" customHeight="1" x14ac:dyDescent="0.15">
      <c r="A71" s="8" t="s">
        <v>14</v>
      </c>
      <c r="B71" s="21">
        <v>287</v>
      </c>
      <c r="C71" s="6">
        <v>277</v>
      </c>
      <c r="D71" s="5">
        <v>564</v>
      </c>
    </row>
    <row r="72" spans="1:4" ht="18" customHeight="1" x14ac:dyDescent="0.15">
      <c r="A72" s="8">
        <v>55</v>
      </c>
      <c r="B72" s="21">
        <v>48</v>
      </c>
      <c r="C72" s="6">
        <v>53</v>
      </c>
      <c r="D72" s="5">
        <v>101</v>
      </c>
    </row>
    <row r="73" spans="1:4" ht="18" customHeight="1" x14ac:dyDescent="0.15">
      <c r="A73" s="8">
        <v>56</v>
      </c>
      <c r="B73" s="21">
        <v>47</v>
      </c>
      <c r="C73" s="6">
        <v>44</v>
      </c>
      <c r="D73" s="5">
        <v>91</v>
      </c>
    </row>
    <row r="74" spans="1:4" ht="18" customHeight="1" x14ac:dyDescent="0.15">
      <c r="A74" s="8">
        <v>57</v>
      </c>
      <c r="B74" s="21">
        <v>32</v>
      </c>
      <c r="C74" s="6">
        <v>45</v>
      </c>
      <c r="D74" s="5">
        <v>77</v>
      </c>
    </row>
    <row r="75" spans="1:4" ht="18" customHeight="1" x14ac:dyDescent="0.15">
      <c r="A75" s="8">
        <v>58</v>
      </c>
      <c r="B75" s="21">
        <v>39</v>
      </c>
      <c r="C75" s="6">
        <v>40</v>
      </c>
      <c r="D75" s="5">
        <v>79</v>
      </c>
    </row>
    <row r="76" spans="1:4" ht="18" customHeight="1" x14ac:dyDescent="0.15">
      <c r="A76" s="8">
        <v>59</v>
      </c>
      <c r="B76" s="21">
        <v>31</v>
      </c>
      <c r="C76" s="6">
        <v>27</v>
      </c>
      <c r="D76" s="5">
        <v>58</v>
      </c>
    </row>
    <row r="77" spans="1:4" ht="18" customHeight="1" x14ac:dyDescent="0.15">
      <c r="A77" s="8" t="s">
        <v>13</v>
      </c>
      <c r="B77" s="21">
        <v>197</v>
      </c>
      <c r="C77" s="6">
        <v>209</v>
      </c>
      <c r="D77" s="5">
        <v>406</v>
      </c>
    </row>
    <row r="78" spans="1:4" ht="18" customHeight="1" x14ac:dyDescent="0.15">
      <c r="A78" s="8">
        <v>60</v>
      </c>
      <c r="B78" s="21">
        <v>51</v>
      </c>
      <c r="C78" s="6">
        <v>32</v>
      </c>
      <c r="D78" s="5">
        <v>83</v>
      </c>
    </row>
    <row r="79" spans="1:4" ht="18" customHeight="1" x14ac:dyDescent="0.15">
      <c r="A79" s="8">
        <v>61</v>
      </c>
      <c r="B79" s="21">
        <v>46</v>
      </c>
      <c r="C79" s="6">
        <v>42</v>
      </c>
      <c r="D79" s="5">
        <v>88</v>
      </c>
    </row>
    <row r="80" spans="1:4" ht="18" customHeight="1" x14ac:dyDescent="0.15">
      <c r="A80" s="8">
        <v>62</v>
      </c>
      <c r="B80" s="21">
        <v>40</v>
      </c>
      <c r="C80" s="6">
        <v>49</v>
      </c>
      <c r="D80" s="5">
        <v>89</v>
      </c>
    </row>
    <row r="81" spans="1:4" ht="18" customHeight="1" x14ac:dyDescent="0.15">
      <c r="A81" s="8">
        <v>63</v>
      </c>
      <c r="B81" s="21">
        <v>41</v>
      </c>
      <c r="C81" s="6">
        <v>38</v>
      </c>
      <c r="D81" s="5">
        <v>79</v>
      </c>
    </row>
    <row r="82" spans="1:4" ht="18" customHeight="1" x14ac:dyDescent="0.15">
      <c r="A82" s="8">
        <v>64</v>
      </c>
      <c r="B82" s="21">
        <v>39</v>
      </c>
      <c r="C82" s="6">
        <v>31</v>
      </c>
      <c r="D82" s="5">
        <v>70</v>
      </c>
    </row>
    <row r="83" spans="1:4" ht="18" customHeight="1" x14ac:dyDescent="0.15">
      <c r="A83" s="8" t="s">
        <v>12</v>
      </c>
      <c r="B83" s="21">
        <v>217</v>
      </c>
      <c r="C83" s="6">
        <v>192</v>
      </c>
      <c r="D83" s="5">
        <v>409</v>
      </c>
    </row>
    <row r="84" spans="1:4" ht="18" customHeight="1" x14ac:dyDescent="0.15">
      <c r="A84" s="8" t="s">
        <v>11</v>
      </c>
      <c r="B84" s="21">
        <v>1828</v>
      </c>
      <c r="C84" s="6">
        <v>1774</v>
      </c>
      <c r="D84" s="5">
        <v>3602</v>
      </c>
    </row>
    <row r="85" spans="1:4" ht="18" customHeight="1" x14ac:dyDescent="0.15">
      <c r="A85" s="8">
        <v>65</v>
      </c>
      <c r="B85" s="21">
        <v>47</v>
      </c>
      <c r="C85" s="6">
        <v>35</v>
      </c>
      <c r="D85" s="5">
        <v>82</v>
      </c>
    </row>
    <row r="86" spans="1:4" ht="18" customHeight="1" x14ac:dyDescent="0.15">
      <c r="A86" s="8">
        <v>66</v>
      </c>
      <c r="B86" s="21">
        <v>33</v>
      </c>
      <c r="C86" s="6">
        <v>39</v>
      </c>
      <c r="D86" s="5">
        <v>72</v>
      </c>
    </row>
    <row r="87" spans="1:4" ht="18" customHeight="1" x14ac:dyDescent="0.15">
      <c r="A87" s="8">
        <v>67</v>
      </c>
      <c r="B87" s="21">
        <v>39</v>
      </c>
      <c r="C87" s="6">
        <v>42</v>
      </c>
      <c r="D87" s="5">
        <v>81</v>
      </c>
    </row>
    <row r="88" spans="1:4" ht="18" customHeight="1" x14ac:dyDescent="0.15">
      <c r="A88" s="8">
        <v>68</v>
      </c>
      <c r="B88" s="21">
        <v>44</v>
      </c>
      <c r="C88" s="6">
        <v>41</v>
      </c>
      <c r="D88" s="5">
        <v>85</v>
      </c>
    </row>
    <row r="89" spans="1:4" ht="18" customHeight="1" x14ac:dyDescent="0.15">
      <c r="A89" s="8">
        <v>69</v>
      </c>
      <c r="B89" s="21">
        <v>35</v>
      </c>
      <c r="C89" s="6">
        <v>43</v>
      </c>
      <c r="D89" s="5">
        <v>78</v>
      </c>
    </row>
    <row r="90" spans="1:4" ht="18" customHeight="1" x14ac:dyDescent="0.15">
      <c r="A90" s="8" t="s">
        <v>10</v>
      </c>
      <c r="B90" s="21">
        <v>198</v>
      </c>
      <c r="C90" s="6">
        <v>200</v>
      </c>
      <c r="D90" s="5">
        <v>398</v>
      </c>
    </row>
    <row r="91" spans="1:4" ht="18" customHeight="1" x14ac:dyDescent="0.15">
      <c r="A91" s="8">
        <v>70</v>
      </c>
      <c r="B91" s="21">
        <v>45</v>
      </c>
      <c r="C91" s="6">
        <v>53</v>
      </c>
      <c r="D91" s="5">
        <v>98</v>
      </c>
    </row>
    <row r="92" spans="1:4" ht="18" customHeight="1" x14ac:dyDescent="0.15">
      <c r="A92" s="8">
        <v>71</v>
      </c>
      <c r="B92" s="21">
        <v>51</v>
      </c>
      <c r="C92" s="6">
        <v>43</v>
      </c>
      <c r="D92" s="5">
        <v>94</v>
      </c>
    </row>
    <row r="93" spans="1:4" ht="18" customHeight="1" x14ac:dyDescent="0.15">
      <c r="A93" s="8">
        <v>72</v>
      </c>
      <c r="B93" s="21">
        <v>51</v>
      </c>
      <c r="C93" s="6">
        <v>45</v>
      </c>
      <c r="D93" s="5">
        <v>96</v>
      </c>
    </row>
    <row r="94" spans="1:4" ht="18" customHeight="1" x14ac:dyDescent="0.15">
      <c r="A94" s="8">
        <v>73</v>
      </c>
      <c r="B94" s="21">
        <v>40</v>
      </c>
      <c r="C94" s="6">
        <v>55</v>
      </c>
      <c r="D94" s="5">
        <v>95</v>
      </c>
    </row>
    <row r="95" spans="1:4" ht="18" customHeight="1" x14ac:dyDescent="0.15">
      <c r="A95" s="8">
        <v>74</v>
      </c>
      <c r="B95" s="21">
        <v>47</v>
      </c>
      <c r="C95" s="6">
        <v>73</v>
      </c>
      <c r="D95" s="5">
        <v>120</v>
      </c>
    </row>
    <row r="96" spans="1:4" ht="18" customHeight="1" x14ac:dyDescent="0.15">
      <c r="A96" s="8" t="s">
        <v>9</v>
      </c>
      <c r="B96" s="21">
        <v>234</v>
      </c>
      <c r="C96" s="6">
        <v>269</v>
      </c>
      <c r="D96" s="5">
        <v>503</v>
      </c>
    </row>
    <row r="97" spans="1:4" ht="18" customHeight="1" x14ac:dyDescent="0.15">
      <c r="A97" s="8">
        <v>75</v>
      </c>
      <c r="B97" s="21">
        <v>52</v>
      </c>
      <c r="C97" s="6">
        <v>68</v>
      </c>
      <c r="D97" s="5">
        <v>120</v>
      </c>
    </row>
    <row r="98" spans="1:4" ht="18" customHeight="1" x14ac:dyDescent="0.15">
      <c r="A98" s="8">
        <v>76</v>
      </c>
      <c r="B98" s="21">
        <v>71</v>
      </c>
      <c r="C98" s="6">
        <v>81</v>
      </c>
      <c r="D98" s="5">
        <v>152</v>
      </c>
    </row>
    <row r="99" spans="1:4" ht="18" customHeight="1" x14ac:dyDescent="0.15">
      <c r="A99" s="8">
        <v>77</v>
      </c>
      <c r="B99" s="21">
        <v>69</v>
      </c>
      <c r="C99" s="6">
        <v>49</v>
      </c>
      <c r="D99" s="5">
        <v>118</v>
      </c>
    </row>
    <row r="100" spans="1:4" ht="18" customHeight="1" x14ac:dyDescent="0.15">
      <c r="A100" s="8">
        <v>78</v>
      </c>
      <c r="B100" s="21">
        <v>60</v>
      </c>
      <c r="C100" s="6">
        <v>73</v>
      </c>
      <c r="D100" s="5">
        <v>133</v>
      </c>
    </row>
    <row r="101" spans="1:4" ht="18" customHeight="1" x14ac:dyDescent="0.15">
      <c r="A101" s="8">
        <v>79</v>
      </c>
      <c r="B101" s="21">
        <v>27</v>
      </c>
      <c r="C101" s="6">
        <v>42</v>
      </c>
      <c r="D101" s="5">
        <v>69</v>
      </c>
    </row>
    <row r="102" spans="1:4" ht="18" customHeight="1" x14ac:dyDescent="0.15">
      <c r="A102" s="8" t="s">
        <v>8</v>
      </c>
      <c r="B102" s="21">
        <v>279</v>
      </c>
      <c r="C102" s="6">
        <v>313</v>
      </c>
      <c r="D102" s="5">
        <v>592</v>
      </c>
    </row>
    <row r="103" spans="1:4" ht="18" customHeight="1" x14ac:dyDescent="0.15">
      <c r="A103" s="8">
        <v>80</v>
      </c>
      <c r="B103" s="21">
        <v>20</v>
      </c>
      <c r="C103" s="6">
        <v>22</v>
      </c>
      <c r="D103" s="5">
        <v>42</v>
      </c>
    </row>
    <row r="104" spans="1:4" ht="18" customHeight="1" x14ac:dyDescent="0.15">
      <c r="A104" s="8">
        <v>81</v>
      </c>
      <c r="B104" s="21">
        <v>40</v>
      </c>
      <c r="C104" s="6">
        <v>34</v>
      </c>
      <c r="D104" s="5">
        <v>74</v>
      </c>
    </row>
    <row r="105" spans="1:4" ht="18" customHeight="1" x14ac:dyDescent="0.15">
      <c r="A105" s="8">
        <v>82</v>
      </c>
      <c r="B105" s="21">
        <v>37</v>
      </c>
      <c r="C105" s="6">
        <v>26</v>
      </c>
      <c r="D105" s="5">
        <v>63</v>
      </c>
    </row>
    <row r="106" spans="1:4" ht="18" customHeight="1" x14ac:dyDescent="0.15">
      <c r="A106" s="8">
        <v>83</v>
      </c>
      <c r="B106" s="21">
        <v>24</v>
      </c>
      <c r="C106" s="6">
        <v>32</v>
      </c>
      <c r="D106" s="5">
        <v>56</v>
      </c>
    </row>
    <row r="107" spans="1:4" ht="18" customHeight="1" x14ac:dyDescent="0.15">
      <c r="A107" s="8">
        <v>84</v>
      </c>
      <c r="B107" s="21">
        <v>30</v>
      </c>
      <c r="C107" s="6">
        <v>34</v>
      </c>
      <c r="D107" s="5">
        <v>64</v>
      </c>
    </row>
    <row r="108" spans="1:4" ht="18" customHeight="1" x14ac:dyDescent="0.15">
      <c r="A108" s="8" t="s">
        <v>7</v>
      </c>
      <c r="B108" s="21">
        <v>151</v>
      </c>
      <c r="C108" s="6">
        <v>148</v>
      </c>
      <c r="D108" s="5">
        <v>299</v>
      </c>
    </row>
    <row r="109" spans="1:4" ht="18" customHeight="1" x14ac:dyDescent="0.15">
      <c r="A109" s="8">
        <v>85</v>
      </c>
      <c r="B109" s="21">
        <v>21</v>
      </c>
      <c r="C109" s="6">
        <v>23</v>
      </c>
      <c r="D109" s="5">
        <v>44</v>
      </c>
    </row>
    <row r="110" spans="1:4" ht="18" customHeight="1" x14ac:dyDescent="0.15">
      <c r="A110" s="8">
        <v>86</v>
      </c>
      <c r="B110" s="21">
        <v>14</v>
      </c>
      <c r="C110" s="6">
        <v>32</v>
      </c>
      <c r="D110" s="5">
        <v>46</v>
      </c>
    </row>
    <row r="111" spans="1:4" ht="18" customHeight="1" x14ac:dyDescent="0.15">
      <c r="A111" s="8">
        <v>87</v>
      </c>
      <c r="B111" s="21">
        <v>16</v>
      </c>
      <c r="C111" s="6">
        <v>29</v>
      </c>
      <c r="D111" s="5">
        <v>45</v>
      </c>
    </row>
    <row r="112" spans="1:4" ht="18" customHeight="1" x14ac:dyDescent="0.15">
      <c r="A112" s="8">
        <v>88</v>
      </c>
      <c r="B112" s="21">
        <v>13</v>
      </c>
      <c r="C112" s="6">
        <v>31</v>
      </c>
      <c r="D112" s="5">
        <v>44</v>
      </c>
    </row>
    <row r="113" spans="1:4" ht="18" customHeight="1" x14ac:dyDescent="0.15">
      <c r="A113" s="8">
        <v>89</v>
      </c>
      <c r="B113" s="21">
        <v>16</v>
      </c>
      <c r="C113" s="6">
        <v>23</v>
      </c>
      <c r="D113" s="5">
        <v>39</v>
      </c>
    </row>
    <row r="114" spans="1:4" ht="18" customHeight="1" x14ac:dyDescent="0.15">
      <c r="A114" s="8" t="s">
        <v>6</v>
      </c>
      <c r="B114" s="21">
        <v>80</v>
      </c>
      <c r="C114" s="6">
        <v>138</v>
      </c>
      <c r="D114" s="5">
        <v>218</v>
      </c>
    </row>
    <row r="115" spans="1:4" ht="18" customHeight="1" x14ac:dyDescent="0.15">
      <c r="A115" s="8">
        <v>90</v>
      </c>
      <c r="B115" s="21">
        <v>14</v>
      </c>
      <c r="C115" s="6">
        <v>24</v>
      </c>
      <c r="D115" s="5">
        <v>38</v>
      </c>
    </row>
    <row r="116" spans="1:4" ht="18" customHeight="1" x14ac:dyDescent="0.15">
      <c r="A116" s="8">
        <v>91</v>
      </c>
      <c r="B116" s="21">
        <v>6</v>
      </c>
      <c r="C116" s="6">
        <v>28</v>
      </c>
      <c r="D116" s="5">
        <v>34</v>
      </c>
    </row>
    <row r="117" spans="1:4" ht="18" customHeight="1" x14ac:dyDescent="0.15">
      <c r="A117" s="8">
        <v>92</v>
      </c>
      <c r="B117" s="21">
        <v>6</v>
      </c>
      <c r="C117" s="6">
        <v>24</v>
      </c>
      <c r="D117" s="5">
        <v>30</v>
      </c>
    </row>
    <row r="118" spans="1:4" ht="18" customHeight="1" x14ac:dyDescent="0.15">
      <c r="A118" s="8">
        <v>93</v>
      </c>
      <c r="B118" s="21">
        <v>6</v>
      </c>
      <c r="C118" s="6">
        <v>22</v>
      </c>
      <c r="D118" s="5">
        <v>28</v>
      </c>
    </row>
    <row r="119" spans="1:4" ht="18" customHeight="1" x14ac:dyDescent="0.15">
      <c r="A119" s="8">
        <v>94</v>
      </c>
      <c r="B119" s="21">
        <v>5</v>
      </c>
      <c r="C119" s="6">
        <v>10</v>
      </c>
      <c r="D119" s="5">
        <v>15</v>
      </c>
    </row>
    <row r="120" spans="1:4" ht="18" customHeight="1" x14ac:dyDescent="0.15">
      <c r="A120" s="8" t="s">
        <v>5</v>
      </c>
      <c r="B120" s="21">
        <v>37</v>
      </c>
      <c r="C120" s="6">
        <v>108</v>
      </c>
      <c r="D120" s="5">
        <v>145</v>
      </c>
    </row>
    <row r="121" spans="1:4" ht="18" customHeight="1" x14ac:dyDescent="0.15">
      <c r="A121" s="8">
        <v>95</v>
      </c>
      <c r="B121" s="21">
        <v>5</v>
      </c>
      <c r="C121" s="6">
        <v>11</v>
      </c>
      <c r="D121" s="5">
        <v>16</v>
      </c>
    </row>
    <row r="122" spans="1:4" ht="18" customHeight="1" x14ac:dyDescent="0.15">
      <c r="A122" s="8">
        <v>96</v>
      </c>
      <c r="B122" s="21">
        <v>1</v>
      </c>
      <c r="C122" s="6">
        <v>13</v>
      </c>
      <c r="D122" s="5">
        <v>14</v>
      </c>
    </row>
    <row r="123" spans="1:4" ht="18" customHeight="1" x14ac:dyDescent="0.15">
      <c r="A123" s="8">
        <v>97</v>
      </c>
      <c r="B123" s="21">
        <v>4</v>
      </c>
      <c r="C123" s="6">
        <v>5</v>
      </c>
      <c r="D123" s="5">
        <v>9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11</v>
      </c>
      <c r="C126" s="6">
        <v>32</v>
      </c>
      <c r="D126" s="5">
        <v>43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990</v>
      </c>
      <c r="C130" s="6">
        <v>1212</v>
      </c>
      <c r="D130" s="5">
        <v>2202</v>
      </c>
    </row>
    <row r="131" spans="1:4" ht="18" customHeight="1" x14ac:dyDescent="0.15">
      <c r="A131" s="4" t="s">
        <v>0</v>
      </c>
      <c r="B131" s="20">
        <v>3126</v>
      </c>
      <c r="C131" s="2">
        <v>3272</v>
      </c>
      <c r="D131" s="1">
        <v>639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82C10D-4EED-477A-9A04-7CD2425E99C2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1</v>
      </c>
      <c r="C8" s="6">
        <v>1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2</v>
      </c>
      <c r="D10" s="5">
        <v>5</v>
      </c>
    </row>
    <row r="11" spans="1:4" ht="18" customHeight="1" x14ac:dyDescent="0.15">
      <c r="A11" s="8">
        <v>5</v>
      </c>
      <c r="B11" s="26">
        <v>3</v>
      </c>
      <c r="C11" s="6">
        <v>1</v>
      </c>
      <c r="D11" s="5">
        <v>4</v>
      </c>
    </row>
    <row r="12" spans="1:4" ht="18" customHeight="1" x14ac:dyDescent="0.15">
      <c r="A12" s="8">
        <v>6</v>
      </c>
      <c r="B12" s="26">
        <v>1</v>
      </c>
      <c r="C12" s="6">
        <v>0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5</v>
      </c>
      <c r="D13" s="5">
        <v>5</v>
      </c>
    </row>
    <row r="14" spans="1:4" ht="18" customHeight="1" x14ac:dyDescent="0.15">
      <c r="A14" s="8">
        <v>8</v>
      </c>
      <c r="B14" s="26">
        <v>3</v>
      </c>
      <c r="C14" s="6">
        <v>1</v>
      </c>
      <c r="D14" s="5">
        <v>4</v>
      </c>
    </row>
    <row r="15" spans="1:4" ht="18" customHeight="1" x14ac:dyDescent="0.15">
      <c r="A15" s="8">
        <v>9</v>
      </c>
      <c r="B15" s="26">
        <v>1</v>
      </c>
      <c r="C15" s="6">
        <v>4</v>
      </c>
      <c r="D15" s="5">
        <v>5</v>
      </c>
    </row>
    <row r="16" spans="1:4" ht="18" customHeight="1" x14ac:dyDescent="0.15">
      <c r="A16" s="8" t="s">
        <v>24</v>
      </c>
      <c r="B16" s="21">
        <v>8</v>
      </c>
      <c r="C16" s="6">
        <v>11</v>
      </c>
      <c r="D16" s="5">
        <v>19</v>
      </c>
    </row>
    <row r="17" spans="1:4" ht="18" customHeight="1" x14ac:dyDescent="0.15">
      <c r="A17" s="8">
        <v>10</v>
      </c>
      <c r="B17" s="21">
        <v>1</v>
      </c>
      <c r="C17" s="6">
        <v>3</v>
      </c>
      <c r="D17" s="5">
        <v>4</v>
      </c>
    </row>
    <row r="18" spans="1:4" ht="18" customHeight="1" x14ac:dyDescent="0.15">
      <c r="A18" s="8">
        <v>11</v>
      </c>
      <c r="B18" s="21">
        <v>2</v>
      </c>
      <c r="C18" s="6">
        <v>3</v>
      </c>
      <c r="D18" s="5">
        <v>5</v>
      </c>
    </row>
    <row r="19" spans="1:4" ht="18" customHeight="1" x14ac:dyDescent="0.15">
      <c r="A19" s="8">
        <v>12</v>
      </c>
      <c r="B19" s="21">
        <v>3</v>
      </c>
      <c r="C19" s="6">
        <v>5</v>
      </c>
      <c r="D19" s="5">
        <v>8</v>
      </c>
    </row>
    <row r="20" spans="1:4" ht="18" customHeight="1" x14ac:dyDescent="0.15">
      <c r="A20" s="8">
        <v>13</v>
      </c>
      <c r="B20" s="21">
        <v>1</v>
      </c>
      <c r="C20" s="6">
        <v>1</v>
      </c>
      <c r="D20" s="5">
        <v>2</v>
      </c>
    </row>
    <row r="21" spans="1:4" ht="18" customHeight="1" x14ac:dyDescent="0.15">
      <c r="A21" s="8">
        <v>14</v>
      </c>
      <c r="B21" s="21">
        <v>0</v>
      </c>
      <c r="C21" s="6">
        <v>4</v>
      </c>
      <c r="D21" s="5">
        <v>4</v>
      </c>
    </row>
    <row r="22" spans="1:4" ht="18" customHeight="1" x14ac:dyDescent="0.15">
      <c r="A22" s="8" t="s">
        <v>23</v>
      </c>
      <c r="B22" s="21">
        <v>7</v>
      </c>
      <c r="C22" s="6">
        <v>16</v>
      </c>
      <c r="D22" s="5">
        <v>23</v>
      </c>
    </row>
    <row r="23" spans="1:4" ht="18" customHeight="1" x14ac:dyDescent="0.15">
      <c r="A23" s="8" t="s">
        <v>22</v>
      </c>
      <c r="B23" s="21">
        <v>18</v>
      </c>
      <c r="C23" s="6">
        <v>29</v>
      </c>
      <c r="D23" s="5">
        <v>47</v>
      </c>
    </row>
    <row r="24" spans="1:4" ht="18" customHeight="1" x14ac:dyDescent="0.15">
      <c r="A24" s="8">
        <v>15</v>
      </c>
      <c r="B24" s="21">
        <v>1</v>
      </c>
      <c r="C24" s="6">
        <v>5</v>
      </c>
      <c r="D24" s="5">
        <v>6</v>
      </c>
    </row>
    <row r="25" spans="1:4" ht="18" customHeight="1" x14ac:dyDescent="0.15">
      <c r="A25" s="8">
        <v>16</v>
      </c>
      <c r="B25" s="21">
        <v>3</v>
      </c>
      <c r="C25" s="6">
        <v>1</v>
      </c>
      <c r="D25" s="5">
        <v>4</v>
      </c>
    </row>
    <row r="26" spans="1:4" ht="18" customHeight="1" x14ac:dyDescent="0.15">
      <c r="A26" s="8">
        <v>17</v>
      </c>
      <c r="B26" s="21">
        <v>4</v>
      </c>
      <c r="C26" s="6">
        <v>2</v>
      </c>
      <c r="D26" s="5">
        <v>6</v>
      </c>
    </row>
    <row r="27" spans="1:4" ht="18" customHeight="1" x14ac:dyDescent="0.15">
      <c r="A27" s="8">
        <v>18</v>
      </c>
      <c r="B27" s="21">
        <v>2</v>
      </c>
      <c r="C27" s="6">
        <v>3</v>
      </c>
      <c r="D27" s="5">
        <v>5</v>
      </c>
    </row>
    <row r="28" spans="1:4" ht="18" customHeight="1" x14ac:dyDescent="0.15">
      <c r="A28" s="8">
        <v>19</v>
      </c>
      <c r="B28" s="21">
        <v>2</v>
      </c>
      <c r="C28" s="6">
        <v>2</v>
      </c>
      <c r="D28" s="5">
        <v>4</v>
      </c>
    </row>
    <row r="29" spans="1:4" ht="18" customHeight="1" x14ac:dyDescent="0.15">
      <c r="A29" s="8" t="s">
        <v>21</v>
      </c>
      <c r="B29" s="21">
        <v>12</v>
      </c>
      <c r="C29" s="6">
        <v>13</v>
      </c>
      <c r="D29" s="5">
        <v>25</v>
      </c>
    </row>
    <row r="30" spans="1:4" ht="18" customHeight="1" x14ac:dyDescent="0.15">
      <c r="A30" s="8">
        <v>20</v>
      </c>
      <c r="B30" s="21">
        <v>4</v>
      </c>
      <c r="C30" s="6">
        <v>2</v>
      </c>
      <c r="D30" s="5">
        <v>6</v>
      </c>
    </row>
    <row r="31" spans="1:4" ht="18" customHeight="1" x14ac:dyDescent="0.15">
      <c r="A31" s="8">
        <v>21</v>
      </c>
      <c r="B31" s="21">
        <v>5</v>
      </c>
      <c r="C31" s="6">
        <v>2</v>
      </c>
      <c r="D31" s="5">
        <v>7</v>
      </c>
    </row>
    <row r="32" spans="1:4" ht="18" customHeight="1" x14ac:dyDescent="0.15">
      <c r="A32" s="8">
        <v>22</v>
      </c>
      <c r="B32" s="21">
        <v>4</v>
      </c>
      <c r="C32" s="6">
        <v>3</v>
      </c>
      <c r="D32" s="5">
        <v>7</v>
      </c>
    </row>
    <row r="33" spans="1:4" ht="18" customHeight="1" x14ac:dyDescent="0.15">
      <c r="A33" s="8">
        <v>23</v>
      </c>
      <c r="B33" s="21">
        <v>2</v>
      </c>
      <c r="C33" s="6">
        <v>5</v>
      </c>
      <c r="D33" s="5">
        <v>7</v>
      </c>
    </row>
    <row r="34" spans="1:4" ht="18" customHeight="1" x14ac:dyDescent="0.15">
      <c r="A34" s="8">
        <v>24</v>
      </c>
      <c r="B34" s="21">
        <v>8</v>
      </c>
      <c r="C34" s="6">
        <v>1</v>
      </c>
      <c r="D34" s="5">
        <v>9</v>
      </c>
    </row>
    <row r="35" spans="1:4" ht="18" customHeight="1" x14ac:dyDescent="0.15">
      <c r="A35" s="8" t="s">
        <v>20</v>
      </c>
      <c r="B35" s="21">
        <v>23</v>
      </c>
      <c r="C35" s="6">
        <v>13</v>
      </c>
      <c r="D35" s="5">
        <v>36</v>
      </c>
    </row>
    <row r="36" spans="1:4" ht="18" customHeight="1" x14ac:dyDescent="0.15">
      <c r="A36" s="8">
        <v>25</v>
      </c>
      <c r="B36" s="21">
        <v>2</v>
      </c>
      <c r="C36" s="6">
        <v>3</v>
      </c>
      <c r="D36" s="5">
        <v>5</v>
      </c>
    </row>
    <row r="37" spans="1:4" ht="18" customHeight="1" x14ac:dyDescent="0.15">
      <c r="A37" s="8">
        <v>26</v>
      </c>
      <c r="B37" s="21">
        <v>2</v>
      </c>
      <c r="C37" s="6">
        <v>0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2</v>
      </c>
      <c r="D38" s="5">
        <v>3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8</v>
      </c>
      <c r="C41" s="6">
        <v>6</v>
      </c>
      <c r="D41" s="5">
        <v>14</v>
      </c>
    </row>
    <row r="42" spans="1:4" ht="18" customHeight="1" x14ac:dyDescent="0.15">
      <c r="A42" s="8">
        <v>30</v>
      </c>
      <c r="B42" s="21">
        <v>3</v>
      </c>
      <c r="C42" s="6">
        <v>1</v>
      </c>
      <c r="D42" s="5">
        <v>4</v>
      </c>
    </row>
    <row r="43" spans="1:4" ht="18" customHeight="1" x14ac:dyDescent="0.15">
      <c r="A43" s="8">
        <v>31</v>
      </c>
      <c r="B43" s="21">
        <v>0</v>
      </c>
      <c r="C43" s="6">
        <v>1</v>
      </c>
      <c r="D43" s="5">
        <v>1</v>
      </c>
    </row>
    <row r="44" spans="1:4" ht="18" customHeight="1" x14ac:dyDescent="0.15">
      <c r="A44" s="8">
        <v>32</v>
      </c>
      <c r="B44" s="21">
        <v>2</v>
      </c>
      <c r="C44" s="6">
        <v>5</v>
      </c>
      <c r="D44" s="5">
        <v>7</v>
      </c>
    </row>
    <row r="45" spans="1:4" ht="18" customHeight="1" x14ac:dyDescent="0.15">
      <c r="A45" s="8">
        <v>33</v>
      </c>
      <c r="B45" s="21">
        <v>2</v>
      </c>
      <c r="C45" s="6">
        <v>0</v>
      </c>
      <c r="D45" s="5">
        <v>2</v>
      </c>
    </row>
    <row r="46" spans="1:4" ht="18" customHeight="1" x14ac:dyDescent="0.15">
      <c r="A46" s="8">
        <v>34</v>
      </c>
      <c r="B46" s="21">
        <v>2</v>
      </c>
      <c r="C46" s="6">
        <v>1</v>
      </c>
      <c r="D46" s="5">
        <v>3</v>
      </c>
    </row>
    <row r="47" spans="1:4" ht="18" customHeight="1" x14ac:dyDescent="0.15">
      <c r="A47" s="8" t="s">
        <v>18</v>
      </c>
      <c r="B47" s="21">
        <v>9</v>
      </c>
      <c r="C47" s="6">
        <v>8</v>
      </c>
      <c r="D47" s="5">
        <v>17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4</v>
      </c>
      <c r="D49" s="5">
        <v>5</v>
      </c>
    </row>
    <row r="50" spans="1:4" ht="18" customHeight="1" x14ac:dyDescent="0.15">
      <c r="A50" s="8">
        <v>37</v>
      </c>
      <c r="B50" s="21">
        <v>2</v>
      </c>
      <c r="C50" s="6">
        <v>1</v>
      </c>
      <c r="D50" s="5">
        <v>3</v>
      </c>
    </row>
    <row r="51" spans="1:4" ht="18" customHeight="1" x14ac:dyDescent="0.15">
      <c r="A51" s="8">
        <v>38</v>
      </c>
      <c r="B51" s="21">
        <v>1</v>
      </c>
      <c r="C51" s="6">
        <v>5</v>
      </c>
      <c r="D51" s="5">
        <v>6</v>
      </c>
    </row>
    <row r="52" spans="1:4" ht="18" customHeight="1" x14ac:dyDescent="0.15">
      <c r="A52" s="8">
        <v>39</v>
      </c>
      <c r="B52" s="21">
        <v>4</v>
      </c>
      <c r="C52" s="6">
        <v>3</v>
      </c>
      <c r="D52" s="5">
        <v>7</v>
      </c>
    </row>
    <row r="53" spans="1:4" ht="18" customHeight="1" x14ac:dyDescent="0.15">
      <c r="A53" s="8" t="s">
        <v>17</v>
      </c>
      <c r="B53" s="21">
        <v>11</v>
      </c>
      <c r="C53" s="6">
        <v>14</v>
      </c>
      <c r="D53" s="5">
        <v>25</v>
      </c>
    </row>
    <row r="54" spans="1:4" ht="18" customHeight="1" x14ac:dyDescent="0.15">
      <c r="A54" s="8">
        <v>40</v>
      </c>
      <c r="B54" s="21">
        <v>3</v>
      </c>
      <c r="C54" s="6">
        <v>2</v>
      </c>
      <c r="D54" s="5">
        <v>5</v>
      </c>
    </row>
    <row r="55" spans="1:4" ht="18" customHeight="1" x14ac:dyDescent="0.15">
      <c r="A55" s="8">
        <v>41</v>
      </c>
      <c r="B55" s="21">
        <v>3</v>
      </c>
      <c r="C55" s="6">
        <v>0</v>
      </c>
      <c r="D55" s="5">
        <v>3</v>
      </c>
    </row>
    <row r="56" spans="1:4" ht="18" customHeight="1" x14ac:dyDescent="0.15">
      <c r="A56" s="8">
        <v>42</v>
      </c>
      <c r="B56" s="21">
        <v>3</v>
      </c>
      <c r="C56" s="6">
        <v>3</v>
      </c>
      <c r="D56" s="5">
        <v>6</v>
      </c>
    </row>
    <row r="57" spans="1:4" ht="18" customHeight="1" x14ac:dyDescent="0.15">
      <c r="A57" s="8">
        <v>43</v>
      </c>
      <c r="B57" s="21">
        <v>0</v>
      </c>
      <c r="C57" s="6">
        <v>2</v>
      </c>
      <c r="D57" s="5">
        <v>2</v>
      </c>
    </row>
    <row r="58" spans="1:4" ht="18" customHeight="1" x14ac:dyDescent="0.15">
      <c r="A58" s="8">
        <v>44</v>
      </c>
      <c r="B58" s="21">
        <v>3</v>
      </c>
      <c r="C58" s="6">
        <v>2</v>
      </c>
      <c r="D58" s="5">
        <v>5</v>
      </c>
    </row>
    <row r="59" spans="1:4" ht="18" customHeight="1" x14ac:dyDescent="0.15">
      <c r="A59" s="8" t="s">
        <v>16</v>
      </c>
      <c r="B59" s="21">
        <v>12</v>
      </c>
      <c r="C59" s="6">
        <v>9</v>
      </c>
      <c r="D59" s="5">
        <v>21</v>
      </c>
    </row>
    <row r="60" spans="1:4" ht="18" customHeight="1" x14ac:dyDescent="0.15">
      <c r="A60" s="8">
        <v>45</v>
      </c>
      <c r="B60" s="21">
        <v>1</v>
      </c>
      <c r="C60" s="6">
        <v>4</v>
      </c>
      <c r="D60" s="5">
        <v>5</v>
      </c>
    </row>
    <row r="61" spans="1:4" ht="18" customHeight="1" x14ac:dyDescent="0.15">
      <c r="A61" s="8">
        <v>46</v>
      </c>
      <c r="B61" s="21">
        <v>7</v>
      </c>
      <c r="C61" s="6">
        <v>3</v>
      </c>
      <c r="D61" s="5">
        <v>10</v>
      </c>
    </row>
    <row r="62" spans="1:4" ht="18" customHeight="1" x14ac:dyDescent="0.15">
      <c r="A62" s="8">
        <v>47</v>
      </c>
      <c r="B62" s="21">
        <v>6</v>
      </c>
      <c r="C62" s="6">
        <v>3</v>
      </c>
      <c r="D62" s="5">
        <v>9</v>
      </c>
    </row>
    <row r="63" spans="1:4" ht="18" customHeight="1" x14ac:dyDescent="0.15">
      <c r="A63" s="8">
        <v>48</v>
      </c>
      <c r="B63" s="21">
        <v>2</v>
      </c>
      <c r="C63" s="6">
        <v>2</v>
      </c>
      <c r="D63" s="5">
        <v>4</v>
      </c>
    </row>
    <row r="64" spans="1:4" ht="18" customHeight="1" x14ac:dyDescent="0.15">
      <c r="A64" s="8">
        <v>49</v>
      </c>
      <c r="B64" s="21">
        <v>3</v>
      </c>
      <c r="C64" s="6">
        <v>3</v>
      </c>
      <c r="D64" s="5">
        <v>6</v>
      </c>
    </row>
    <row r="65" spans="1:4" ht="18" customHeight="1" x14ac:dyDescent="0.15">
      <c r="A65" s="8" t="s">
        <v>15</v>
      </c>
      <c r="B65" s="21">
        <v>19</v>
      </c>
      <c r="C65" s="6">
        <v>15</v>
      </c>
      <c r="D65" s="5">
        <v>34</v>
      </c>
    </row>
    <row r="66" spans="1:4" ht="18" customHeight="1" x14ac:dyDescent="0.15">
      <c r="A66" s="8">
        <v>50</v>
      </c>
      <c r="B66" s="21">
        <v>7</v>
      </c>
      <c r="C66" s="6">
        <v>3</v>
      </c>
      <c r="D66" s="5">
        <v>10</v>
      </c>
    </row>
    <row r="67" spans="1:4" ht="18" customHeight="1" x14ac:dyDescent="0.15">
      <c r="A67" s="8">
        <v>51</v>
      </c>
      <c r="B67" s="21">
        <v>1</v>
      </c>
      <c r="C67" s="6">
        <v>3</v>
      </c>
      <c r="D67" s="5">
        <v>4</v>
      </c>
    </row>
    <row r="68" spans="1:4" ht="18" customHeight="1" x14ac:dyDescent="0.15">
      <c r="A68" s="8">
        <v>52</v>
      </c>
      <c r="B68" s="21">
        <v>5</v>
      </c>
      <c r="C68" s="6">
        <v>4</v>
      </c>
      <c r="D68" s="5">
        <v>9</v>
      </c>
    </row>
    <row r="69" spans="1:4" ht="18" customHeight="1" x14ac:dyDescent="0.15">
      <c r="A69" s="8">
        <v>53</v>
      </c>
      <c r="B69" s="21">
        <v>8</v>
      </c>
      <c r="C69" s="6">
        <v>8</v>
      </c>
      <c r="D69" s="5">
        <v>16</v>
      </c>
    </row>
    <row r="70" spans="1:4" ht="18" customHeight="1" x14ac:dyDescent="0.15">
      <c r="A70" s="8">
        <v>54</v>
      </c>
      <c r="B70" s="21">
        <v>6</v>
      </c>
      <c r="C70" s="6">
        <v>5</v>
      </c>
      <c r="D70" s="5">
        <v>11</v>
      </c>
    </row>
    <row r="71" spans="1:4" ht="18" customHeight="1" x14ac:dyDescent="0.15">
      <c r="A71" s="8" t="s">
        <v>14</v>
      </c>
      <c r="B71" s="21">
        <v>27</v>
      </c>
      <c r="C71" s="6">
        <v>23</v>
      </c>
      <c r="D71" s="5">
        <v>50</v>
      </c>
    </row>
    <row r="72" spans="1:4" ht="18" customHeight="1" x14ac:dyDescent="0.15">
      <c r="A72" s="8">
        <v>55</v>
      </c>
      <c r="B72" s="21">
        <v>5</v>
      </c>
      <c r="C72" s="6">
        <v>6</v>
      </c>
      <c r="D72" s="5">
        <v>11</v>
      </c>
    </row>
    <row r="73" spans="1:4" ht="18" customHeight="1" x14ac:dyDescent="0.15">
      <c r="A73" s="8">
        <v>56</v>
      </c>
      <c r="B73" s="21">
        <v>5</v>
      </c>
      <c r="C73" s="6">
        <v>2</v>
      </c>
      <c r="D73" s="5">
        <v>7</v>
      </c>
    </row>
    <row r="74" spans="1:4" ht="18" customHeight="1" x14ac:dyDescent="0.15">
      <c r="A74" s="8">
        <v>57</v>
      </c>
      <c r="B74" s="21">
        <v>2</v>
      </c>
      <c r="C74" s="6">
        <v>9</v>
      </c>
      <c r="D74" s="5">
        <v>11</v>
      </c>
    </row>
    <row r="75" spans="1:4" ht="18" customHeight="1" x14ac:dyDescent="0.15">
      <c r="A75" s="8">
        <v>58</v>
      </c>
      <c r="B75" s="21">
        <v>4</v>
      </c>
      <c r="C75" s="6">
        <v>6</v>
      </c>
      <c r="D75" s="5">
        <v>10</v>
      </c>
    </row>
    <row r="76" spans="1:4" ht="18" customHeight="1" x14ac:dyDescent="0.15">
      <c r="A76" s="8">
        <v>59</v>
      </c>
      <c r="B76" s="21">
        <v>4</v>
      </c>
      <c r="C76" s="6">
        <v>2</v>
      </c>
      <c r="D76" s="5">
        <v>6</v>
      </c>
    </row>
    <row r="77" spans="1:4" ht="18" customHeight="1" x14ac:dyDescent="0.15">
      <c r="A77" s="8" t="s">
        <v>13</v>
      </c>
      <c r="B77" s="21">
        <v>20</v>
      </c>
      <c r="C77" s="6">
        <v>25</v>
      </c>
      <c r="D77" s="5">
        <v>45</v>
      </c>
    </row>
    <row r="78" spans="1:4" ht="18" customHeight="1" x14ac:dyDescent="0.15">
      <c r="A78" s="8">
        <v>60</v>
      </c>
      <c r="B78" s="21">
        <v>2</v>
      </c>
      <c r="C78" s="6">
        <v>4</v>
      </c>
      <c r="D78" s="5">
        <v>6</v>
      </c>
    </row>
    <row r="79" spans="1:4" ht="18" customHeight="1" x14ac:dyDescent="0.15">
      <c r="A79" s="8">
        <v>61</v>
      </c>
      <c r="B79" s="21">
        <v>2</v>
      </c>
      <c r="C79" s="6">
        <v>7</v>
      </c>
      <c r="D79" s="5">
        <v>9</v>
      </c>
    </row>
    <row r="80" spans="1:4" ht="18" customHeight="1" x14ac:dyDescent="0.15">
      <c r="A80" s="8">
        <v>62</v>
      </c>
      <c r="B80" s="21">
        <v>1</v>
      </c>
      <c r="C80" s="6">
        <v>5</v>
      </c>
      <c r="D80" s="5">
        <v>6</v>
      </c>
    </row>
    <row r="81" spans="1:4" ht="18" customHeight="1" x14ac:dyDescent="0.15">
      <c r="A81" s="8">
        <v>63</v>
      </c>
      <c r="B81" s="21">
        <v>9</v>
      </c>
      <c r="C81" s="6">
        <v>3</v>
      </c>
      <c r="D81" s="5">
        <v>12</v>
      </c>
    </row>
    <row r="82" spans="1:4" ht="18" customHeight="1" x14ac:dyDescent="0.15">
      <c r="A82" s="8">
        <v>64</v>
      </c>
      <c r="B82" s="21">
        <v>5</v>
      </c>
      <c r="C82" s="6">
        <v>7</v>
      </c>
      <c r="D82" s="5">
        <v>12</v>
      </c>
    </row>
    <row r="83" spans="1:4" ht="18" customHeight="1" x14ac:dyDescent="0.15">
      <c r="A83" s="8" t="s">
        <v>12</v>
      </c>
      <c r="B83" s="21">
        <v>19</v>
      </c>
      <c r="C83" s="6">
        <v>26</v>
      </c>
      <c r="D83" s="5">
        <v>45</v>
      </c>
    </row>
    <row r="84" spans="1:4" ht="18" customHeight="1" x14ac:dyDescent="0.15">
      <c r="A84" s="8" t="s">
        <v>11</v>
      </c>
      <c r="B84" s="21">
        <v>160</v>
      </c>
      <c r="C84" s="6">
        <v>152</v>
      </c>
      <c r="D84" s="5">
        <v>312</v>
      </c>
    </row>
    <row r="85" spans="1:4" ht="18" customHeight="1" x14ac:dyDescent="0.15">
      <c r="A85" s="8">
        <v>65</v>
      </c>
      <c r="B85" s="21">
        <v>3</v>
      </c>
      <c r="C85" s="6">
        <v>4</v>
      </c>
      <c r="D85" s="5">
        <v>7</v>
      </c>
    </row>
    <row r="86" spans="1:4" ht="18" customHeight="1" x14ac:dyDescent="0.15">
      <c r="A86" s="8">
        <v>66</v>
      </c>
      <c r="B86" s="21">
        <v>6</v>
      </c>
      <c r="C86" s="6">
        <v>8</v>
      </c>
      <c r="D86" s="5">
        <v>14</v>
      </c>
    </row>
    <row r="87" spans="1:4" ht="18" customHeight="1" x14ac:dyDescent="0.15">
      <c r="A87" s="8">
        <v>67</v>
      </c>
      <c r="B87" s="21">
        <v>6</v>
      </c>
      <c r="C87" s="6">
        <v>9</v>
      </c>
      <c r="D87" s="5">
        <v>15</v>
      </c>
    </row>
    <row r="88" spans="1:4" ht="18" customHeight="1" x14ac:dyDescent="0.15">
      <c r="A88" s="8">
        <v>68</v>
      </c>
      <c r="B88" s="21">
        <v>7</v>
      </c>
      <c r="C88" s="6">
        <v>6</v>
      </c>
      <c r="D88" s="5">
        <v>13</v>
      </c>
    </row>
    <row r="89" spans="1:4" ht="18" customHeight="1" x14ac:dyDescent="0.15">
      <c r="A89" s="8">
        <v>69</v>
      </c>
      <c r="B89" s="21">
        <v>9</v>
      </c>
      <c r="C89" s="6">
        <v>7</v>
      </c>
      <c r="D89" s="5">
        <v>16</v>
      </c>
    </row>
    <row r="90" spans="1:4" ht="18" customHeight="1" x14ac:dyDescent="0.15">
      <c r="A90" s="8" t="s">
        <v>10</v>
      </c>
      <c r="B90" s="21">
        <v>31</v>
      </c>
      <c r="C90" s="6">
        <v>34</v>
      </c>
      <c r="D90" s="5">
        <v>65</v>
      </c>
    </row>
    <row r="91" spans="1:4" ht="18" customHeight="1" x14ac:dyDescent="0.15">
      <c r="A91" s="8">
        <v>70</v>
      </c>
      <c r="B91" s="21">
        <v>8</v>
      </c>
      <c r="C91" s="6">
        <v>6</v>
      </c>
      <c r="D91" s="5">
        <v>14</v>
      </c>
    </row>
    <row r="92" spans="1:4" ht="18" customHeight="1" x14ac:dyDescent="0.15">
      <c r="A92" s="8">
        <v>71</v>
      </c>
      <c r="B92" s="21">
        <v>7</v>
      </c>
      <c r="C92" s="6">
        <v>9</v>
      </c>
      <c r="D92" s="5">
        <v>16</v>
      </c>
    </row>
    <row r="93" spans="1:4" ht="18" customHeight="1" x14ac:dyDescent="0.15">
      <c r="A93" s="8">
        <v>72</v>
      </c>
      <c r="B93" s="21">
        <v>13</v>
      </c>
      <c r="C93" s="6">
        <v>10</v>
      </c>
      <c r="D93" s="5">
        <v>23</v>
      </c>
    </row>
    <row r="94" spans="1:4" ht="18" customHeight="1" x14ac:dyDescent="0.15">
      <c r="A94" s="8">
        <v>73</v>
      </c>
      <c r="B94" s="21">
        <v>7</v>
      </c>
      <c r="C94" s="6">
        <v>5</v>
      </c>
      <c r="D94" s="5">
        <v>12</v>
      </c>
    </row>
    <row r="95" spans="1:4" ht="18" customHeight="1" x14ac:dyDescent="0.15">
      <c r="A95" s="8">
        <v>74</v>
      </c>
      <c r="B95" s="21">
        <v>5</v>
      </c>
      <c r="C95" s="6">
        <v>6</v>
      </c>
      <c r="D95" s="5">
        <v>11</v>
      </c>
    </row>
    <row r="96" spans="1:4" ht="18" customHeight="1" x14ac:dyDescent="0.15">
      <c r="A96" s="8" t="s">
        <v>9</v>
      </c>
      <c r="B96" s="21">
        <v>40</v>
      </c>
      <c r="C96" s="6">
        <v>36</v>
      </c>
      <c r="D96" s="5">
        <v>76</v>
      </c>
    </row>
    <row r="97" spans="1:4" ht="18" customHeight="1" x14ac:dyDescent="0.15">
      <c r="A97" s="8">
        <v>75</v>
      </c>
      <c r="B97" s="21">
        <v>5</v>
      </c>
      <c r="C97" s="6">
        <v>11</v>
      </c>
      <c r="D97" s="5">
        <v>16</v>
      </c>
    </row>
    <row r="98" spans="1:4" ht="18" customHeight="1" x14ac:dyDescent="0.15">
      <c r="A98" s="8">
        <v>76</v>
      </c>
      <c r="B98" s="21">
        <v>9</v>
      </c>
      <c r="C98" s="6">
        <v>7</v>
      </c>
      <c r="D98" s="5">
        <v>16</v>
      </c>
    </row>
    <row r="99" spans="1:4" ht="18" customHeight="1" x14ac:dyDescent="0.15">
      <c r="A99" s="8">
        <v>77</v>
      </c>
      <c r="B99" s="21">
        <v>7</v>
      </c>
      <c r="C99" s="6">
        <v>9</v>
      </c>
      <c r="D99" s="5">
        <v>16</v>
      </c>
    </row>
    <row r="100" spans="1:4" ht="18" customHeight="1" x14ac:dyDescent="0.15">
      <c r="A100" s="8">
        <v>78</v>
      </c>
      <c r="B100" s="21">
        <v>8</v>
      </c>
      <c r="C100" s="6">
        <v>9</v>
      </c>
      <c r="D100" s="5">
        <v>17</v>
      </c>
    </row>
    <row r="101" spans="1:4" ht="18" customHeight="1" x14ac:dyDescent="0.15">
      <c r="A101" s="8">
        <v>79</v>
      </c>
      <c r="B101" s="21">
        <v>7</v>
      </c>
      <c r="C101" s="6">
        <v>4</v>
      </c>
      <c r="D101" s="5">
        <v>11</v>
      </c>
    </row>
    <row r="102" spans="1:4" ht="18" customHeight="1" x14ac:dyDescent="0.15">
      <c r="A102" s="8" t="s">
        <v>8</v>
      </c>
      <c r="B102" s="21">
        <v>36</v>
      </c>
      <c r="C102" s="6">
        <v>40</v>
      </c>
      <c r="D102" s="5">
        <v>76</v>
      </c>
    </row>
    <row r="103" spans="1:4" ht="18" customHeight="1" x14ac:dyDescent="0.15">
      <c r="A103" s="8">
        <v>80</v>
      </c>
      <c r="B103" s="21">
        <v>2</v>
      </c>
      <c r="C103" s="6">
        <v>7</v>
      </c>
      <c r="D103" s="5">
        <v>9</v>
      </c>
    </row>
    <row r="104" spans="1:4" ht="18" customHeight="1" x14ac:dyDescent="0.15">
      <c r="A104" s="8">
        <v>81</v>
      </c>
      <c r="B104" s="21">
        <v>6</v>
      </c>
      <c r="C104" s="6">
        <v>5</v>
      </c>
      <c r="D104" s="5">
        <v>11</v>
      </c>
    </row>
    <row r="105" spans="1:4" ht="18" customHeight="1" x14ac:dyDescent="0.15">
      <c r="A105" s="8">
        <v>82</v>
      </c>
      <c r="B105" s="21">
        <v>9</v>
      </c>
      <c r="C105" s="6">
        <v>2</v>
      </c>
      <c r="D105" s="5">
        <v>11</v>
      </c>
    </row>
    <row r="106" spans="1:4" ht="18" customHeight="1" x14ac:dyDescent="0.15">
      <c r="A106" s="8">
        <v>83</v>
      </c>
      <c r="B106" s="21">
        <v>4</v>
      </c>
      <c r="C106" s="6">
        <v>5</v>
      </c>
      <c r="D106" s="5">
        <v>9</v>
      </c>
    </row>
    <row r="107" spans="1:4" ht="18" customHeight="1" x14ac:dyDescent="0.15">
      <c r="A107" s="8">
        <v>84</v>
      </c>
      <c r="B107" s="21">
        <v>4</v>
      </c>
      <c r="C107" s="6">
        <v>5</v>
      </c>
      <c r="D107" s="5">
        <v>9</v>
      </c>
    </row>
    <row r="108" spans="1:4" ht="18" customHeight="1" x14ac:dyDescent="0.15">
      <c r="A108" s="8" t="s">
        <v>7</v>
      </c>
      <c r="B108" s="21">
        <v>25</v>
      </c>
      <c r="C108" s="6">
        <v>24</v>
      </c>
      <c r="D108" s="5">
        <v>49</v>
      </c>
    </row>
    <row r="109" spans="1:4" ht="18" customHeight="1" x14ac:dyDescent="0.15">
      <c r="A109" s="8">
        <v>85</v>
      </c>
      <c r="B109" s="21">
        <v>1</v>
      </c>
      <c r="C109" s="6">
        <v>3</v>
      </c>
      <c r="D109" s="5">
        <v>4</v>
      </c>
    </row>
    <row r="110" spans="1:4" ht="18" customHeight="1" x14ac:dyDescent="0.15">
      <c r="A110" s="8">
        <v>86</v>
      </c>
      <c r="B110" s="21">
        <v>1</v>
      </c>
      <c r="C110" s="6">
        <v>4</v>
      </c>
      <c r="D110" s="5">
        <v>5</v>
      </c>
    </row>
    <row r="111" spans="1:4" ht="18" customHeight="1" x14ac:dyDescent="0.15">
      <c r="A111" s="8">
        <v>87</v>
      </c>
      <c r="B111" s="21">
        <v>2</v>
      </c>
      <c r="C111" s="6">
        <v>6</v>
      </c>
      <c r="D111" s="5">
        <v>8</v>
      </c>
    </row>
    <row r="112" spans="1:4" ht="18" customHeight="1" x14ac:dyDescent="0.15">
      <c r="A112" s="8">
        <v>88</v>
      </c>
      <c r="B112" s="21">
        <v>0</v>
      </c>
      <c r="C112" s="6">
        <v>7</v>
      </c>
      <c r="D112" s="5">
        <v>7</v>
      </c>
    </row>
    <row r="113" spans="1:4" ht="18" customHeight="1" x14ac:dyDescent="0.15">
      <c r="A113" s="8">
        <v>89</v>
      </c>
      <c r="B113" s="21">
        <v>2</v>
      </c>
      <c r="C113" s="6">
        <v>7</v>
      </c>
      <c r="D113" s="5">
        <v>9</v>
      </c>
    </row>
    <row r="114" spans="1:4" ht="18" customHeight="1" x14ac:dyDescent="0.15">
      <c r="A114" s="8" t="s">
        <v>6</v>
      </c>
      <c r="B114" s="21">
        <v>6</v>
      </c>
      <c r="C114" s="6">
        <v>27</v>
      </c>
      <c r="D114" s="5">
        <v>33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4</v>
      </c>
      <c r="D116" s="5">
        <v>7</v>
      </c>
    </row>
    <row r="117" spans="1:4" ht="18" customHeight="1" x14ac:dyDescent="0.15">
      <c r="A117" s="8">
        <v>92</v>
      </c>
      <c r="B117" s="21">
        <v>1</v>
      </c>
      <c r="C117" s="6">
        <v>2</v>
      </c>
      <c r="D117" s="5">
        <v>3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8</v>
      </c>
      <c r="C120" s="6">
        <v>20</v>
      </c>
      <c r="D120" s="5">
        <v>28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4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14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46</v>
      </c>
      <c r="C130" s="6">
        <v>198</v>
      </c>
      <c r="D130" s="5">
        <v>344</v>
      </c>
    </row>
    <row r="131" spans="1:4" ht="18" customHeight="1" x14ac:dyDescent="0.15">
      <c r="A131" s="4" t="s">
        <v>0</v>
      </c>
      <c r="B131" s="20">
        <v>324</v>
      </c>
      <c r="C131" s="2">
        <v>379</v>
      </c>
      <c r="D131" s="1">
        <v>70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3EB1D9-71E7-4ED7-B922-E4D9E16B28AB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0</v>
      </c>
      <c r="C16" s="6">
        <v>2</v>
      </c>
      <c r="D16" s="5">
        <v>2</v>
      </c>
    </row>
    <row r="17" spans="1:4" ht="18" customHeight="1" x14ac:dyDescent="0.15">
      <c r="A17" s="8">
        <v>10</v>
      </c>
      <c r="B17" s="21">
        <v>1</v>
      </c>
      <c r="C17" s="6">
        <v>0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2</v>
      </c>
      <c r="C22" s="6">
        <v>0</v>
      </c>
      <c r="D22" s="5">
        <v>2</v>
      </c>
    </row>
    <row r="23" spans="1:4" ht="18" customHeight="1" x14ac:dyDescent="0.15">
      <c r="A23" s="8" t="s">
        <v>22</v>
      </c>
      <c r="B23" s="21">
        <v>3</v>
      </c>
      <c r="C23" s="6">
        <v>2</v>
      </c>
      <c r="D23" s="5">
        <v>5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3</v>
      </c>
      <c r="C25" s="6">
        <v>1</v>
      </c>
      <c r="D25" s="5">
        <v>4</v>
      </c>
    </row>
    <row r="26" spans="1:4" ht="18" customHeight="1" x14ac:dyDescent="0.15">
      <c r="A26" s="8">
        <v>17</v>
      </c>
      <c r="B26" s="21">
        <v>0</v>
      </c>
      <c r="C26" s="6">
        <v>2</v>
      </c>
      <c r="D26" s="5">
        <v>2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3</v>
      </c>
      <c r="C29" s="6">
        <v>4</v>
      </c>
      <c r="D29" s="5">
        <v>7</v>
      </c>
    </row>
    <row r="30" spans="1:4" ht="18" customHeight="1" x14ac:dyDescent="0.15">
      <c r="A30" s="8">
        <v>20</v>
      </c>
      <c r="B30" s="21">
        <v>1</v>
      </c>
      <c r="C30" s="6">
        <v>2</v>
      </c>
      <c r="D30" s="5">
        <v>3</v>
      </c>
    </row>
    <row r="31" spans="1:4" ht="18" customHeight="1" x14ac:dyDescent="0.15">
      <c r="A31" s="8">
        <v>21</v>
      </c>
      <c r="B31" s="21">
        <v>1</v>
      </c>
      <c r="C31" s="6">
        <v>1</v>
      </c>
      <c r="D31" s="5">
        <v>2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2</v>
      </c>
      <c r="D33" s="5">
        <v>3</v>
      </c>
    </row>
    <row r="34" spans="1:4" ht="18" customHeight="1" x14ac:dyDescent="0.15">
      <c r="A34" s="8">
        <v>24</v>
      </c>
      <c r="B34" s="21">
        <v>2</v>
      </c>
      <c r="C34" s="6">
        <v>0</v>
      </c>
      <c r="D34" s="5">
        <v>2</v>
      </c>
    </row>
    <row r="35" spans="1:4" ht="18" customHeight="1" x14ac:dyDescent="0.15">
      <c r="A35" s="8" t="s">
        <v>20</v>
      </c>
      <c r="B35" s="21">
        <v>7</v>
      </c>
      <c r="C35" s="6">
        <v>5</v>
      </c>
      <c r="D35" s="5">
        <v>12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1</v>
      </c>
      <c r="C37" s="6">
        <v>0</v>
      </c>
      <c r="D37" s="5">
        <v>1</v>
      </c>
    </row>
    <row r="38" spans="1:4" ht="18" customHeight="1" x14ac:dyDescent="0.15">
      <c r="A38" s="8">
        <v>27</v>
      </c>
      <c r="B38" s="21">
        <v>7</v>
      </c>
      <c r="C38" s="6">
        <v>2</v>
      </c>
      <c r="D38" s="5">
        <v>9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11</v>
      </c>
      <c r="C41" s="6">
        <v>5</v>
      </c>
      <c r="D41" s="5">
        <v>16</v>
      </c>
    </row>
    <row r="42" spans="1:4" ht="18" customHeight="1" x14ac:dyDescent="0.15">
      <c r="A42" s="8">
        <v>30</v>
      </c>
      <c r="B42" s="21">
        <v>2</v>
      </c>
      <c r="C42" s="6">
        <v>1</v>
      </c>
      <c r="D42" s="5">
        <v>3</v>
      </c>
    </row>
    <row r="43" spans="1:4" ht="18" customHeight="1" x14ac:dyDescent="0.15">
      <c r="A43" s="8">
        <v>31</v>
      </c>
      <c r="B43" s="21">
        <v>4</v>
      </c>
      <c r="C43" s="6">
        <v>1</v>
      </c>
      <c r="D43" s="5">
        <v>5</v>
      </c>
    </row>
    <row r="44" spans="1:4" ht="18" customHeight="1" x14ac:dyDescent="0.15">
      <c r="A44" s="8">
        <v>32</v>
      </c>
      <c r="B44" s="21">
        <v>3</v>
      </c>
      <c r="C44" s="6">
        <v>1</v>
      </c>
      <c r="D44" s="5">
        <v>4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4</v>
      </c>
      <c r="C46" s="6">
        <v>1</v>
      </c>
      <c r="D46" s="5">
        <v>5</v>
      </c>
    </row>
    <row r="47" spans="1:4" ht="18" customHeight="1" x14ac:dyDescent="0.15">
      <c r="A47" s="8" t="s">
        <v>18</v>
      </c>
      <c r="B47" s="21">
        <v>14</v>
      </c>
      <c r="C47" s="6">
        <v>4</v>
      </c>
      <c r="D47" s="5">
        <v>18</v>
      </c>
    </row>
    <row r="48" spans="1:4" ht="18" customHeight="1" x14ac:dyDescent="0.15">
      <c r="A48" s="8">
        <v>35</v>
      </c>
      <c r="B48" s="21">
        <v>0</v>
      </c>
      <c r="C48" s="6">
        <v>3</v>
      </c>
      <c r="D48" s="5">
        <v>3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2</v>
      </c>
      <c r="C50" s="6">
        <v>3</v>
      </c>
      <c r="D50" s="5">
        <v>5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9</v>
      </c>
      <c r="C53" s="6">
        <v>9</v>
      </c>
      <c r="D53" s="5">
        <v>18</v>
      </c>
    </row>
    <row r="54" spans="1:4" ht="18" customHeight="1" x14ac:dyDescent="0.15">
      <c r="A54" s="8">
        <v>40</v>
      </c>
      <c r="B54" s="21">
        <v>2</v>
      </c>
      <c r="C54" s="6">
        <v>0</v>
      </c>
      <c r="D54" s="5">
        <v>2</v>
      </c>
    </row>
    <row r="55" spans="1:4" ht="18" customHeight="1" x14ac:dyDescent="0.15">
      <c r="A55" s="8">
        <v>41</v>
      </c>
      <c r="B55" s="21">
        <v>1</v>
      </c>
      <c r="C55" s="6">
        <v>2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0</v>
      </c>
      <c r="C57" s="6">
        <v>1</v>
      </c>
      <c r="D57" s="5">
        <v>1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3</v>
      </c>
      <c r="D59" s="5">
        <v>8</v>
      </c>
    </row>
    <row r="60" spans="1:4" ht="18" customHeight="1" x14ac:dyDescent="0.15">
      <c r="A60" s="8">
        <v>45</v>
      </c>
      <c r="B60" s="21">
        <v>1</v>
      </c>
      <c r="C60" s="6">
        <v>2</v>
      </c>
      <c r="D60" s="5">
        <v>3</v>
      </c>
    </row>
    <row r="61" spans="1:4" ht="18" customHeight="1" x14ac:dyDescent="0.15">
      <c r="A61" s="8">
        <v>46</v>
      </c>
      <c r="B61" s="21">
        <v>2</v>
      </c>
      <c r="C61" s="6">
        <v>2</v>
      </c>
      <c r="D61" s="5">
        <v>4</v>
      </c>
    </row>
    <row r="62" spans="1:4" ht="18" customHeight="1" x14ac:dyDescent="0.15">
      <c r="A62" s="8">
        <v>47</v>
      </c>
      <c r="B62" s="21">
        <v>1</v>
      </c>
      <c r="C62" s="6">
        <v>2</v>
      </c>
      <c r="D62" s="5">
        <v>3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6</v>
      </c>
      <c r="C65" s="6">
        <v>7</v>
      </c>
      <c r="D65" s="5">
        <v>13</v>
      </c>
    </row>
    <row r="66" spans="1:4" ht="18" customHeight="1" x14ac:dyDescent="0.15">
      <c r="A66" s="8">
        <v>50</v>
      </c>
      <c r="B66" s="21">
        <v>2</v>
      </c>
      <c r="C66" s="6">
        <v>3</v>
      </c>
      <c r="D66" s="5">
        <v>5</v>
      </c>
    </row>
    <row r="67" spans="1:4" ht="18" customHeight="1" x14ac:dyDescent="0.15">
      <c r="A67" s="8">
        <v>51</v>
      </c>
      <c r="B67" s="21">
        <v>4</v>
      </c>
      <c r="C67" s="6">
        <v>1</v>
      </c>
      <c r="D67" s="5">
        <v>5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2</v>
      </c>
      <c r="C69" s="6">
        <v>2</v>
      </c>
      <c r="D69" s="5">
        <v>4</v>
      </c>
    </row>
    <row r="70" spans="1:4" ht="18" customHeight="1" x14ac:dyDescent="0.15">
      <c r="A70" s="8">
        <v>54</v>
      </c>
      <c r="B70" s="21">
        <v>1</v>
      </c>
      <c r="C70" s="6">
        <v>2</v>
      </c>
      <c r="D70" s="5">
        <v>3</v>
      </c>
    </row>
    <row r="71" spans="1:4" ht="18" customHeight="1" x14ac:dyDescent="0.15">
      <c r="A71" s="8" t="s">
        <v>14</v>
      </c>
      <c r="B71" s="21">
        <v>10</v>
      </c>
      <c r="C71" s="6">
        <v>10</v>
      </c>
      <c r="D71" s="5">
        <v>20</v>
      </c>
    </row>
    <row r="72" spans="1:4" ht="18" customHeight="1" x14ac:dyDescent="0.15">
      <c r="A72" s="8">
        <v>55</v>
      </c>
      <c r="B72" s="21">
        <v>2</v>
      </c>
      <c r="C72" s="6">
        <v>0</v>
      </c>
      <c r="D72" s="5">
        <v>2</v>
      </c>
    </row>
    <row r="73" spans="1:4" ht="18" customHeight="1" x14ac:dyDescent="0.15">
      <c r="A73" s="8">
        <v>56</v>
      </c>
      <c r="B73" s="21">
        <v>3</v>
      </c>
      <c r="C73" s="6">
        <v>0</v>
      </c>
      <c r="D73" s="5">
        <v>3</v>
      </c>
    </row>
    <row r="74" spans="1:4" ht="18" customHeight="1" x14ac:dyDescent="0.15">
      <c r="A74" s="8">
        <v>57</v>
      </c>
      <c r="B74" s="21">
        <v>4</v>
      </c>
      <c r="C74" s="6">
        <v>5</v>
      </c>
      <c r="D74" s="5">
        <v>9</v>
      </c>
    </row>
    <row r="75" spans="1:4" ht="18" customHeight="1" x14ac:dyDescent="0.15">
      <c r="A75" s="8">
        <v>58</v>
      </c>
      <c r="B75" s="21">
        <v>4</v>
      </c>
      <c r="C75" s="6">
        <v>4</v>
      </c>
      <c r="D75" s="5">
        <v>8</v>
      </c>
    </row>
    <row r="76" spans="1:4" ht="18" customHeight="1" x14ac:dyDescent="0.15">
      <c r="A76" s="8">
        <v>59</v>
      </c>
      <c r="B76" s="21">
        <v>1</v>
      </c>
      <c r="C76" s="6">
        <v>3</v>
      </c>
      <c r="D76" s="5">
        <v>4</v>
      </c>
    </row>
    <row r="77" spans="1:4" ht="18" customHeight="1" x14ac:dyDescent="0.15">
      <c r="A77" s="8" t="s">
        <v>13</v>
      </c>
      <c r="B77" s="21">
        <v>14</v>
      </c>
      <c r="C77" s="6">
        <v>12</v>
      </c>
      <c r="D77" s="5">
        <v>26</v>
      </c>
    </row>
    <row r="78" spans="1:4" ht="18" customHeight="1" x14ac:dyDescent="0.15">
      <c r="A78" s="8">
        <v>60</v>
      </c>
      <c r="B78" s="21">
        <v>5</v>
      </c>
      <c r="C78" s="6">
        <v>4</v>
      </c>
      <c r="D78" s="5">
        <v>9</v>
      </c>
    </row>
    <row r="79" spans="1:4" ht="18" customHeight="1" x14ac:dyDescent="0.15">
      <c r="A79" s="8">
        <v>61</v>
      </c>
      <c r="B79" s="21">
        <v>4</v>
      </c>
      <c r="C79" s="6">
        <v>4</v>
      </c>
      <c r="D79" s="5">
        <v>8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0</v>
      </c>
      <c r="C81" s="6">
        <v>7</v>
      </c>
      <c r="D81" s="5">
        <v>7</v>
      </c>
    </row>
    <row r="82" spans="1:4" ht="18" customHeight="1" x14ac:dyDescent="0.15">
      <c r="A82" s="8">
        <v>64</v>
      </c>
      <c r="B82" s="21">
        <v>0</v>
      </c>
      <c r="C82" s="6">
        <v>3</v>
      </c>
      <c r="D82" s="5">
        <v>3</v>
      </c>
    </row>
    <row r="83" spans="1:4" ht="18" customHeight="1" x14ac:dyDescent="0.15">
      <c r="A83" s="8" t="s">
        <v>12</v>
      </c>
      <c r="B83" s="21">
        <v>11</v>
      </c>
      <c r="C83" s="6">
        <v>19</v>
      </c>
      <c r="D83" s="5">
        <v>30</v>
      </c>
    </row>
    <row r="84" spans="1:4" ht="18" customHeight="1" x14ac:dyDescent="0.15">
      <c r="A84" s="8" t="s">
        <v>11</v>
      </c>
      <c r="B84" s="21">
        <v>90</v>
      </c>
      <c r="C84" s="6">
        <v>78</v>
      </c>
      <c r="D84" s="5">
        <v>168</v>
      </c>
    </row>
    <row r="85" spans="1:4" ht="18" customHeight="1" x14ac:dyDescent="0.15">
      <c r="A85" s="8">
        <v>65</v>
      </c>
      <c r="B85" s="21">
        <v>4</v>
      </c>
      <c r="C85" s="6">
        <v>2</v>
      </c>
      <c r="D85" s="5">
        <v>6</v>
      </c>
    </row>
    <row r="86" spans="1:4" ht="18" customHeight="1" x14ac:dyDescent="0.15">
      <c r="A86" s="8">
        <v>66</v>
      </c>
      <c r="B86" s="21">
        <v>2</v>
      </c>
      <c r="C86" s="6">
        <v>3</v>
      </c>
      <c r="D86" s="5">
        <v>5</v>
      </c>
    </row>
    <row r="87" spans="1:4" ht="18" customHeight="1" x14ac:dyDescent="0.15">
      <c r="A87" s="8">
        <v>67</v>
      </c>
      <c r="B87" s="21">
        <v>3</v>
      </c>
      <c r="C87" s="6">
        <v>2</v>
      </c>
      <c r="D87" s="5">
        <v>5</v>
      </c>
    </row>
    <row r="88" spans="1:4" ht="18" customHeight="1" x14ac:dyDescent="0.15">
      <c r="A88" s="8">
        <v>68</v>
      </c>
      <c r="B88" s="21">
        <v>5</v>
      </c>
      <c r="C88" s="6">
        <v>0</v>
      </c>
      <c r="D88" s="5">
        <v>5</v>
      </c>
    </row>
    <row r="89" spans="1:4" ht="18" customHeight="1" x14ac:dyDescent="0.15">
      <c r="A89" s="8">
        <v>69</v>
      </c>
      <c r="B89" s="21">
        <v>3</v>
      </c>
      <c r="C89" s="6">
        <v>5</v>
      </c>
      <c r="D89" s="5">
        <v>8</v>
      </c>
    </row>
    <row r="90" spans="1:4" ht="18" customHeight="1" x14ac:dyDescent="0.15">
      <c r="A90" s="8" t="s">
        <v>10</v>
      </c>
      <c r="B90" s="21">
        <v>17</v>
      </c>
      <c r="C90" s="6">
        <v>12</v>
      </c>
      <c r="D90" s="5">
        <v>29</v>
      </c>
    </row>
    <row r="91" spans="1:4" ht="18" customHeight="1" x14ac:dyDescent="0.15">
      <c r="A91" s="8">
        <v>70</v>
      </c>
      <c r="B91" s="21">
        <v>4</v>
      </c>
      <c r="C91" s="6">
        <v>3</v>
      </c>
      <c r="D91" s="5">
        <v>7</v>
      </c>
    </row>
    <row r="92" spans="1:4" ht="18" customHeight="1" x14ac:dyDescent="0.15">
      <c r="A92" s="8">
        <v>71</v>
      </c>
      <c r="B92" s="21">
        <v>6</v>
      </c>
      <c r="C92" s="6">
        <v>2</v>
      </c>
      <c r="D92" s="5">
        <v>8</v>
      </c>
    </row>
    <row r="93" spans="1:4" ht="18" customHeight="1" x14ac:dyDescent="0.15">
      <c r="A93" s="8">
        <v>72</v>
      </c>
      <c r="B93" s="21">
        <v>2</v>
      </c>
      <c r="C93" s="6">
        <v>5</v>
      </c>
      <c r="D93" s="5">
        <v>7</v>
      </c>
    </row>
    <row r="94" spans="1:4" ht="18" customHeight="1" x14ac:dyDescent="0.15">
      <c r="A94" s="8">
        <v>73</v>
      </c>
      <c r="B94" s="21">
        <v>3</v>
      </c>
      <c r="C94" s="6">
        <v>4</v>
      </c>
      <c r="D94" s="5">
        <v>7</v>
      </c>
    </row>
    <row r="95" spans="1:4" ht="18" customHeight="1" x14ac:dyDescent="0.15">
      <c r="A95" s="8">
        <v>74</v>
      </c>
      <c r="B95" s="21">
        <v>5</v>
      </c>
      <c r="C95" s="6">
        <v>4</v>
      </c>
      <c r="D95" s="5">
        <v>9</v>
      </c>
    </row>
    <row r="96" spans="1:4" ht="18" customHeight="1" x14ac:dyDescent="0.15">
      <c r="A96" s="8" t="s">
        <v>9</v>
      </c>
      <c r="B96" s="21">
        <v>20</v>
      </c>
      <c r="C96" s="6">
        <v>18</v>
      </c>
      <c r="D96" s="5">
        <v>38</v>
      </c>
    </row>
    <row r="97" spans="1:4" ht="18" customHeight="1" x14ac:dyDescent="0.15">
      <c r="A97" s="8">
        <v>75</v>
      </c>
      <c r="B97" s="21">
        <v>7</v>
      </c>
      <c r="C97" s="6">
        <v>4</v>
      </c>
      <c r="D97" s="5">
        <v>11</v>
      </c>
    </row>
    <row r="98" spans="1:4" ht="18" customHeight="1" x14ac:dyDescent="0.15">
      <c r="A98" s="8">
        <v>76</v>
      </c>
      <c r="B98" s="21">
        <v>5</v>
      </c>
      <c r="C98" s="6">
        <v>6</v>
      </c>
      <c r="D98" s="5">
        <v>11</v>
      </c>
    </row>
    <row r="99" spans="1:4" ht="18" customHeight="1" x14ac:dyDescent="0.15">
      <c r="A99" s="8">
        <v>77</v>
      </c>
      <c r="B99" s="21">
        <v>7</v>
      </c>
      <c r="C99" s="6">
        <v>3</v>
      </c>
      <c r="D99" s="5">
        <v>10</v>
      </c>
    </row>
    <row r="100" spans="1:4" ht="18" customHeight="1" x14ac:dyDescent="0.15">
      <c r="A100" s="8">
        <v>78</v>
      </c>
      <c r="B100" s="21">
        <v>5</v>
      </c>
      <c r="C100" s="6">
        <v>4</v>
      </c>
      <c r="D100" s="5">
        <v>9</v>
      </c>
    </row>
    <row r="101" spans="1:4" ht="18" customHeight="1" x14ac:dyDescent="0.15">
      <c r="A101" s="8">
        <v>79</v>
      </c>
      <c r="B101" s="21">
        <v>1</v>
      </c>
      <c r="C101" s="6">
        <v>2</v>
      </c>
      <c r="D101" s="5">
        <v>3</v>
      </c>
    </row>
    <row r="102" spans="1:4" ht="18" customHeight="1" x14ac:dyDescent="0.15">
      <c r="A102" s="8" t="s">
        <v>8</v>
      </c>
      <c r="B102" s="21">
        <v>25</v>
      </c>
      <c r="C102" s="6">
        <v>19</v>
      </c>
      <c r="D102" s="5">
        <v>44</v>
      </c>
    </row>
    <row r="103" spans="1:4" ht="18" customHeight="1" x14ac:dyDescent="0.15">
      <c r="A103" s="8">
        <v>80</v>
      </c>
      <c r="B103" s="21">
        <v>0</v>
      </c>
      <c r="C103" s="6">
        <v>2</v>
      </c>
      <c r="D103" s="5">
        <v>2</v>
      </c>
    </row>
    <row r="104" spans="1:4" ht="18" customHeight="1" x14ac:dyDescent="0.15">
      <c r="A104" s="8">
        <v>81</v>
      </c>
      <c r="B104" s="21">
        <v>0</v>
      </c>
      <c r="C104" s="6">
        <v>6</v>
      </c>
      <c r="D104" s="5">
        <v>6</v>
      </c>
    </row>
    <row r="105" spans="1:4" ht="18" customHeight="1" x14ac:dyDescent="0.15">
      <c r="A105" s="8">
        <v>82</v>
      </c>
      <c r="B105" s="21">
        <v>2</v>
      </c>
      <c r="C105" s="6">
        <v>3</v>
      </c>
      <c r="D105" s="5">
        <v>5</v>
      </c>
    </row>
    <row r="106" spans="1:4" ht="18" customHeight="1" x14ac:dyDescent="0.15">
      <c r="A106" s="8">
        <v>83</v>
      </c>
      <c r="B106" s="21">
        <v>2</v>
      </c>
      <c r="C106" s="6">
        <v>0</v>
      </c>
      <c r="D106" s="5">
        <v>2</v>
      </c>
    </row>
    <row r="107" spans="1:4" ht="18" customHeight="1" x14ac:dyDescent="0.15">
      <c r="A107" s="8">
        <v>84</v>
      </c>
      <c r="B107" s="21">
        <v>1</v>
      </c>
      <c r="C107" s="6">
        <v>0</v>
      </c>
      <c r="D107" s="5">
        <v>1</v>
      </c>
    </row>
    <row r="108" spans="1:4" ht="18" customHeight="1" x14ac:dyDescent="0.15">
      <c r="A108" s="8" t="s">
        <v>7</v>
      </c>
      <c r="B108" s="21">
        <v>5</v>
      </c>
      <c r="C108" s="6">
        <v>11</v>
      </c>
      <c r="D108" s="5">
        <v>16</v>
      </c>
    </row>
    <row r="109" spans="1:4" ht="18" customHeight="1" x14ac:dyDescent="0.15">
      <c r="A109" s="8">
        <v>85</v>
      </c>
      <c r="B109" s="21">
        <v>0</v>
      </c>
      <c r="C109" s="6">
        <v>2</v>
      </c>
      <c r="D109" s="5">
        <v>2</v>
      </c>
    </row>
    <row r="110" spans="1:4" ht="18" customHeight="1" x14ac:dyDescent="0.15">
      <c r="A110" s="8">
        <v>86</v>
      </c>
      <c r="B110" s="21">
        <v>1</v>
      </c>
      <c r="C110" s="6">
        <v>5</v>
      </c>
      <c r="D110" s="5">
        <v>6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2</v>
      </c>
      <c r="C112" s="6">
        <v>3</v>
      </c>
      <c r="D112" s="5">
        <v>5</v>
      </c>
    </row>
    <row r="113" spans="1:4" ht="18" customHeight="1" x14ac:dyDescent="0.15">
      <c r="A113" s="8">
        <v>89</v>
      </c>
      <c r="B113" s="21">
        <v>2</v>
      </c>
      <c r="C113" s="6">
        <v>3</v>
      </c>
      <c r="D113" s="5">
        <v>5</v>
      </c>
    </row>
    <row r="114" spans="1:4" ht="18" customHeight="1" x14ac:dyDescent="0.15">
      <c r="A114" s="8" t="s">
        <v>6</v>
      </c>
      <c r="B114" s="21">
        <v>7</v>
      </c>
      <c r="C114" s="6">
        <v>17</v>
      </c>
      <c r="D114" s="5">
        <v>24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1</v>
      </c>
      <c r="C116" s="6">
        <v>2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2</v>
      </c>
      <c r="D117" s="5">
        <v>2</v>
      </c>
    </row>
    <row r="118" spans="1:4" ht="18" customHeight="1" x14ac:dyDescent="0.15">
      <c r="A118" s="8">
        <v>93</v>
      </c>
      <c r="B118" s="21">
        <v>1</v>
      </c>
      <c r="C118" s="6">
        <v>7</v>
      </c>
      <c r="D118" s="5">
        <v>8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2</v>
      </c>
      <c r="C120" s="6">
        <v>13</v>
      </c>
      <c r="D120" s="5">
        <v>15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78</v>
      </c>
      <c r="C130" s="6">
        <v>96</v>
      </c>
      <c r="D130" s="5">
        <v>174</v>
      </c>
    </row>
    <row r="131" spans="1:4" ht="18" customHeight="1" x14ac:dyDescent="0.15">
      <c r="A131" s="4" t="s">
        <v>0</v>
      </c>
      <c r="B131" s="20">
        <v>171</v>
      </c>
      <c r="C131" s="2">
        <v>176</v>
      </c>
      <c r="D131" s="1">
        <v>3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674504-DDDF-403B-AF65-7FC085A0C4D8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2</v>
      </c>
      <c r="C6" s="6">
        <v>2</v>
      </c>
      <c r="D6" s="5">
        <v>4</v>
      </c>
    </row>
    <row r="7" spans="1:4" ht="18" customHeight="1" x14ac:dyDescent="0.15">
      <c r="A7" s="8">
        <v>2</v>
      </c>
      <c r="B7" s="26">
        <v>3</v>
      </c>
      <c r="C7" s="6">
        <v>1</v>
      </c>
      <c r="D7" s="5">
        <v>4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3</v>
      </c>
      <c r="C9" s="28">
        <v>1</v>
      </c>
      <c r="D9" s="27">
        <v>4</v>
      </c>
    </row>
    <row r="10" spans="1:4" ht="18" customHeight="1" x14ac:dyDescent="0.15">
      <c r="A10" s="8" t="s">
        <v>25</v>
      </c>
      <c r="B10" s="21">
        <v>10</v>
      </c>
      <c r="C10" s="6">
        <v>4</v>
      </c>
      <c r="D10" s="5">
        <v>14</v>
      </c>
    </row>
    <row r="11" spans="1:4" ht="18" customHeight="1" x14ac:dyDescent="0.15">
      <c r="A11" s="8">
        <v>5</v>
      </c>
      <c r="B11" s="26">
        <v>2</v>
      </c>
      <c r="C11" s="6">
        <v>1</v>
      </c>
      <c r="D11" s="5">
        <v>3</v>
      </c>
    </row>
    <row r="12" spans="1:4" ht="18" customHeight="1" x14ac:dyDescent="0.15">
      <c r="A12" s="8">
        <v>6</v>
      </c>
      <c r="B12" s="26">
        <v>1</v>
      </c>
      <c r="C12" s="6">
        <v>1</v>
      </c>
      <c r="D12" s="5">
        <v>2</v>
      </c>
    </row>
    <row r="13" spans="1:4" ht="18" customHeight="1" x14ac:dyDescent="0.15">
      <c r="A13" s="8">
        <v>7</v>
      </c>
      <c r="B13" s="26">
        <v>3</v>
      </c>
      <c r="C13" s="6">
        <v>3</v>
      </c>
      <c r="D13" s="5">
        <v>6</v>
      </c>
    </row>
    <row r="14" spans="1:4" ht="18" customHeight="1" x14ac:dyDescent="0.15">
      <c r="A14" s="8">
        <v>8</v>
      </c>
      <c r="B14" s="26">
        <v>3</v>
      </c>
      <c r="C14" s="6">
        <v>1</v>
      </c>
      <c r="D14" s="5">
        <v>4</v>
      </c>
    </row>
    <row r="15" spans="1:4" ht="18" customHeight="1" x14ac:dyDescent="0.15">
      <c r="A15" s="8">
        <v>9</v>
      </c>
      <c r="B15" s="26">
        <v>4</v>
      </c>
      <c r="C15" s="6">
        <v>1</v>
      </c>
      <c r="D15" s="5">
        <v>5</v>
      </c>
    </row>
    <row r="16" spans="1:4" ht="18" customHeight="1" x14ac:dyDescent="0.15">
      <c r="A16" s="8" t="s">
        <v>24</v>
      </c>
      <c r="B16" s="21">
        <v>13</v>
      </c>
      <c r="C16" s="6">
        <v>7</v>
      </c>
      <c r="D16" s="5">
        <v>20</v>
      </c>
    </row>
    <row r="17" spans="1:4" ht="18" customHeight="1" x14ac:dyDescent="0.15">
      <c r="A17" s="8">
        <v>10</v>
      </c>
      <c r="B17" s="21">
        <v>4</v>
      </c>
      <c r="C17" s="6">
        <v>10</v>
      </c>
      <c r="D17" s="5">
        <v>14</v>
      </c>
    </row>
    <row r="18" spans="1:4" ht="18" customHeight="1" x14ac:dyDescent="0.15">
      <c r="A18" s="8">
        <v>11</v>
      </c>
      <c r="B18" s="21">
        <v>3</v>
      </c>
      <c r="C18" s="6">
        <v>7</v>
      </c>
      <c r="D18" s="5">
        <v>10</v>
      </c>
    </row>
    <row r="19" spans="1:4" ht="18" customHeight="1" x14ac:dyDescent="0.15">
      <c r="A19" s="8">
        <v>12</v>
      </c>
      <c r="B19" s="21">
        <v>4</v>
      </c>
      <c r="C19" s="6">
        <v>3</v>
      </c>
      <c r="D19" s="5">
        <v>7</v>
      </c>
    </row>
    <row r="20" spans="1:4" ht="18" customHeight="1" x14ac:dyDescent="0.15">
      <c r="A20" s="8">
        <v>13</v>
      </c>
      <c r="B20" s="21">
        <v>6</v>
      </c>
      <c r="C20" s="6">
        <v>4</v>
      </c>
      <c r="D20" s="5">
        <v>10</v>
      </c>
    </row>
    <row r="21" spans="1:4" ht="18" customHeight="1" x14ac:dyDescent="0.15">
      <c r="A21" s="8">
        <v>14</v>
      </c>
      <c r="B21" s="21">
        <v>1</v>
      </c>
      <c r="C21" s="6">
        <v>5</v>
      </c>
      <c r="D21" s="5">
        <v>6</v>
      </c>
    </row>
    <row r="22" spans="1:4" ht="18" customHeight="1" x14ac:dyDescent="0.15">
      <c r="A22" s="8" t="s">
        <v>23</v>
      </c>
      <c r="B22" s="21">
        <v>18</v>
      </c>
      <c r="C22" s="6">
        <v>29</v>
      </c>
      <c r="D22" s="5">
        <v>47</v>
      </c>
    </row>
    <row r="23" spans="1:4" ht="18" customHeight="1" x14ac:dyDescent="0.15">
      <c r="A23" s="8" t="s">
        <v>22</v>
      </c>
      <c r="B23" s="21">
        <v>41</v>
      </c>
      <c r="C23" s="6">
        <v>40</v>
      </c>
      <c r="D23" s="5">
        <v>81</v>
      </c>
    </row>
    <row r="24" spans="1:4" ht="18" customHeight="1" x14ac:dyDescent="0.15">
      <c r="A24" s="8">
        <v>15</v>
      </c>
      <c r="B24" s="21">
        <v>5</v>
      </c>
      <c r="C24" s="6">
        <v>4</v>
      </c>
      <c r="D24" s="5">
        <v>9</v>
      </c>
    </row>
    <row r="25" spans="1:4" ht="18" customHeight="1" x14ac:dyDescent="0.15">
      <c r="A25" s="8">
        <v>16</v>
      </c>
      <c r="B25" s="21">
        <v>1</v>
      </c>
      <c r="C25" s="6">
        <v>5</v>
      </c>
      <c r="D25" s="5">
        <v>6</v>
      </c>
    </row>
    <row r="26" spans="1:4" ht="18" customHeight="1" x14ac:dyDescent="0.15">
      <c r="A26" s="8">
        <v>17</v>
      </c>
      <c r="B26" s="21">
        <v>9</v>
      </c>
      <c r="C26" s="6">
        <v>9</v>
      </c>
      <c r="D26" s="5">
        <v>18</v>
      </c>
    </row>
    <row r="27" spans="1:4" ht="18" customHeight="1" x14ac:dyDescent="0.15">
      <c r="A27" s="8">
        <v>18</v>
      </c>
      <c r="B27" s="21">
        <v>3</v>
      </c>
      <c r="C27" s="6">
        <v>3</v>
      </c>
      <c r="D27" s="5">
        <v>6</v>
      </c>
    </row>
    <row r="28" spans="1:4" ht="18" customHeight="1" x14ac:dyDescent="0.15">
      <c r="A28" s="8">
        <v>19</v>
      </c>
      <c r="B28" s="21">
        <v>8</v>
      </c>
      <c r="C28" s="6">
        <v>5</v>
      </c>
      <c r="D28" s="5">
        <v>13</v>
      </c>
    </row>
    <row r="29" spans="1:4" ht="18" customHeight="1" x14ac:dyDescent="0.15">
      <c r="A29" s="8" t="s">
        <v>21</v>
      </c>
      <c r="B29" s="21">
        <v>26</v>
      </c>
      <c r="C29" s="6">
        <v>26</v>
      </c>
      <c r="D29" s="5">
        <v>52</v>
      </c>
    </row>
    <row r="30" spans="1:4" ht="18" customHeight="1" x14ac:dyDescent="0.15">
      <c r="A30" s="8">
        <v>20</v>
      </c>
      <c r="B30" s="21">
        <v>4</v>
      </c>
      <c r="C30" s="6">
        <v>5</v>
      </c>
      <c r="D30" s="5">
        <v>9</v>
      </c>
    </row>
    <row r="31" spans="1:4" ht="18" customHeight="1" x14ac:dyDescent="0.15">
      <c r="A31" s="8">
        <v>21</v>
      </c>
      <c r="B31" s="21">
        <v>5</v>
      </c>
      <c r="C31" s="6">
        <v>5</v>
      </c>
      <c r="D31" s="5">
        <v>10</v>
      </c>
    </row>
    <row r="32" spans="1:4" ht="18" customHeight="1" x14ac:dyDescent="0.15">
      <c r="A32" s="8">
        <v>22</v>
      </c>
      <c r="B32" s="21">
        <v>5</v>
      </c>
      <c r="C32" s="6">
        <v>6</v>
      </c>
      <c r="D32" s="5">
        <v>11</v>
      </c>
    </row>
    <row r="33" spans="1:4" ht="18" customHeight="1" x14ac:dyDescent="0.15">
      <c r="A33" s="8">
        <v>23</v>
      </c>
      <c r="B33" s="21">
        <v>2</v>
      </c>
      <c r="C33" s="6">
        <v>10</v>
      </c>
      <c r="D33" s="5">
        <v>12</v>
      </c>
    </row>
    <row r="34" spans="1:4" ht="18" customHeight="1" x14ac:dyDescent="0.15">
      <c r="A34" s="8">
        <v>24</v>
      </c>
      <c r="B34" s="21">
        <v>2</v>
      </c>
      <c r="C34" s="6">
        <v>6</v>
      </c>
      <c r="D34" s="5">
        <v>8</v>
      </c>
    </row>
    <row r="35" spans="1:4" ht="18" customHeight="1" x14ac:dyDescent="0.15">
      <c r="A35" s="8" t="s">
        <v>20</v>
      </c>
      <c r="B35" s="21">
        <v>18</v>
      </c>
      <c r="C35" s="6">
        <v>32</v>
      </c>
      <c r="D35" s="5">
        <v>50</v>
      </c>
    </row>
    <row r="36" spans="1:4" ht="18" customHeight="1" x14ac:dyDescent="0.15">
      <c r="A36" s="8">
        <v>25</v>
      </c>
      <c r="B36" s="21">
        <v>2</v>
      </c>
      <c r="C36" s="6">
        <v>8</v>
      </c>
      <c r="D36" s="5">
        <v>10</v>
      </c>
    </row>
    <row r="37" spans="1:4" ht="18" customHeight="1" x14ac:dyDescent="0.15">
      <c r="A37" s="8">
        <v>26</v>
      </c>
      <c r="B37" s="21">
        <v>3</v>
      </c>
      <c r="C37" s="6">
        <v>3</v>
      </c>
      <c r="D37" s="5">
        <v>6</v>
      </c>
    </row>
    <row r="38" spans="1:4" ht="18" customHeight="1" x14ac:dyDescent="0.15">
      <c r="A38" s="8">
        <v>27</v>
      </c>
      <c r="B38" s="21">
        <v>6</v>
      </c>
      <c r="C38" s="6">
        <v>7</v>
      </c>
      <c r="D38" s="5">
        <v>13</v>
      </c>
    </row>
    <row r="39" spans="1:4" ht="18" customHeight="1" x14ac:dyDescent="0.15">
      <c r="A39" s="8">
        <v>28</v>
      </c>
      <c r="B39" s="21">
        <v>4</v>
      </c>
      <c r="C39" s="6">
        <v>2</v>
      </c>
      <c r="D39" s="5">
        <v>6</v>
      </c>
    </row>
    <row r="40" spans="1:4" ht="18" customHeight="1" x14ac:dyDescent="0.15">
      <c r="A40" s="8">
        <v>29</v>
      </c>
      <c r="B40" s="21">
        <v>4</v>
      </c>
      <c r="C40" s="6">
        <v>7</v>
      </c>
      <c r="D40" s="5">
        <v>11</v>
      </c>
    </row>
    <row r="41" spans="1:4" ht="18" customHeight="1" x14ac:dyDescent="0.15">
      <c r="A41" s="8" t="s">
        <v>19</v>
      </c>
      <c r="B41" s="21">
        <v>19</v>
      </c>
      <c r="C41" s="6">
        <v>27</v>
      </c>
      <c r="D41" s="5">
        <v>46</v>
      </c>
    </row>
    <row r="42" spans="1:4" ht="18" customHeight="1" x14ac:dyDescent="0.15">
      <c r="A42" s="8">
        <v>30</v>
      </c>
      <c r="B42" s="21">
        <v>6</v>
      </c>
      <c r="C42" s="6">
        <v>1</v>
      </c>
      <c r="D42" s="5">
        <v>7</v>
      </c>
    </row>
    <row r="43" spans="1:4" ht="18" customHeight="1" x14ac:dyDescent="0.15">
      <c r="A43" s="8">
        <v>31</v>
      </c>
      <c r="B43" s="21">
        <v>5</v>
      </c>
      <c r="C43" s="6">
        <v>0</v>
      </c>
      <c r="D43" s="5">
        <v>5</v>
      </c>
    </row>
    <row r="44" spans="1:4" ht="18" customHeight="1" x14ac:dyDescent="0.15">
      <c r="A44" s="8">
        <v>32</v>
      </c>
      <c r="B44" s="21">
        <v>2</v>
      </c>
      <c r="C44" s="6">
        <v>4</v>
      </c>
      <c r="D44" s="5">
        <v>6</v>
      </c>
    </row>
    <row r="45" spans="1:4" ht="18" customHeight="1" x14ac:dyDescent="0.15">
      <c r="A45" s="8">
        <v>33</v>
      </c>
      <c r="B45" s="21">
        <v>2</v>
      </c>
      <c r="C45" s="6">
        <v>3</v>
      </c>
      <c r="D45" s="5">
        <v>5</v>
      </c>
    </row>
    <row r="46" spans="1:4" ht="18" customHeight="1" x14ac:dyDescent="0.15">
      <c r="A46" s="8">
        <v>34</v>
      </c>
      <c r="B46" s="21">
        <v>6</v>
      </c>
      <c r="C46" s="6">
        <v>1</v>
      </c>
      <c r="D46" s="5">
        <v>7</v>
      </c>
    </row>
    <row r="47" spans="1:4" ht="18" customHeight="1" x14ac:dyDescent="0.15">
      <c r="A47" s="8" t="s">
        <v>18</v>
      </c>
      <c r="B47" s="21">
        <v>21</v>
      </c>
      <c r="C47" s="6">
        <v>9</v>
      </c>
      <c r="D47" s="5">
        <v>30</v>
      </c>
    </row>
    <row r="48" spans="1:4" ht="18" customHeight="1" x14ac:dyDescent="0.15">
      <c r="A48" s="8">
        <v>35</v>
      </c>
      <c r="B48" s="21">
        <v>3</v>
      </c>
      <c r="C48" s="6">
        <v>3</v>
      </c>
      <c r="D48" s="5">
        <v>6</v>
      </c>
    </row>
    <row r="49" spans="1:4" ht="18" customHeight="1" x14ac:dyDescent="0.15">
      <c r="A49" s="8">
        <v>36</v>
      </c>
      <c r="B49" s="21">
        <v>8</v>
      </c>
      <c r="C49" s="6">
        <v>3</v>
      </c>
      <c r="D49" s="5">
        <v>11</v>
      </c>
    </row>
    <row r="50" spans="1:4" ht="18" customHeight="1" x14ac:dyDescent="0.15">
      <c r="A50" s="8">
        <v>37</v>
      </c>
      <c r="B50" s="21">
        <v>7</v>
      </c>
      <c r="C50" s="6">
        <v>4</v>
      </c>
      <c r="D50" s="5">
        <v>11</v>
      </c>
    </row>
    <row r="51" spans="1:4" ht="18" customHeight="1" x14ac:dyDescent="0.15">
      <c r="A51" s="8">
        <v>38</v>
      </c>
      <c r="B51" s="21">
        <v>4</v>
      </c>
      <c r="C51" s="6">
        <v>6</v>
      </c>
      <c r="D51" s="5">
        <v>10</v>
      </c>
    </row>
    <row r="52" spans="1:4" ht="18" customHeight="1" x14ac:dyDescent="0.15">
      <c r="A52" s="8">
        <v>39</v>
      </c>
      <c r="B52" s="21">
        <v>5</v>
      </c>
      <c r="C52" s="6">
        <v>3</v>
      </c>
      <c r="D52" s="5">
        <v>8</v>
      </c>
    </row>
    <row r="53" spans="1:4" ht="18" customHeight="1" x14ac:dyDescent="0.15">
      <c r="A53" s="8" t="s">
        <v>17</v>
      </c>
      <c r="B53" s="21">
        <v>27</v>
      </c>
      <c r="C53" s="6">
        <v>19</v>
      </c>
      <c r="D53" s="5">
        <v>46</v>
      </c>
    </row>
    <row r="54" spans="1:4" ht="18" customHeight="1" x14ac:dyDescent="0.15">
      <c r="A54" s="8">
        <v>40</v>
      </c>
      <c r="B54" s="21">
        <v>3</v>
      </c>
      <c r="C54" s="6">
        <v>13</v>
      </c>
      <c r="D54" s="5">
        <v>16</v>
      </c>
    </row>
    <row r="55" spans="1:4" ht="18" customHeight="1" x14ac:dyDescent="0.15">
      <c r="A55" s="8">
        <v>41</v>
      </c>
      <c r="B55" s="21">
        <v>2</v>
      </c>
      <c r="C55" s="6">
        <v>5</v>
      </c>
      <c r="D55" s="5">
        <v>7</v>
      </c>
    </row>
    <row r="56" spans="1:4" ht="18" customHeight="1" x14ac:dyDescent="0.15">
      <c r="A56" s="8">
        <v>42</v>
      </c>
      <c r="B56" s="21">
        <v>6</v>
      </c>
      <c r="C56" s="6">
        <v>3</v>
      </c>
      <c r="D56" s="5">
        <v>9</v>
      </c>
    </row>
    <row r="57" spans="1:4" ht="18" customHeight="1" x14ac:dyDescent="0.15">
      <c r="A57" s="8">
        <v>43</v>
      </c>
      <c r="B57" s="21">
        <v>8</v>
      </c>
      <c r="C57" s="6">
        <v>5</v>
      </c>
      <c r="D57" s="5">
        <v>13</v>
      </c>
    </row>
    <row r="58" spans="1:4" ht="18" customHeight="1" x14ac:dyDescent="0.15">
      <c r="A58" s="8">
        <v>44</v>
      </c>
      <c r="B58" s="21">
        <v>7</v>
      </c>
      <c r="C58" s="6">
        <v>9</v>
      </c>
      <c r="D58" s="5">
        <v>16</v>
      </c>
    </row>
    <row r="59" spans="1:4" ht="18" customHeight="1" x14ac:dyDescent="0.15">
      <c r="A59" s="8" t="s">
        <v>16</v>
      </c>
      <c r="B59" s="21">
        <v>26</v>
      </c>
      <c r="C59" s="6">
        <v>35</v>
      </c>
      <c r="D59" s="5">
        <v>61</v>
      </c>
    </row>
    <row r="60" spans="1:4" ht="18" customHeight="1" x14ac:dyDescent="0.15">
      <c r="A60" s="8">
        <v>45</v>
      </c>
      <c r="B60" s="21">
        <v>9</v>
      </c>
      <c r="C60" s="6">
        <v>7</v>
      </c>
      <c r="D60" s="5">
        <v>16</v>
      </c>
    </row>
    <row r="61" spans="1:4" ht="18" customHeight="1" x14ac:dyDescent="0.15">
      <c r="A61" s="8">
        <v>46</v>
      </c>
      <c r="B61" s="21">
        <v>4</v>
      </c>
      <c r="C61" s="6">
        <v>7</v>
      </c>
      <c r="D61" s="5">
        <v>11</v>
      </c>
    </row>
    <row r="62" spans="1:4" ht="18" customHeight="1" x14ac:dyDescent="0.15">
      <c r="A62" s="8">
        <v>47</v>
      </c>
      <c r="B62" s="21">
        <v>7</v>
      </c>
      <c r="C62" s="6">
        <v>8</v>
      </c>
      <c r="D62" s="5">
        <v>15</v>
      </c>
    </row>
    <row r="63" spans="1:4" ht="18" customHeight="1" x14ac:dyDescent="0.15">
      <c r="A63" s="8">
        <v>48</v>
      </c>
      <c r="B63" s="21">
        <v>3</v>
      </c>
      <c r="C63" s="6">
        <v>4</v>
      </c>
      <c r="D63" s="5">
        <v>7</v>
      </c>
    </row>
    <row r="64" spans="1:4" ht="18" customHeight="1" x14ac:dyDescent="0.15">
      <c r="A64" s="8">
        <v>49</v>
      </c>
      <c r="B64" s="21">
        <v>8</v>
      </c>
      <c r="C64" s="6">
        <v>11</v>
      </c>
      <c r="D64" s="5">
        <v>19</v>
      </c>
    </row>
    <row r="65" spans="1:4" ht="18" customHeight="1" x14ac:dyDescent="0.15">
      <c r="A65" s="8" t="s">
        <v>15</v>
      </c>
      <c r="B65" s="21">
        <v>31</v>
      </c>
      <c r="C65" s="6">
        <v>37</v>
      </c>
      <c r="D65" s="5">
        <v>68</v>
      </c>
    </row>
    <row r="66" spans="1:4" ht="18" customHeight="1" x14ac:dyDescent="0.15">
      <c r="A66" s="8">
        <v>50</v>
      </c>
      <c r="B66" s="21">
        <v>11</v>
      </c>
      <c r="C66" s="6">
        <v>9</v>
      </c>
      <c r="D66" s="5">
        <v>20</v>
      </c>
    </row>
    <row r="67" spans="1:4" ht="18" customHeight="1" x14ac:dyDescent="0.15">
      <c r="A67" s="8">
        <v>51</v>
      </c>
      <c r="B67" s="21">
        <v>11</v>
      </c>
      <c r="C67" s="6">
        <v>8</v>
      </c>
      <c r="D67" s="5">
        <v>19</v>
      </c>
    </row>
    <row r="68" spans="1:4" ht="18" customHeight="1" x14ac:dyDescent="0.15">
      <c r="A68" s="8">
        <v>52</v>
      </c>
      <c r="B68" s="21">
        <v>10</v>
      </c>
      <c r="C68" s="6">
        <v>6</v>
      </c>
      <c r="D68" s="5">
        <v>16</v>
      </c>
    </row>
    <row r="69" spans="1:4" ht="18" customHeight="1" x14ac:dyDescent="0.15">
      <c r="A69" s="8">
        <v>53</v>
      </c>
      <c r="B69" s="21">
        <v>10</v>
      </c>
      <c r="C69" s="6">
        <v>9</v>
      </c>
      <c r="D69" s="5">
        <v>19</v>
      </c>
    </row>
    <row r="70" spans="1:4" ht="18" customHeight="1" x14ac:dyDescent="0.15">
      <c r="A70" s="8">
        <v>54</v>
      </c>
      <c r="B70" s="21">
        <v>7</v>
      </c>
      <c r="C70" s="6">
        <v>10</v>
      </c>
      <c r="D70" s="5">
        <v>17</v>
      </c>
    </row>
    <row r="71" spans="1:4" ht="18" customHeight="1" x14ac:dyDescent="0.15">
      <c r="A71" s="8" t="s">
        <v>14</v>
      </c>
      <c r="B71" s="21">
        <v>49</v>
      </c>
      <c r="C71" s="6">
        <v>42</v>
      </c>
      <c r="D71" s="5">
        <v>91</v>
      </c>
    </row>
    <row r="72" spans="1:4" ht="18" customHeight="1" x14ac:dyDescent="0.15">
      <c r="A72" s="8">
        <v>55</v>
      </c>
      <c r="B72" s="21">
        <v>8</v>
      </c>
      <c r="C72" s="6">
        <v>9</v>
      </c>
      <c r="D72" s="5">
        <v>17</v>
      </c>
    </row>
    <row r="73" spans="1:4" ht="18" customHeight="1" x14ac:dyDescent="0.15">
      <c r="A73" s="8">
        <v>56</v>
      </c>
      <c r="B73" s="21">
        <v>5</v>
      </c>
      <c r="C73" s="6">
        <v>7</v>
      </c>
      <c r="D73" s="5">
        <v>12</v>
      </c>
    </row>
    <row r="74" spans="1:4" ht="18" customHeight="1" x14ac:dyDescent="0.15">
      <c r="A74" s="8">
        <v>57</v>
      </c>
      <c r="B74" s="21">
        <v>5</v>
      </c>
      <c r="C74" s="6">
        <v>7</v>
      </c>
      <c r="D74" s="5">
        <v>12</v>
      </c>
    </row>
    <row r="75" spans="1:4" ht="18" customHeight="1" x14ac:dyDescent="0.15">
      <c r="A75" s="8">
        <v>58</v>
      </c>
      <c r="B75" s="21">
        <v>7</v>
      </c>
      <c r="C75" s="6">
        <v>8</v>
      </c>
      <c r="D75" s="5">
        <v>15</v>
      </c>
    </row>
    <row r="76" spans="1:4" ht="18" customHeight="1" x14ac:dyDescent="0.15">
      <c r="A76" s="8">
        <v>59</v>
      </c>
      <c r="B76" s="21">
        <v>4</v>
      </c>
      <c r="C76" s="6">
        <v>4</v>
      </c>
      <c r="D76" s="5">
        <v>8</v>
      </c>
    </row>
    <row r="77" spans="1:4" ht="18" customHeight="1" x14ac:dyDescent="0.15">
      <c r="A77" s="8" t="s">
        <v>13</v>
      </c>
      <c r="B77" s="21">
        <v>29</v>
      </c>
      <c r="C77" s="6">
        <v>35</v>
      </c>
      <c r="D77" s="5">
        <v>64</v>
      </c>
    </row>
    <row r="78" spans="1:4" ht="18" customHeight="1" x14ac:dyDescent="0.15">
      <c r="A78" s="8">
        <v>60</v>
      </c>
      <c r="B78" s="21">
        <v>5</v>
      </c>
      <c r="C78" s="6">
        <v>10</v>
      </c>
      <c r="D78" s="5">
        <v>15</v>
      </c>
    </row>
    <row r="79" spans="1:4" ht="18" customHeight="1" x14ac:dyDescent="0.15">
      <c r="A79" s="8">
        <v>61</v>
      </c>
      <c r="B79" s="21">
        <v>15</v>
      </c>
      <c r="C79" s="6">
        <v>6</v>
      </c>
      <c r="D79" s="5">
        <v>21</v>
      </c>
    </row>
    <row r="80" spans="1:4" ht="18" customHeight="1" x14ac:dyDescent="0.15">
      <c r="A80" s="8">
        <v>62</v>
      </c>
      <c r="B80" s="21">
        <v>5</v>
      </c>
      <c r="C80" s="6">
        <v>4</v>
      </c>
      <c r="D80" s="5">
        <v>9</v>
      </c>
    </row>
    <row r="81" spans="1:4" ht="18" customHeight="1" x14ac:dyDescent="0.15">
      <c r="A81" s="8">
        <v>63</v>
      </c>
      <c r="B81" s="21">
        <v>6</v>
      </c>
      <c r="C81" s="6">
        <v>4</v>
      </c>
      <c r="D81" s="5">
        <v>10</v>
      </c>
    </row>
    <row r="82" spans="1:4" ht="18" customHeight="1" x14ac:dyDescent="0.15">
      <c r="A82" s="8">
        <v>64</v>
      </c>
      <c r="B82" s="21">
        <v>5</v>
      </c>
      <c r="C82" s="6">
        <v>8</v>
      </c>
      <c r="D82" s="5">
        <v>13</v>
      </c>
    </row>
    <row r="83" spans="1:4" ht="18" customHeight="1" x14ac:dyDescent="0.15">
      <c r="A83" s="8" t="s">
        <v>12</v>
      </c>
      <c r="B83" s="21">
        <v>36</v>
      </c>
      <c r="C83" s="6">
        <v>32</v>
      </c>
      <c r="D83" s="5">
        <v>68</v>
      </c>
    </row>
    <row r="84" spans="1:4" ht="18" customHeight="1" x14ac:dyDescent="0.15">
      <c r="A84" s="8" t="s">
        <v>11</v>
      </c>
      <c r="B84" s="21">
        <v>282</v>
      </c>
      <c r="C84" s="6">
        <v>294</v>
      </c>
      <c r="D84" s="5">
        <v>576</v>
      </c>
    </row>
    <row r="85" spans="1:4" ht="18" customHeight="1" x14ac:dyDescent="0.15">
      <c r="A85" s="8">
        <v>65</v>
      </c>
      <c r="B85" s="21">
        <v>8</v>
      </c>
      <c r="C85" s="6">
        <v>7</v>
      </c>
      <c r="D85" s="5">
        <v>15</v>
      </c>
    </row>
    <row r="86" spans="1:4" ht="18" customHeight="1" x14ac:dyDescent="0.15">
      <c r="A86" s="8">
        <v>66</v>
      </c>
      <c r="B86" s="21">
        <v>12</v>
      </c>
      <c r="C86" s="6">
        <v>17</v>
      </c>
      <c r="D86" s="5">
        <v>29</v>
      </c>
    </row>
    <row r="87" spans="1:4" ht="18" customHeight="1" x14ac:dyDescent="0.15">
      <c r="A87" s="8">
        <v>67</v>
      </c>
      <c r="B87" s="21">
        <v>9</v>
      </c>
      <c r="C87" s="6">
        <v>11</v>
      </c>
      <c r="D87" s="5">
        <v>20</v>
      </c>
    </row>
    <row r="88" spans="1:4" ht="18" customHeight="1" x14ac:dyDescent="0.15">
      <c r="A88" s="8">
        <v>68</v>
      </c>
      <c r="B88" s="21">
        <v>10</v>
      </c>
      <c r="C88" s="6">
        <v>8</v>
      </c>
      <c r="D88" s="5">
        <v>18</v>
      </c>
    </row>
    <row r="89" spans="1:4" ht="18" customHeight="1" x14ac:dyDescent="0.15">
      <c r="A89" s="8">
        <v>69</v>
      </c>
      <c r="B89" s="21">
        <v>7</v>
      </c>
      <c r="C89" s="6">
        <v>5</v>
      </c>
      <c r="D89" s="5">
        <v>12</v>
      </c>
    </row>
    <row r="90" spans="1:4" ht="18" customHeight="1" x14ac:dyDescent="0.15">
      <c r="A90" s="8" t="s">
        <v>10</v>
      </c>
      <c r="B90" s="21">
        <v>46</v>
      </c>
      <c r="C90" s="6">
        <v>48</v>
      </c>
      <c r="D90" s="5">
        <v>94</v>
      </c>
    </row>
    <row r="91" spans="1:4" ht="18" customHeight="1" x14ac:dyDescent="0.15">
      <c r="A91" s="8">
        <v>70</v>
      </c>
      <c r="B91" s="21">
        <v>12</v>
      </c>
      <c r="C91" s="6">
        <v>9</v>
      </c>
      <c r="D91" s="5">
        <v>21</v>
      </c>
    </row>
    <row r="92" spans="1:4" ht="18" customHeight="1" x14ac:dyDescent="0.15">
      <c r="A92" s="8">
        <v>71</v>
      </c>
      <c r="B92" s="21">
        <v>15</v>
      </c>
      <c r="C92" s="6">
        <v>10</v>
      </c>
      <c r="D92" s="5">
        <v>25</v>
      </c>
    </row>
    <row r="93" spans="1:4" ht="18" customHeight="1" x14ac:dyDescent="0.15">
      <c r="A93" s="8">
        <v>72</v>
      </c>
      <c r="B93" s="21">
        <v>12</v>
      </c>
      <c r="C93" s="6">
        <v>11</v>
      </c>
      <c r="D93" s="5">
        <v>23</v>
      </c>
    </row>
    <row r="94" spans="1:4" ht="18" customHeight="1" x14ac:dyDescent="0.15">
      <c r="A94" s="8">
        <v>73</v>
      </c>
      <c r="B94" s="21">
        <v>10</v>
      </c>
      <c r="C94" s="6">
        <v>13</v>
      </c>
      <c r="D94" s="5">
        <v>23</v>
      </c>
    </row>
    <row r="95" spans="1:4" ht="18" customHeight="1" x14ac:dyDescent="0.15">
      <c r="A95" s="8">
        <v>74</v>
      </c>
      <c r="B95" s="21">
        <v>15</v>
      </c>
      <c r="C95" s="6">
        <v>5</v>
      </c>
      <c r="D95" s="5">
        <v>20</v>
      </c>
    </row>
    <row r="96" spans="1:4" ht="18" customHeight="1" x14ac:dyDescent="0.15">
      <c r="A96" s="8" t="s">
        <v>9</v>
      </c>
      <c r="B96" s="21">
        <v>64</v>
      </c>
      <c r="C96" s="6">
        <v>48</v>
      </c>
      <c r="D96" s="5">
        <v>112</v>
      </c>
    </row>
    <row r="97" spans="1:4" ht="18" customHeight="1" x14ac:dyDescent="0.15">
      <c r="A97" s="8">
        <v>75</v>
      </c>
      <c r="B97" s="21">
        <v>5</v>
      </c>
      <c r="C97" s="6">
        <v>8</v>
      </c>
      <c r="D97" s="5">
        <v>13</v>
      </c>
    </row>
    <row r="98" spans="1:4" ht="18" customHeight="1" x14ac:dyDescent="0.15">
      <c r="A98" s="8">
        <v>76</v>
      </c>
      <c r="B98" s="21">
        <v>8</v>
      </c>
      <c r="C98" s="6">
        <v>15</v>
      </c>
      <c r="D98" s="5">
        <v>23</v>
      </c>
    </row>
    <row r="99" spans="1:4" ht="18" customHeight="1" x14ac:dyDescent="0.15">
      <c r="A99" s="8">
        <v>77</v>
      </c>
      <c r="B99" s="21">
        <v>13</v>
      </c>
      <c r="C99" s="6">
        <v>10</v>
      </c>
      <c r="D99" s="5">
        <v>23</v>
      </c>
    </row>
    <row r="100" spans="1:4" ht="18" customHeight="1" x14ac:dyDescent="0.15">
      <c r="A100" s="8">
        <v>78</v>
      </c>
      <c r="B100" s="21">
        <v>9</v>
      </c>
      <c r="C100" s="6">
        <v>14</v>
      </c>
      <c r="D100" s="5">
        <v>23</v>
      </c>
    </row>
    <row r="101" spans="1:4" ht="18" customHeight="1" x14ac:dyDescent="0.15">
      <c r="A101" s="8">
        <v>79</v>
      </c>
      <c r="B101" s="21">
        <v>4</v>
      </c>
      <c r="C101" s="6">
        <v>7</v>
      </c>
      <c r="D101" s="5">
        <v>11</v>
      </c>
    </row>
    <row r="102" spans="1:4" ht="18" customHeight="1" x14ac:dyDescent="0.15">
      <c r="A102" s="8" t="s">
        <v>8</v>
      </c>
      <c r="B102" s="21">
        <v>39</v>
      </c>
      <c r="C102" s="6">
        <v>54</v>
      </c>
      <c r="D102" s="5">
        <v>93</v>
      </c>
    </row>
    <row r="103" spans="1:4" ht="18" customHeight="1" x14ac:dyDescent="0.15">
      <c r="A103" s="8">
        <v>80</v>
      </c>
      <c r="B103" s="21">
        <v>5</v>
      </c>
      <c r="C103" s="6">
        <v>6</v>
      </c>
      <c r="D103" s="5">
        <v>11</v>
      </c>
    </row>
    <row r="104" spans="1:4" ht="18" customHeight="1" x14ac:dyDescent="0.15">
      <c r="A104" s="8">
        <v>81</v>
      </c>
      <c r="B104" s="21">
        <v>4</v>
      </c>
      <c r="C104" s="6">
        <v>10</v>
      </c>
      <c r="D104" s="5">
        <v>14</v>
      </c>
    </row>
    <row r="105" spans="1:4" ht="18" customHeight="1" x14ac:dyDescent="0.15">
      <c r="A105" s="8">
        <v>82</v>
      </c>
      <c r="B105" s="21">
        <v>3</v>
      </c>
      <c r="C105" s="6">
        <v>6</v>
      </c>
      <c r="D105" s="5">
        <v>9</v>
      </c>
    </row>
    <row r="106" spans="1:4" ht="18" customHeight="1" x14ac:dyDescent="0.15">
      <c r="A106" s="8">
        <v>83</v>
      </c>
      <c r="B106" s="21">
        <v>3</v>
      </c>
      <c r="C106" s="6">
        <v>3</v>
      </c>
      <c r="D106" s="5">
        <v>6</v>
      </c>
    </row>
    <row r="107" spans="1:4" ht="18" customHeight="1" x14ac:dyDescent="0.15">
      <c r="A107" s="8">
        <v>84</v>
      </c>
      <c r="B107" s="21">
        <v>5</v>
      </c>
      <c r="C107" s="6">
        <v>10</v>
      </c>
      <c r="D107" s="5">
        <v>15</v>
      </c>
    </row>
    <row r="108" spans="1:4" ht="18" customHeight="1" x14ac:dyDescent="0.15">
      <c r="A108" s="8" t="s">
        <v>7</v>
      </c>
      <c r="B108" s="21">
        <v>20</v>
      </c>
      <c r="C108" s="6">
        <v>35</v>
      </c>
      <c r="D108" s="5">
        <v>55</v>
      </c>
    </row>
    <row r="109" spans="1:4" ht="18" customHeight="1" x14ac:dyDescent="0.15">
      <c r="A109" s="8">
        <v>85</v>
      </c>
      <c r="B109" s="21">
        <v>7</v>
      </c>
      <c r="C109" s="6">
        <v>6</v>
      </c>
      <c r="D109" s="5">
        <v>13</v>
      </c>
    </row>
    <row r="110" spans="1:4" ht="18" customHeight="1" x14ac:dyDescent="0.15">
      <c r="A110" s="8">
        <v>86</v>
      </c>
      <c r="B110" s="21">
        <v>1</v>
      </c>
      <c r="C110" s="6">
        <v>3</v>
      </c>
      <c r="D110" s="5">
        <v>4</v>
      </c>
    </row>
    <row r="111" spans="1:4" ht="18" customHeight="1" x14ac:dyDescent="0.15">
      <c r="A111" s="8">
        <v>87</v>
      </c>
      <c r="B111" s="21">
        <v>6</v>
      </c>
      <c r="C111" s="6">
        <v>9</v>
      </c>
      <c r="D111" s="5">
        <v>15</v>
      </c>
    </row>
    <row r="112" spans="1:4" ht="18" customHeight="1" x14ac:dyDescent="0.15">
      <c r="A112" s="8">
        <v>88</v>
      </c>
      <c r="B112" s="21">
        <v>4</v>
      </c>
      <c r="C112" s="6">
        <v>5</v>
      </c>
      <c r="D112" s="5">
        <v>9</v>
      </c>
    </row>
    <row r="113" spans="1:4" ht="18" customHeight="1" x14ac:dyDescent="0.15">
      <c r="A113" s="8">
        <v>89</v>
      </c>
      <c r="B113" s="21">
        <v>4</v>
      </c>
      <c r="C113" s="6">
        <v>5</v>
      </c>
      <c r="D113" s="5">
        <v>9</v>
      </c>
    </row>
    <row r="114" spans="1:4" ht="18" customHeight="1" x14ac:dyDescent="0.15">
      <c r="A114" s="8" t="s">
        <v>6</v>
      </c>
      <c r="B114" s="21">
        <v>22</v>
      </c>
      <c r="C114" s="6">
        <v>28</v>
      </c>
      <c r="D114" s="5">
        <v>50</v>
      </c>
    </row>
    <row r="115" spans="1:4" ht="18" customHeight="1" x14ac:dyDescent="0.15">
      <c r="A115" s="8">
        <v>90</v>
      </c>
      <c r="B115" s="21">
        <v>2</v>
      </c>
      <c r="C115" s="6">
        <v>3</v>
      </c>
      <c r="D115" s="5">
        <v>5</v>
      </c>
    </row>
    <row r="116" spans="1:4" ht="18" customHeight="1" x14ac:dyDescent="0.15">
      <c r="A116" s="8">
        <v>91</v>
      </c>
      <c r="B116" s="21">
        <v>0</v>
      </c>
      <c r="C116" s="6">
        <v>7</v>
      </c>
      <c r="D116" s="5">
        <v>7</v>
      </c>
    </row>
    <row r="117" spans="1:4" ht="18" customHeight="1" x14ac:dyDescent="0.15">
      <c r="A117" s="8">
        <v>92</v>
      </c>
      <c r="B117" s="21">
        <v>1</v>
      </c>
      <c r="C117" s="6">
        <v>2</v>
      </c>
      <c r="D117" s="5">
        <v>3</v>
      </c>
    </row>
    <row r="118" spans="1:4" ht="18" customHeight="1" x14ac:dyDescent="0.15">
      <c r="A118" s="8">
        <v>93</v>
      </c>
      <c r="B118" s="21">
        <v>0</v>
      </c>
      <c r="C118" s="6">
        <v>9</v>
      </c>
      <c r="D118" s="5">
        <v>9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4</v>
      </c>
      <c r="C120" s="6">
        <v>26</v>
      </c>
      <c r="D120" s="5">
        <v>30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0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198</v>
      </c>
      <c r="C130" s="6">
        <v>252</v>
      </c>
      <c r="D130" s="5">
        <v>450</v>
      </c>
    </row>
    <row r="131" spans="1:4" ht="18" customHeight="1" x14ac:dyDescent="0.15">
      <c r="A131" s="4" t="s">
        <v>0</v>
      </c>
      <c r="B131" s="20">
        <v>521</v>
      </c>
      <c r="C131" s="2">
        <v>586</v>
      </c>
      <c r="D131" s="1">
        <v>110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C610C0-2ED1-46AA-B7BC-98EDC07F3439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1</v>
      </c>
      <c r="D5" s="10">
        <v>27</v>
      </c>
    </row>
    <row r="6" spans="1:4" ht="18" customHeight="1" x14ac:dyDescent="0.15">
      <c r="A6" s="8">
        <v>1</v>
      </c>
      <c r="B6" s="21">
        <v>12</v>
      </c>
      <c r="C6" s="6">
        <v>14</v>
      </c>
      <c r="D6" s="5">
        <v>26</v>
      </c>
    </row>
    <row r="7" spans="1:4" ht="18" customHeight="1" x14ac:dyDescent="0.15">
      <c r="A7" s="8">
        <v>2</v>
      </c>
      <c r="B7" s="21">
        <v>7</v>
      </c>
      <c r="C7" s="6">
        <v>16</v>
      </c>
      <c r="D7" s="5">
        <v>23</v>
      </c>
    </row>
    <row r="8" spans="1:4" ht="18" customHeight="1" x14ac:dyDescent="0.15">
      <c r="A8" s="8">
        <v>3</v>
      </c>
      <c r="B8" s="21">
        <v>20</v>
      </c>
      <c r="C8" s="6">
        <v>8</v>
      </c>
      <c r="D8" s="5">
        <v>28</v>
      </c>
    </row>
    <row r="9" spans="1:4" ht="18" customHeight="1" x14ac:dyDescent="0.15">
      <c r="A9" s="8">
        <v>4</v>
      </c>
      <c r="B9" s="21">
        <v>16</v>
      </c>
      <c r="C9" s="6">
        <v>10</v>
      </c>
      <c r="D9" s="5">
        <v>26</v>
      </c>
    </row>
    <row r="10" spans="1:4" ht="18" customHeight="1" x14ac:dyDescent="0.15">
      <c r="A10" s="8" t="s">
        <v>25</v>
      </c>
      <c r="B10" s="21">
        <v>71</v>
      </c>
      <c r="C10" s="6">
        <v>59</v>
      </c>
      <c r="D10" s="5">
        <v>130</v>
      </c>
    </row>
    <row r="11" spans="1:4" ht="18" customHeight="1" x14ac:dyDescent="0.15">
      <c r="A11" s="8">
        <v>5</v>
      </c>
      <c r="B11" s="21">
        <v>19</v>
      </c>
      <c r="C11" s="6">
        <v>12</v>
      </c>
      <c r="D11" s="5">
        <v>31</v>
      </c>
    </row>
    <row r="12" spans="1:4" ht="18" customHeight="1" x14ac:dyDescent="0.15">
      <c r="A12" s="8">
        <v>6</v>
      </c>
      <c r="B12" s="21">
        <v>19</v>
      </c>
      <c r="C12" s="6">
        <v>13</v>
      </c>
      <c r="D12" s="5">
        <v>32</v>
      </c>
    </row>
    <row r="13" spans="1:4" ht="18" customHeight="1" x14ac:dyDescent="0.15">
      <c r="A13" s="8">
        <v>7</v>
      </c>
      <c r="B13" s="21">
        <v>13</v>
      </c>
      <c r="C13" s="6">
        <v>14</v>
      </c>
      <c r="D13" s="5">
        <v>27</v>
      </c>
    </row>
    <row r="14" spans="1:4" ht="18" customHeight="1" x14ac:dyDescent="0.15">
      <c r="A14" s="8">
        <v>8</v>
      </c>
      <c r="B14" s="21">
        <v>19</v>
      </c>
      <c r="C14" s="6">
        <v>20</v>
      </c>
      <c r="D14" s="5">
        <v>39</v>
      </c>
    </row>
    <row r="15" spans="1:4" ht="18" customHeight="1" x14ac:dyDescent="0.15">
      <c r="A15" s="8">
        <v>9</v>
      </c>
      <c r="B15" s="21">
        <v>12</v>
      </c>
      <c r="C15" s="6">
        <v>21</v>
      </c>
      <c r="D15" s="5">
        <v>33</v>
      </c>
    </row>
    <row r="16" spans="1:4" ht="18" customHeight="1" x14ac:dyDescent="0.15">
      <c r="A16" s="8" t="s">
        <v>24</v>
      </c>
      <c r="B16" s="21">
        <v>82</v>
      </c>
      <c r="C16" s="6">
        <v>80</v>
      </c>
      <c r="D16" s="5">
        <v>162</v>
      </c>
    </row>
    <row r="17" spans="1:4" ht="18" customHeight="1" x14ac:dyDescent="0.15">
      <c r="A17" s="8">
        <v>10</v>
      </c>
      <c r="B17" s="21">
        <v>16</v>
      </c>
      <c r="C17" s="6">
        <v>13</v>
      </c>
      <c r="D17" s="5">
        <v>29</v>
      </c>
    </row>
    <row r="18" spans="1:4" ht="18" customHeight="1" x14ac:dyDescent="0.15">
      <c r="A18" s="8">
        <v>11</v>
      </c>
      <c r="B18" s="21">
        <v>19</v>
      </c>
      <c r="C18" s="6">
        <v>18</v>
      </c>
      <c r="D18" s="5">
        <v>37</v>
      </c>
    </row>
    <row r="19" spans="1:4" ht="18" customHeight="1" x14ac:dyDescent="0.15">
      <c r="A19" s="8">
        <v>12</v>
      </c>
      <c r="B19" s="21">
        <v>18</v>
      </c>
      <c r="C19" s="6">
        <v>17</v>
      </c>
      <c r="D19" s="5">
        <v>35</v>
      </c>
    </row>
    <row r="20" spans="1:4" ht="18" customHeight="1" x14ac:dyDescent="0.15">
      <c r="A20" s="8">
        <v>13</v>
      </c>
      <c r="B20" s="21">
        <v>11</v>
      </c>
      <c r="C20" s="6">
        <v>20</v>
      </c>
      <c r="D20" s="5">
        <v>31</v>
      </c>
    </row>
    <row r="21" spans="1:4" ht="18" customHeight="1" x14ac:dyDescent="0.15">
      <c r="A21" s="8">
        <v>14</v>
      </c>
      <c r="B21" s="21">
        <v>17</v>
      </c>
      <c r="C21" s="6">
        <v>20</v>
      </c>
      <c r="D21" s="5">
        <v>37</v>
      </c>
    </row>
    <row r="22" spans="1:4" ht="18" customHeight="1" x14ac:dyDescent="0.15">
      <c r="A22" s="8" t="s">
        <v>23</v>
      </c>
      <c r="B22" s="21">
        <v>81</v>
      </c>
      <c r="C22" s="6">
        <v>88</v>
      </c>
      <c r="D22" s="5">
        <v>169</v>
      </c>
    </row>
    <row r="23" spans="1:4" ht="18" customHeight="1" x14ac:dyDescent="0.15">
      <c r="A23" s="8" t="s">
        <v>22</v>
      </c>
      <c r="B23" s="21">
        <v>234</v>
      </c>
      <c r="C23" s="6">
        <v>227</v>
      </c>
      <c r="D23" s="5">
        <v>461</v>
      </c>
    </row>
    <row r="24" spans="1:4" ht="18" customHeight="1" x14ac:dyDescent="0.15">
      <c r="A24" s="8">
        <v>15</v>
      </c>
      <c r="B24" s="21">
        <v>19</v>
      </c>
      <c r="C24" s="6">
        <v>12</v>
      </c>
      <c r="D24" s="5">
        <v>31</v>
      </c>
    </row>
    <row r="25" spans="1:4" ht="18" customHeight="1" x14ac:dyDescent="0.15">
      <c r="A25" s="8">
        <v>16</v>
      </c>
      <c r="B25" s="21">
        <v>22</v>
      </c>
      <c r="C25" s="6">
        <v>17</v>
      </c>
      <c r="D25" s="5">
        <v>39</v>
      </c>
    </row>
    <row r="26" spans="1:4" ht="18" customHeight="1" x14ac:dyDescent="0.15">
      <c r="A26" s="8">
        <v>17</v>
      </c>
      <c r="B26" s="21">
        <v>12</v>
      </c>
      <c r="C26" s="6">
        <v>24</v>
      </c>
      <c r="D26" s="5">
        <v>36</v>
      </c>
    </row>
    <row r="27" spans="1:4" ht="18" customHeight="1" x14ac:dyDescent="0.15">
      <c r="A27" s="8">
        <v>18</v>
      </c>
      <c r="B27" s="21">
        <v>14</v>
      </c>
      <c r="C27" s="6">
        <v>22</v>
      </c>
      <c r="D27" s="5">
        <v>36</v>
      </c>
    </row>
    <row r="28" spans="1:4" ht="18" customHeight="1" x14ac:dyDescent="0.15">
      <c r="A28" s="8">
        <v>19</v>
      </c>
      <c r="B28" s="21">
        <v>19</v>
      </c>
      <c r="C28" s="6">
        <v>17</v>
      </c>
      <c r="D28" s="5">
        <v>36</v>
      </c>
    </row>
    <row r="29" spans="1:4" ht="18" customHeight="1" x14ac:dyDescent="0.15">
      <c r="A29" s="8" t="s">
        <v>21</v>
      </c>
      <c r="B29" s="21">
        <v>86</v>
      </c>
      <c r="C29" s="6">
        <v>92</v>
      </c>
      <c r="D29" s="5">
        <v>178</v>
      </c>
    </row>
    <row r="30" spans="1:4" ht="18" customHeight="1" x14ac:dyDescent="0.15">
      <c r="A30" s="8">
        <v>20</v>
      </c>
      <c r="B30" s="21">
        <v>23</v>
      </c>
      <c r="C30" s="6">
        <v>16</v>
      </c>
      <c r="D30" s="5">
        <v>39</v>
      </c>
    </row>
    <row r="31" spans="1:4" ht="18" customHeight="1" x14ac:dyDescent="0.15">
      <c r="A31" s="8">
        <v>21</v>
      </c>
      <c r="B31" s="21">
        <v>19</v>
      </c>
      <c r="C31" s="6">
        <v>11</v>
      </c>
      <c r="D31" s="5">
        <v>30</v>
      </c>
    </row>
    <row r="32" spans="1:4" ht="18" customHeight="1" x14ac:dyDescent="0.15">
      <c r="A32" s="8">
        <v>22</v>
      </c>
      <c r="B32" s="21">
        <v>25</v>
      </c>
      <c r="C32" s="6">
        <v>23</v>
      </c>
      <c r="D32" s="5">
        <v>48</v>
      </c>
    </row>
    <row r="33" spans="1:4" ht="18" customHeight="1" x14ac:dyDescent="0.15">
      <c r="A33" s="8">
        <v>23</v>
      </c>
      <c r="B33" s="21">
        <v>34</v>
      </c>
      <c r="C33" s="6">
        <v>25</v>
      </c>
      <c r="D33" s="5">
        <v>59</v>
      </c>
    </row>
    <row r="34" spans="1:4" ht="18" customHeight="1" x14ac:dyDescent="0.15">
      <c r="A34" s="8">
        <v>24</v>
      </c>
      <c r="B34" s="21">
        <v>34</v>
      </c>
      <c r="C34" s="6">
        <v>21</v>
      </c>
      <c r="D34" s="5">
        <v>55</v>
      </c>
    </row>
    <row r="35" spans="1:4" ht="18" customHeight="1" x14ac:dyDescent="0.15">
      <c r="A35" s="8" t="s">
        <v>20</v>
      </c>
      <c r="B35" s="21">
        <v>135</v>
      </c>
      <c r="C35" s="6">
        <v>96</v>
      </c>
      <c r="D35" s="5">
        <v>231</v>
      </c>
    </row>
    <row r="36" spans="1:4" ht="18" customHeight="1" x14ac:dyDescent="0.15">
      <c r="A36" s="8">
        <v>25</v>
      </c>
      <c r="B36" s="21">
        <v>32</v>
      </c>
      <c r="C36" s="6">
        <v>22</v>
      </c>
      <c r="D36" s="5">
        <v>54</v>
      </c>
    </row>
    <row r="37" spans="1:4" ht="18" customHeight="1" x14ac:dyDescent="0.15">
      <c r="A37" s="8">
        <v>26</v>
      </c>
      <c r="B37" s="21">
        <v>24</v>
      </c>
      <c r="C37" s="6">
        <v>27</v>
      </c>
      <c r="D37" s="5">
        <v>51</v>
      </c>
    </row>
    <row r="38" spans="1:4" ht="18" customHeight="1" x14ac:dyDescent="0.15">
      <c r="A38" s="8">
        <v>27</v>
      </c>
      <c r="B38" s="21">
        <v>40</v>
      </c>
      <c r="C38" s="6">
        <v>23</v>
      </c>
      <c r="D38" s="5">
        <v>63</v>
      </c>
    </row>
    <row r="39" spans="1:4" ht="18" customHeight="1" x14ac:dyDescent="0.15">
      <c r="A39" s="8">
        <v>28</v>
      </c>
      <c r="B39" s="21">
        <v>33</v>
      </c>
      <c r="C39" s="6">
        <v>20</v>
      </c>
      <c r="D39" s="5">
        <v>53</v>
      </c>
    </row>
    <row r="40" spans="1:4" ht="18" customHeight="1" x14ac:dyDescent="0.15">
      <c r="A40" s="8">
        <v>29</v>
      </c>
      <c r="B40" s="21">
        <v>41</v>
      </c>
      <c r="C40" s="6">
        <v>22</v>
      </c>
      <c r="D40" s="5">
        <v>63</v>
      </c>
    </row>
    <row r="41" spans="1:4" ht="18" customHeight="1" x14ac:dyDescent="0.15">
      <c r="A41" s="8" t="s">
        <v>19</v>
      </c>
      <c r="B41" s="21">
        <v>170</v>
      </c>
      <c r="C41" s="6">
        <v>114</v>
      </c>
      <c r="D41" s="5">
        <v>284</v>
      </c>
    </row>
    <row r="42" spans="1:4" ht="18" customHeight="1" x14ac:dyDescent="0.15">
      <c r="A42" s="8">
        <v>30</v>
      </c>
      <c r="B42" s="21">
        <v>27</v>
      </c>
      <c r="C42" s="6">
        <v>24</v>
      </c>
      <c r="D42" s="5">
        <v>51</v>
      </c>
    </row>
    <row r="43" spans="1:4" ht="18" customHeight="1" x14ac:dyDescent="0.15">
      <c r="A43" s="8">
        <v>31</v>
      </c>
      <c r="B43" s="21">
        <v>30</v>
      </c>
      <c r="C43" s="6">
        <v>18</v>
      </c>
      <c r="D43" s="5">
        <v>48</v>
      </c>
    </row>
    <row r="44" spans="1:4" ht="18" customHeight="1" x14ac:dyDescent="0.15">
      <c r="A44" s="8">
        <v>32</v>
      </c>
      <c r="B44" s="21">
        <v>31</v>
      </c>
      <c r="C44" s="6">
        <v>21</v>
      </c>
      <c r="D44" s="5">
        <v>52</v>
      </c>
    </row>
    <row r="45" spans="1:4" ht="18" customHeight="1" x14ac:dyDescent="0.15">
      <c r="A45" s="8">
        <v>33</v>
      </c>
      <c r="B45" s="21">
        <v>20</v>
      </c>
      <c r="C45" s="6">
        <v>20</v>
      </c>
      <c r="D45" s="5">
        <v>40</v>
      </c>
    </row>
    <row r="46" spans="1:4" ht="18" customHeight="1" x14ac:dyDescent="0.15">
      <c r="A46" s="8">
        <v>34</v>
      </c>
      <c r="B46" s="21">
        <v>27</v>
      </c>
      <c r="C46" s="6">
        <v>29</v>
      </c>
      <c r="D46" s="5">
        <v>56</v>
      </c>
    </row>
    <row r="47" spans="1:4" ht="18" customHeight="1" x14ac:dyDescent="0.15">
      <c r="A47" s="8" t="s">
        <v>18</v>
      </c>
      <c r="B47" s="21">
        <v>135</v>
      </c>
      <c r="C47" s="6">
        <v>112</v>
      </c>
      <c r="D47" s="5">
        <v>247</v>
      </c>
    </row>
    <row r="48" spans="1:4" ht="18" customHeight="1" x14ac:dyDescent="0.15">
      <c r="A48" s="8">
        <v>35</v>
      </c>
      <c r="B48" s="21">
        <v>25</v>
      </c>
      <c r="C48" s="6">
        <v>27</v>
      </c>
      <c r="D48" s="5">
        <v>52</v>
      </c>
    </row>
    <row r="49" spans="1:4" ht="18" customHeight="1" x14ac:dyDescent="0.15">
      <c r="A49" s="8">
        <v>36</v>
      </c>
      <c r="B49" s="21">
        <v>32</v>
      </c>
      <c r="C49" s="6">
        <v>24</v>
      </c>
      <c r="D49" s="5">
        <v>56</v>
      </c>
    </row>
    <row r="50" spans="1:4" ht="18" customHeight="1" x14ac:dyDescent="0.15">
      <c r="A50" s="8">
        <v>37</v>
      </c>
      <c r="B50" s="21">
        <v>32</v>
      </c>
      <c r="C50" s="6">
        <v>22</v>
      </c>
      <c r="D50" s="5">
        <v>54</v>
      </c>
    </row>
    <row r="51" spans="1:4" ht="18" customHeight="1" x14ac:dyDescent="0.15">
      <c r="A51" s="8">
        <v>38</v>
      </c>
      <c r="B51" s="21">
        <v>26</v>
      </c>
      <c r="C51" s="6">
        <v>31</v>
      </c>
      <c r="D51" s="5">
        <v>57</v>
      </c>
    </row>
    <row r="52" spans="1:4" ht="18" customHeight="1" x14ac:dyDescent="0.15">
      <c r="A52" s="8">
        <v>39</v>
      </c>
      <c r="B52" s="21">
        <v>29</v>
      </c>
      <c r="C52" s="6">
        <v>35</v>
      </c>
      <c r="D52" s="5">
        <v>64</v>
      </c>
    </row>
    <row r="53" spans="1:4" ht="18" customHeight="1" x14ac:dyDescent="0.15">
      <c r="A53" s="8" t="s">
        <v>17</v>
      </c>
      <c r="B53" s="21">
        <v>144</v>
      </c>
      <c r="C53" s="6">
        <v>139</v>
      </c>
      <c r="D53" s="5">
        <v>283</v>
      </c>
    </row>
    <row r="54" spans="1:4" ht="18" customHeight="1" x14ac:dyDescent="0.15">
      <c r="A54" s="8">
        <v>40</v>
      </c>
      <c r="B54" s="21">
        <v>28</v>
      </c>
      <c r="C54" s="6">
        <v>23</v>
      </c>
      <c r="D54" s="5">
        <v>51</v>
      </c>
    </row>
    <row r="55" spans="1:4" ht="18" customHeight="1" x14ac:dyDescent="0.15">
      <c r="A55" s="8">
        <v>41</v>
      </c>
      <c r="B55" s="21">
        <v>28</v>
      </c>
      <c r="C55" s="6">
        <v>29</v>
      </c>
      <c r="D55" s="5">
        <v>57</v>
      </c>
    </row>
    <row r="56" spans="1:4" ht="18" customHeight="1" x14ac:dyDescent="0.15">
      <c r="A56" s="8">
        <v>42</v>
      </c>
      <c r="B56" s="21">
        <v>33</v>
      </c>
      <c r="C56" s="6">
        <v>20</v>
      </c>
      <c r="D56" s="5">
        <v>53</v>
      </c>
    </row>
    <row r="57" spans="1:4" ht="18" customHeight="1" x14ac:dyDescent="0.15">
      <c r="A57" s="8">
        <v>43</v>
      </c>
      <c r="B57" s="21">
        <v>31</v>
      </c>
      <c r="C57" s="6">
        <v>28</v>
      </c>
      <c r="D57" s="5">
        <v>59</v>
      </c>
    </row>
    <row r="58" spans="1:4" ht="18" customHeight="1" x14ac:dyDescent="0.15">
      <c r="A58" s="8">
        <v>44</v>
      </c>
      <c r="B58" s="21">
        <v>31</v>
      </c>
      <c r="C58" s="6">
        <v>33</v>
      </c>
      <c r="D58" s="5">
        <v>64</v>
      </c>
    </row>
    <row r="59" spans="1:4" ht="18" customHeight="1" x14ac:dyDescent="0.15">
      <c r="A59" s="8" t="s">
        <v>16</v>
      </c>
      <c r="B59" s="21">
        <v>151</v>
      </c>
      <c r="C59" s="6">
        <v>133</v>
      </c>
      <c r="D59" s="5">
        <v>284</v>
      </c>
    </row>
    <row r="60" spans="1:4" ht="18" customHeight="1" x14ac:dyDescent="0.15">
      <c r="A60" s="8">
        <v>45</v>
      </c>
      <c r="B60" s="21">
        <v>33</v>
      </c>
      <c r="C60" s="6">
        <v>34</v>
      </c>
      <c r="D60" s="5">
        <v>67</v>
      </c>
    </row>
    <row r="61" spans="1:4" ht="18" customHeight="1" x14ac:dyDescent="0.15">
      <c r="A61" s="8">
        <v>46</v>
      </c>
      <c r="B61" s="21">
        <v>40</v>
      </c>
      <c r="C61" s="6">
        <v>34</v>
      </c>
      <c r="D61" s="5">
        <v>74</v>
      </c>
    </row>
    <row r="62" spans="1:4" ht="18" customHeight="1" x14ac:dyDescent="0.15">
      <c r="A62" s="8">
        <v>47</v>
      </c>
      <c r="B62" s="21">
        <v>42</v>
      </c>
      <c r="C62" s="6">
        <v>43</v>
      </c>
      <c r="D62" s="5">
        <v>85</v>
      </c>
    </row>
    <row r="63" spans="1:4" ht="18" customHeight="1" x14ac:dyDescent="0.15">
      <c r="A63" s="8">
        <v>48</v>
      </c>
      <c r="B63" s="21">
        <v>40</v>
      </c>
      <c r="C63" s="6">
        <v>28</v>
      </c>
      <c r="D63" s="5">
        <v>68</v>
      </c>
    </row>
    <row r="64" spans="1:4" ht="18" customHeight="1" x14ac:dyDescent="0.15">
      <c r="A64" s="8">
        <v>49</v>
      </c>
      <c r="B64" s="21">
        <v>46</v>
      </c>
      <c r="C64" s="6">
        <v>45</v>
      </c>
      <c r="D64" s="5">
        <v>91</v>
      </c>
    </row>
    <row r="65" spans="1:4" ht="18" customHeight="1" x14ac:dyDescent="0.15">
      <c r="A65" s="8" t="s">
        <v>15</v>
      </c>
      <c r="B65" s="21">
        <v>201</v>
      </c>
      <c r="C65" s="6">
        <v>184</v>
      </c>
      <c r="D65" s="5">
        <v>385</v>
      </c>
    </row>
    <row r="66" spans="1:4" ht="18" customHeight="1" x14ac:dyDescent="0.15">
      <c r="A66" s="8">
        <v>50</v>
      </c>
      <c r="B66" s="21">
        <v>38</v>
      </c>
      <c r="C66" s="6">
        <v>31</v>
      </c>
      <c r="D66" s="5">
        <v>69</v>
      </c>
    </row>
    <row r="67" spans="1:4" ht="18" customHeight="1" x14ac:dyDescent="0.15">
      <c r="A67" s="8">
        <v>51</v>
      </c>
      <c r="B67" s="21">
        <v>32</v>
      </c>
      <c r="C67" s="6">
        <v>43</v>
      </c>
      <c r="D67" s="5">
        <v>75</v>
      </c>
    </row>
    <row r="68" spans="1:4" ht="18" customHeight="1" x14ac:dyDescent="0.15">
      <c r="A68" s="8">
        <v>52</v>
      </c>
      <c r="B68" s="21">
        <v>45</v>
      </c>
      <c r="C68" s="6">
        <v>35</v>
      </c>
      <c r="D68" s="5">
        <v>80</v>
      </c>
    </row>
    <row r="69" spans="1:4" ht="18" customHeight="1" x14ac:dyDescent="0.15">
      <c r="A69" s="8">
        <v>53</v>
      </c>
      <c r="B69" s="21">
        <v>44</v>
      </c>
      <c r="C69" s="6">
        <v>52</v>
      </c>
      <c r="D69" s="5">
        <v>96</v>
      </c>
    </row>
    <row r="70" spans="1:4" ht="18" customHeight="1" x14ac:dyDescent="0.15">
      <c r="A70" s="8">
        <v>54</v>
      </c>
      <c r="B70" s="21">
        <v>59</v>
      </c>
      <c r="C70" s="6">
        <v>40</v>
      </c>
      <c r="D70" s="5">
        <v>99</v>
      </c>
    </row>
    <row r="71" spans="1:4" ht="18" customHeight="1" x14ac:dyDescent="0.15">
      <c r="A71" s="8" t="s">
        <v>14</v>
      </c>
      <c r="B71" s="21">
        <v>218</v>
      </c>
      <c r="C71" s="6">
        <v>201</v>
      </c>
      <c r="D71" s="5">
        <v>419</v>
      </c>
    </row>
    <row r="72" spans="1:4" ht="18" customHeight="1" x14ac:dyDescent="0.15">
      <c r="A72" s="8">
        <v>55</v>
      </c>
      <c r="B72" s="21">
        <v>55</v>
      </c>
      <c r="C72" s="6">
        <v>36</v>
      </c>
      <c r="D72" s="5">
        <v>91</v>
      </c>
    </row>
    <row r="73" spans="1:4" ht="18" customHeight="1" x14ac:dyDescent="0.15">
      <c r="A73" s="8">
        <v>56</v>
      </c>
      <c r="B73" s="21">
        <v>42</v>
      </c>
      <c r="C73" s="6">
        <v>52</v>
      </c>
      <c r="D73" s="5">
        <v>94</v>
      </c>
    </row>
    <row r="74" spans="1:4" ht="18" customHeight="1" x14ac:dyDescent="0.15">
      <c r="A74" s="8">
        <v>57</v>
      </c>
      <c r="B74" s="21">
        <v>57</v>
      </c>
      <c r="C74" s="6">
        <v>32</v>
      </c>
      <c r="D74" s="5">
        <v>89</v>
      </c>
    </row>
    <row r="75" spans="1:4" ht="18" customHeight="1" x14ac:dyDescent="0.15">
      <c r="A75" s="8">
        <v>58</v>
      </c>
      <c r="B75" s="21">
        <v>50</v>
      </c>
      <c r="C75" s="6">
        <v>52</v>
      </c>
      <c r="D75" s="5">
        <v>102</v>
      </c>
    </row>
    <row r="76" spans="1:4" ht="18" customHeight="1" x14ac:dyDescent="0.15">
      <c r="A76" s="8">
        <v>59</v>
      </c>
      <c r="B76" s="21">
        <v>24</v>
      </c>
      <c r="C76" s="6">
        <v>33</v>
      </c>
      <c r="D76" s="5">
        <v>57</v>
      </c>
    </row>
    <row r="77" spans="1:4" ht="18" customHeight="1" x14ac:dyDescent="0.15">
      <c r="A77" s="8" t="s">
        <v>13</v>
      </c>
      <c r="B77" s="21">
        <v>228</v>
      </c>
      <c r="C77" s="6">
        <v>205</v>
      </c>
      <c r="D77" s="5">
        <v>433</v>
      </c>
    </row>
    <row r="78" spans="1:4" ht="18" customHeight="1" x14ac:dyDescent="0.15">
      <c r="A78" s="8">
        <v>60</v>
      </c>
      <c r="B78" s="21">
        <v>47</v>
      </c>
      <c r="C78" s="6">
        <v>58</v>
      </c>
      <c r="D78" s="5">
        <v>105</v>
      </c>
    </row>
    <row r="79" spans="1:4" ht="18" customHeight="1" x14ac:dyDescent="0.15">
      <c r="A79" s="8">
        <v>61</v>
      </c>
      <c r="B79" s="21">
        <v>39</v>
      </c>
      <c r="C79" s="6">
        <v>39</v>
      </c>
      <c r="D79" s="5">
        <v>78</v>
      </c>
    </row>
    <row r="80" spans="1:4" ht="18" customHeight="1" x14ac:dyDescent="0.15">
      <c r="A80" s="8">
        <v>62</v>
      </c>
      <c r="B80" s="21">
        <v>44</v>
      </c>
      <c r="C80" s="6">
        <v>46</v>
      </c>
      <c r="D80" s="5">
        <v>90</v>
      </c>
    </row>
    <row r="81" spans="1:4" ht="18" customHeight="1" x14ac:dyDescent="0.15">
      <c r="A81" s="8">
        <v>63</v>
      </c>
      <c r="B81" s="21">
        <v>47</v>
      </c>
      <c r="C81" s="6">
        <v>36</v>
      </c>
      <c r="D81" s="5">
        <v>83</v>
      </c>
    </row>
    <row r="82" spans="1:4" ht="18" customHeight="1" x14ac:dyDescent="0.15">
      <c r="A82" s="8">
        <v>64</v>
      </c>
      <c r="B82" s="21">
        <v>35</v>
      </c>
      <c r="C82" s="6">
        <v>34</v>
      </c>
      <c r="D82" s="5">
        <v>69</v>
      </c>
    </row>
    <row r="83" spans="1:4" ht="18" customHeight="1" x14ac:dyDescent="0.15">
      <c r="A83" s="8" t="s">
        <v>12</v>
      </c>
      <c r="B83" s="21">
        <v>212</v>
      </c>
      <c r="C83" s="6">
        <v>213</v>
      </c>
      <c r="D83" s="5">
        <v>425</v>
      </c>
    </row>
    <row r="84" spans="1:4" ht="18" customHeight="1" x14ac:dyDescent="0.15">
      <c r="A84" s="8" t="s">
        <v>11</v>
      </c>
      <c r="B84" s="21">
        <v>1680</v>
      </c>
      <c r="C84" s="6">
        <v>1489</v>
      </c>
      <c r="D84" s="5">
        <v>3169</v>
      </c>
    </row>
    <row r="85" spans="1:4" ht="18" customHeight="1" x14ac:dyDescent="0.15">
      <c r="A85" s="8">
        <v>65</v>
      </c>
      <c r="B85" s="21">
        <v>29</v>
      </c>
      <c r="C85" s="6">
        <v>44</v>
      </c>
      <c r="D85" s="5">
        <v>73</v>
      </c>
    </row>
    <row r="86" spans="1:4" ht="18" customHeight="1" x14ac:dyDescent="0.15">
      <c r="A86" s="8">
        <v>66</v>
      </c>
      <c r="B86" s="21">
        <v>45</v>
      </c>
      <c r="C86" s="6">
        <v>38</v>
      </c>
      <c r="D86" s="5">
        <v>83</v>
      </c>
    </row>
    <row r="87" spans="1:4" ht="18" customHeight="1" x14ac:dyDescent="0.15">
      <c r="A87" s="8">
        <v>67</v>
      </c>
      <c r="B87" s="21">
        <v>39</v>
      </c>
      <c r="C87" s="6">
        <v>46</v>
      </c>
      <c r="D87" s="5">
        <v>85</v>
      </c>
    </row>
    <row r="88" spans="1:4" ht="18" customHeight="1" x14ac:dyDescent="0.15">
      <c r="A88" s="8">
        <v>68</v>
      </c>
      <c r="B88" s="21">
        <v>36</v>
      </c>
      <c r="C88" s="6">
        <v>29</v>
      </c>
      <c r="D88" s="5">
        <v>65</v>
      </c>
    </row>
    <row r="89" spans="1:4" ht="18" customHeight="1" x14ac:dyDescent="0.15">
      <c r="A89" s="8">
        <v>69</v>
      </c>
      <c r="B89" s="21">
        <v>36</v>
      </c>
      <c r="C89" s="6">
        <v>45</v>
      </c>
      <c r="D89" s="5">
        <v>81</v>
      </c>
    </row>
    <row r="90" spans="1:4" ht="18" customHeight="1" x14ac:dyDescent="0.15">
      <c r="A90" s="8" t="s">
        <v>10</v>
      </c>
      <c r="B90" s="21">
        <v>185</v>
      </c>
      <c r="C90" s="6">
        <v>202</v>
      </c>
      <c r="D90" s="5">
        <v>387</v>
      </c>
    </row>
    <row r="91" spans="1:4" ht="18" customHeight="1" x14ac:dyDescent="0.15">
      <c r="A91" s="8">
        <v>70</v>
      </c>
      <c r="B91" s="21">
        <v>48</v>
      </c>
      <c r="C91" s="6">
        <v>39</v>
      </c>
      <c r="D91" s="5">
        <v>87</v>
      </c>
    </row>
    <row r="92" spans="1:4" ht="18" customHeight="1" x14ac:dyDescent="0.15">
      <c r="A92" s="8">
        <v>71</v>
      </c>
      <c r="B92" s="21">
        <v>16</v>
      </c>
      <c r="C92" s="6">
        <v>41</v>
      </c>
      <c r="D92" s="5">
        <v>57</v>
      </c>
    </row>
    <row r="93" spans="1:4" ht="18" customHeight="1" x14ac:dyDescent="0.15">
      <c r="A93" s="8">
        <v>72</v>
      </c>
      <c r="B93" s="21">
        <v>33</v>
      </c>
      <c r="C93" s="6">
        <v>33</v>
      </c>
      <c r="D93" s="5">
        <v>66</v>
      </c>
    </row>
    <row r="94" spans="1:4" ht="18" customHeight="1" x14ac:dyDescent="0.15">
      <c r="A94" s="8">
        <v>73</v>
      </c>
      <c r="B94" s="21">
        <v>40</v>
      </c>
      <c r="C94" s="6">
        <v>49</v>
      </c>
      <c r="D94" s="5">
        <v>89</v>
      </c>
    </row>
    <row r="95" spans="1:4" ht="18" customHeight="1" x14ac:dyDescent="0.15">
      <c r="A95" s="8">
        <v>74</v>
      </c>
      <c r="B95" s="21">
        <v>33</v>
      </c>
      <c r="C95" s="6">
        <v>35</v>
      </c>
      <c r="D95" s="5">
        <v>68</v>
      </c>
    </row>
    <row r="96" spans="1:4" ht="18" customHeight="1" x14ac:dyDescent="0.15">
      <c r="A96" s="8" t="s">
        <v>9</v>
      </c>
      <c r="B96" s="21">
        <v>170</v>
      </c>
      <c r="C96" s="6">
        <v>197</v>
      </c>
      <c r="D96" s="5">
        <v>367</v>
      </c>
    </row>
    <row r="97" spans="1:4" ht="18" customHeight="1" x14ac:dyDescent="0.15">
      <c r="A97" s="8">
        <v>75</v>
      </c>
      <c r="B97" s="21">
        <v>32</v>
      </c>
      <c r="C97" s="6">
        <v>55</v>
      </c>
      <c r="D97" s="5">
        <v>87</v>
      </c>
    </row>
    <row r="98" spans="1:4" ht="18" customHeight="1" x14ac:dyDescent="0.15">
      <c r="A98" s="8">
        <v>76</v>
      </c>
      <c r="B98" s="21">
        <v>62</v>
      </c>
      <c r="C98" s="6">
        <v>47</v>
      </c>
      <c r="D98" s="5">
        <v>109</v>
      </c>
    </row>
    <row r="99" spans="1:4" ht="18" customHeight="1" x14ac:dyDescent="0.15">
      <c r="A99" s="8">
        <v>77</v>
      </c>
      <c r="B99" s="21">
        <v>55</v>
      </c>
      <c r="C99" s="6">
        <v>60</v>
      </c>
      <c r="D99" s="5">
        <v>115</v>
      </c>
    </row>
    <row r="100" spans="1:4" ht="18" customHeight="1" x14ac:dyDescent="0.15">
      <c r="A100" s="8">
        <v>78</v>
      </c>
      <c r="B100" s="21">
        <v>40</v>
      </c>
      <c r="C100" s="6">
        <v>63</v>
      </c>
      <c r="D100" s="5">
        <v>103</v>
      </c>
    </row>
    <row r="101" spans="1:4" ht="18" customHeight="1" x14ac:dyDescent="0.15">
      <c r="A101" s="8">
        <v>79</v>
      </c>
      <c r="B101" s="21">
        <v>28</v>
      </c>
      <c r="C101" s="6">
        <v>42</v>
      </c>
      <c r="D101" s="5">
        <v>70</v>
      </c>
    </row>
    <row r="102" spans="1:4" ht="18" customHeight="1" x14ac:dyDescent="0.15">
      <c r="A102" s="8" t="s">
        <v>8</v>
      </c>
      <c r="B102" s="21">
        <v>217</v>
      </c>
      <c r="C102" s="6">
        <v>267</v>
      </c>
      <c r="D102" s="5">
        <v>484</v>
      </c>
    </row>
    <row r="103" spans="1:4" ht="18" customHeight="1" x14ac:dyDescent="0.15">
      <c r="A103" s="8">
        <v>80</v>
      </c>
      <c r="B103" s="21">
        <v>24</v>
      </c>
      <c r="C103" s="6">
        <v>36</v>
      </c>
      <c r="D103" s="5">
        <v>60</v>
      </c>
    </row>
    <row r="104" spans="1:4" ht="18" customHeight="1" x14ac:dyDescent="0.15">
      <c r="A104" s="8">
        <v>81</v>
      </c>
      <c r="B104" s="21">
        <v>32</v>
      </c>
      <c r="C104" s="6">
        <v>44</v>
      </c>
      <c r="D104" s="5">
        <v>76</v>
      </c>
    </row>
    <row r="105" spans="1:4" ht="18" customHeight="1" x14ac:dyDescent="0.15">
      <c r="A105" s="8">
        <v>82</v>
      </c>
      <c r="B105" s="21">
        <v>25</v>
      </c>
      <c r="C105" s="6">
        <v>56</v>
      </c>
      <c r="D105" s="5">
        <v>81</v>
      </c>
    </row>
    <row r="106" spans="1:4" ht="18" customHeight="1" x14ac:dyDescent="0.15">
      <c r="A106" s="8">
        <v>83</v>
      </c>
      <c r="B106" s="21">
        <v>34</v>
      </c>
      <c r="C106" s="6">
        <v>47</v>
      </c>
      <c r="D106" s="5">
        <v>81</v>
      </c>
    </row>
    <row r="107" spans="1:4" ht="18" customHeight="1" x14ac:dyDescent="0.15">
      <c r="A107" s="8">
        <v>84</v>
      </c>
      <c r="B107" s="21">
        <v>26</v>
      </c>
      <c r="C107" s="6">
        <v>43</v>
      </c>
      <c r="D107" s="5">
        <v>69</v>
      </c>
    </row>
    <row r="108" spans="1:4" ht="18" customHeight="1" x14ac:dyDescent="0.15">
      <c r="A108" s="8" t="s">
        <v>7</v>
      </c>
      <c r="B108" s="21">
        <v>141</v>
      </c>
      <c r="C108" s="6">
        <v>226</v>
      </c>
      <c r="D108" s="5">
        <v>367</v>
      </c>
    </row>
    <row r="109" spans="1:4" ht="18" customHeight="1" x14ac:dyDescent="0.15">
      <c r="A109" s="8">
        <v>85</v>
      </c>
      <c r="B109" s="21">
        <v>25</v>
      </c>
      <c r="C109" s="6">
        <v>38</v>
      </c>
      <c r="D109" s="5">
        <v>63</v>
      </c>
    </row>
    <row r="110" spans="1:4" ht="18" customHeight="1" x14ac:dyDescent="0.15">
      <c r="A110" s="8">
        <v>86</v>
      </c>
      <c r="B110" s="21">
        <v>19</v>
      </c>
      <c r="C110" s="6">
        <v>28</v>
      </c>
      <c r="D110" s="5">
        <v>47</v>
      </c>
    </row>
    <row r="111" spans="1:4" ht="18" customHeight="1" x14ac:dyDescent="0.15">
      <c r="A111" s="8">
        <v>87</v>
      </c>
      <c r="B111" s="21">
        <v>8</v>
      </c>
      <c r="C111" s="6">
        <v>33</v>
      </c>
      <c r="D111" s="5">
        <v>41</v>
      </c>
    </row>
    <row r="112" spans="1:4" ht="18" customHeight="1" x14ac:dyDescent="0.15">
      <c r="A112" s="8">
        <v>88</v>
      </c>
      <c r="B112" s="21">
        <v>21</v>
      </c>
      <c r="C112" s="6">
        <v>23</v>
      </c>
      <c r="D112" s="5">
        <v>44</v>
      </c>
    </row>
    <row r="113" spans="1:4" ht="18" customHeight="1" x14ac:dyDescent="0.15">
      <c r="A113" s="8">
        <v>89</v>
      </c>
      <c r="B113" s="21">
        <v>12</v>
      </c>
      <c r="C113" s="6">
        <v>41</v>
      </c>
      <c r="D113" s="5">
        <v>53</v>
      </c>
    </row>
    <row r="114" spans="1:4" ht="18" customHeight="1" x14ac:dyDescent="0.15">
      <c r="A114" s="8" t="s">
        <v>6</v>
      </c>
      <c r="B114" s="21">
        <v>85</v>
      </c>
      <c r="C114" s="6">
        <v>163</v>
      </c>
      <c r="D114" s="5">
        <v>248</v>
      </c>
    </row>
    <row r="115" spans="1:4" ht="18" customHeight="1" x14ac:dyDescent="0.15">
      <c r="A115" s="8">
        <v>90</v>
      </c>
      <c r="B115" s="21">
        <v>17</v>
      </c>
      <c r="C115" s="6">
        <v>28</v>
      </c>
      <c r="D115" s="5">
        <v>45</v>
      </c>
    </row>
    <row r="116" spans="1:4" ht="18" customHeight="1" x14ac:dyDescent="0.15">
      <c r="A116" s="8">
        <v>91</v>
      </c>
      <c r="B116" s="21">
        <v>13</v>
      </c>
      <c r="C116" s="6">
        <v>23</v>
      </c>
      <c r="D116" s="5">
        <v>36</v>
      </c>
    </row>
    <row r="117" spans="1:4" ht="18" customHeight="1" x14ac:dyDescent="0.15">
      <c r="A117" s="8">
        <v>92</v>
      </c>
      <c r="B117" s="21">
        <v>6</v>
      </c>
      <c r="C117" s="6">
        <v>34</v>
      </c>
      <c r="D117" s="5">
        <v>40</v>
      </c>
    </row>
    <row r="118" spans="1:4" ht="18" customHeight="1" x14ac:dyDescent="0.15">
      <c r="A118" s="8">
        <v>93</v>
      </c>
      <c r="B118" s="21">
        <v>2</v>
      </c>
      <c r="C118" s="6">
        <v>15</v>
      </c>
      <c r="D118" s="5">
        <v>17</v>
      </c>
    </row>
    <row r="119" spans="1:4" ht="18" customHeight="1" x14ac:dyDescent="0.15">
      <c r="A119" s="8">
        <v>94</v>
      </c>
      <c r="B119" s="21">
        <v>4</v>
      </c>
      <c r="C119" s="6">
        <v>15</v>
      </c>
      <c r="D119" s="5">
        <v>19</v>
      </c>
    </row>
    <row r="120" spans="1:4" ht="18" customHeight="1" x14ac:dyDescent="0.15">
      <c r="A120" s="8" t="s">
        <v>5</v>
      </c>
      <c r="B120" s="21">
        <v>42</v>
      </c>
      <c r="C120" s="6">
        <v>115</v>
      </c>
      <c r="D120" s="5">
        <v>157</v>
      </c>
    </row>
    <row r="121" spans="1:4" ht="18" customHeight="1" x14ac:dyDescent="0.15">
      <c r="A121" s="8">
        <v>95</v>
      </c>
      <c r="B121" s="21">
        <v>2</v>
      </c>
      <c r="C121" s="6">
        <v>15</v>
      </c>
      <c r="D121" s="5">
        <v>17</v>
      </c>
    </row>
    <row r="122" spans="1:4" ht="18" customHeight="1" x14ac:dyDescent="0.15">
      <c r="A122" s="8">
        <v>96</v>
      </c>
      <c r="B122" s="21">
        <v>1</v>
      </c>
      <c r="C122" s="6">
        <v>14</v>
      </c>
      <c r="D122" s="5">
        <v>15</v>
      </c>
    </row>
    <row r="123" spans="1:4" ht="18" customHeight="1" x14ac:dyDescent="0.15">
      <c r="A123" s="8">
        <v>97</v>
      </c>
      <c r="B123" s="21">
        <v>4</v>
      </c>
      <c r="C123" s="6">
        <v>1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1</v>
      </c>
      <c r="C125" s="6">
        <v>7</v>
      </c>
      <c r="D125" s="5">
        <v>8</v>
      </c>
    </row>
    <row r="126" spans="1:4" ht="18" customHeight="1" x14ac:dyDescent="0.15">
      <c r="A126" s="8" t="s">
        <v>4</v>
      </c>
      <c r="B126" s="21">
        <v>8</v>
      </c>
      <c r="C126" s="6">
        <v>43</v>
      </c>
      <c r="D126" s="5">
        <v>51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849</v>
      </c>
      <c r="C130" s="6">
        <v>1220</v>
      </c>
      <c r="D130" s="5">
        <v>2069</v>
      </c>
    </row>
    <row r="131" spans="1:4" ht="18" customHeight="1" x14ac:dyDescent="0.15">
      <c r="A131" s="4" t="s">
        <v>0</v>
      </c>
      <c r="B131" s="20">
        <v>2763</v>
      </c>
      <c r="C131" s="2">
        <v>2936</v>
      </c>
      <c r="D131" s="1">
        <v>56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19E5EA-E182-4278-AA0C-5E2CFD32D74D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2</v>
      </c>
      <c r="C13" s="6">
        <v>0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2</v>
      </c>
      <c r="C16" s="6">
        <v>1</v>
      </c>
      <c r="D16" s="5">
        <v>3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0</v>
      </c>
      <c r="D20" s="5">
        <v>2</v>
      </c>
    </row>
    <row r="21" spans="1:4" ht="18" customHeight="1" x14ac:dyDescent="0.15">
      <c r="A21" s="8">
        <v>14</v>
      </c>
      <c r="B21" s="21">
        <v>2</v>
      </c>
      <c r="C21" s="6">
        <v>2</v>
      </c>
      <c r="D21" s="5">
        <v>4</v>
      </c>
    </row>
    <row r="22" spans="1:4" ht="18" customHeight="1" x14ac:dyDescent="0.15">
      <c r="A22" s="8" t="s">
        <v>23</v>
      </c>
      <c r="B22" s="21">
        <v>5</v>
      </c>
      <c r="C22" s="6">
        <v>4</v>
      </c>
      <c r="D22" s="5">
        <v>9</v>
      </c>
    </row>
    <row r="23" spans="1:4" ht="18" customHeight="1" x14ac:dyDescent="0.15">
      <c r="A23" s="8" t="s">
        <v>22</v>
      </c>
      <c r="B23" s="21">
        <v>7</v>
      </c>
      <c r="C23" s="6">
        <v>5</v>
      </c>
      <c r="D23" s="5">
        <v>12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1</v>
      </c>
      <c r="C25" s="6">
        <v>1</v>
      </c>
      <c r="D25" s="5">
        <v>2</v>
      </c>
    </row>
    <row r="26" spans="1:4" ht="18" customHeight="1" x14ac:dyDescent="0.15">
      <c r="A26" s="8">
        <v>17</v>
      </c>
      <c r="B26" s="21">
        <v>1</v>
      </c>
      <c r="C26" s="6">
        <v>3</v>
      </c>
      <c r="D26" s="5">
        <v>4</v>
      </c>
    </row>
    <row r="27" spans="1:4" ht="18" customHeight="1" x14ac:dyDescent="0.15">
      <c r="A27" s="8">
        <v>18</v>
      </c>
      <c r="B27" s="21">
        <v>2</v>
      </c>
      <c r="C27" s="6">
        <v>1</v>
      </c>
      <c r="D27" s="5">
        <v>3</v>
      </c>
    </row>
    <row r="28" spans="1:4" ht="18" customHeight="1" x14ac:dyDescent="0.15">
      <c r="A28" s="8">
        <v>19</v>
      </c>
      <c r="B28" s="21">
        <v>2</v>
      </c>
      <c r="C28" s="6">
        <v>2</v>
      </c>
      <c r="D28" s="5">
        <v>4</v>
      </c>
    </row>
    <row r="29" spans="1:4" ht="18" customHeight="1" x14ac:dyDescent="0.15">
      <c r="A29" s="8" t="s">
        <v>21</v>
      </c>
      <c r="B29" s="21">
        <v>7</v>
      </c>
      <c r="C29" s="6">
        <v>7</v>
      </c>
      <c r="D29" s="5">
        <v>14</v>
      </c>
    </row>
    <row r="30" spans="1:4" ht="18" customHeight="1" x14ac:dyDescent="0.15">
      <c r="A30" s="8">
        <v>20</v>
      </c>
      <c r="B30" s="21">
        <v>0</v>
      </c>
      <c r="C30" s="6">
        <v>3</v>
      </c>
      <c r="D30" s="5">
        <v>3</v>
      </c>
    </row>
    <row r="31" spans="1:4" ht="18" customHeight="1" x14ac:dyDescent="0.15">
      <c r="A31" s="8">
        <v>21</v>
      </c>
      <c r="B31" s="21">
        <v>4</v>
      </c>
      <c r="C31" s="6">
        <v>1</v>
      </c>
      <c r="D31" s="5">
        <v>5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1</v>
      </c>
      <c r="D33" s="5">
        <v>2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9</v>
      </c>
      <c r="C35" s="6">
        <v>6</v>
      </c>
      <c r="D35" s="5">
        <v>15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1</v>
      </c>
      <c r="C37" s="6">
        <v>0</v>
      </c>
      <c r="D37" s="5">
        <v>1</v>
      </c>
    </row>
    <row r="38" spans="1:4" ht="18" customHeight="1" x14ac:dyDescent="0.15">
      <c r="A38" s="8">
        <v>27</v>
      </c>
      <c r="B38" s="21">
        <v>5</v>
      </c>
      <c r="C38" s="6">
        <v>2</v>
      </c>
      <c r="D38" s="5">
        <v>7</v>
      </c>
    </row>
    <row r="39" spans="1:4" ht="18" customHeight="1" x14ac:dyDescent="0.15">
      <c r="A39" s="8">
        <v>28</v>
      </c>
      <c r="B39" s="21">
        <v>0</v>
      </c>
      <c r="C39" s="6">
        <v>1</v>
      </c>
      <c r="D39" s="5">
        <v>1</v>
      </c>
    </row>
    <row r="40" spans="1:4" ht="18" customHeight="1" x14ac:dyDescent="0.15">
      <c r="A40" s="8">
        <v>29</v>
      </c>
      <c r="B40" s="21">
        <v>0</v>
      </c>
      <c r="C40" s="6">
        <v>1</v>
      </c>
      <c r="D40" s="5">
        <v>1</v>
      </c>
    </row>
    <row r="41" spans="1:4" ht="18" customHeight="1" x14ac:dyDescent="0.15">
      <c r="A41" s="8" t="s">
        <v>19</v>
      </c>
      <c r="B41" s="21">
        <v>7</v>
      </c>
      <c r="C41" s="6">
        <v>6</v>
      </c>
      <c r="D41" s="5">
        <v>13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1</v>
      </c>
      <c r="C43" s="6">
        <v>2</v>
      </c>
      <c r="D43" s="5">
        <v>3</v>
      </c>
    </row>
    <row r="44" spans="1:4" ht="18" customHeight="1" x14ac:dyDescent="0.15">
      <c r="A44" s="8">
        <v>32</v>
      </c>
      <c r="B44" s="21">
        <v>3</v>
      </c>
      <c r="C44" s="6">
        <v>0</v>
      </c>
      <c r="D44" s="5">
        <v>3</v>
      </c>
    </row>
    <row r="45" spans="1:4" ht="18" customHeight="1" x14ac:dyDescent="0.15">
      <c r="A45" s="8">
        <v>33</v>
      </c>
      <c r="B45" s="21">
        <v>0</v>
      </c>
      <c r="C45" s="6">
        <v>2</v>
      </c>
      <c r="D45" s="5">
        <v>2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6</v>
      </c>
      <c r="C47" s="6">
        <v>5</v>
      </c>
      <c r="D47" s="5">
        <v>11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1</v>
      </c>
      <c r="C49" s="6">
        <v>1</v>
      </c>
      <c r="D49" s="5">
        <v>2</v>
      </c>
    </row>
    <row r="50" spans="1:4" ht="18" customHeight="1" x14ac:dyDescent="0.15">
      <c r="A50" s="8">
        <v>37</v>
      </c>
      <c r="B50" s="21">
        <v>3</v>
      </c>
      <c r="C50" s="6">
        <v>1</v>
      </c>
      <c r="D50" s="5">
        <v>4</v>
      </c>
    </row>
    <row r="51" spans="1:4" ht="18" customHeight="1" x14ac:dyDescent="0.15">
      <c r="A51" s="8">
        <v>38</v>
      </c>
      <c r="B51" s="21">
        <v>0</v>
      </c>
      <c r="C51" s="6">
        <v>2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1</v>
      </c>
      <c r="D52" s="5">
        <v>5</v>
      </c>
    </row>
    <row r="53" spans="1:4" ht="18" customHeight="1" x14ac:dyDescent="0.15">
      <c r="A53" s="8" t="s">
        <v>17</v>
      </c>
      <c r="B53" s="21">
        <v>9</v>
      </c>
      <c r="C53" s="6">
        <v>5</v>
      </c>
      <c r="D53" s="5">
        <v>14</v>
      </c>
    </row>
    <row r="54" spans="1:4" ht="18" customHeight="1" x14ac:dyDescent="0.15">
      <c r="A54" s="8">
        <v>40</v>
      </c>
      <c r="B54" s="21">
        <v>1</v>
      </c>
      <c r="C54" s="6">
        <v>2</v>
      </c>
      <c r="D54" s="5">
        <v>3</v>
      </c>
    </row>
    <row r="55" spans="1:4" ht="18" customHeight="1" x14ac:dyDescent="0.15">
      <c r="A55" s="8">
        <v>41</v>
      </c>
      <c r="B55" s="21">
        <v>5</v>
      </c>
      <c r="C55" s="6">
        <v>0</v>
      </c>
      <c r="D55" s="5">
        <v>5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2</v>
      </c>
      <c r="D57" s="5">
        <v>4</v>
      </c>
    </row>
    <row r="58" spans="1:4" ht="18" customHeight="1" x14ac:dyDescent="0.15">
      <c r="A58" s="8">
        <v>44</v>
      </c>
      <c r="B58" s="21">
        <v>2</v>
      </c>
      <c r="C58" s="6">
        <v>0</v>
      </c>
      <c r="D58" s="5">
        <v>2</v>
      </c>
    </row>
    <row r="59" spans="1:4" ht="18" customHeight="1" x14ac:dyDescent="0.15">
      <c r="A59" s="8" t="s">
        <v>16</v>
      </c>
      <c r="B59" s="21">
        <v>11</v>
      </c>
      <c r="C59" s="6">
        <v>4</v>
      </c>
      <c r="D59" s="5">
        <v>15</v>
      </c>
    </row>
    <row r="60" spans="1:4" ht="18" customHeight="1" x14ac:dyDescent="0.15">
      <c r="A60" s="8">
        <v>45</v>
      </c>
      <c r="B60" s="21">
        <v>7</v>
      </c>
      <c r="C60" s="6">
        <v>3</v>
      </c>
      <c r="D60" s="5">
        <v>10</v>
      </c>
    </row>
    <row r="61" spans="1:4" ht="18" customHeight="1" x14ac:dyDescent="0.15">
      <c r="A61" s="8">
        <v>46</v>
      </c>
      <c r="B61" s="21">
        <v>1</v>
      </c>
      <c r="C61" s="6">
        <v>1</v>
      </c>
      <c r="D61" s="5">
        <v>2</v>
      </c>
    </row>
    <row r="62" spans="1:4" ht="18" customHeight="1" x14ac:dyDescent="0.15">
      <c r="A62" s="8">
        <v>47</v>
      </c>
      <c r="B62" s="21">
        <v>3</v>
      </c>
      <c r="C62" s="6">
        <v>5</v>
      </c>
      <c r="D62" s="5">
        <v>8</v>
      </c>
    </row>
    <row r="63" spans="1:4" ht="18" customHeight="1" x14ac:dyDescent="0.15">
      <c r="A63" s="8">
        <v>48</v>
      </c>
      <c r="B63" s="21">
        <v>3</v>
      </c>
      <c r="C63" s="6">
        <v>3</v>
      </c>
      <c r="D63" s="5">
        <v>6</v>
      </c>
    </row>
    <row r="64" spans="1:4" ht="18" customHeight="1" x14ac:dyDescent="0.15">
      <c r="A64" s="8">
        <v>49</v>
      </c>
      <c r="B64" s="21">
        <v>5</v>
      </c>
      <c r="C64" s="6">
        <v>3</v>
      </c>
      <c r="D64" s="5">
        <v>8</v>
      </c>
    </row>
    <row r="65" spans="1:4" ht="18" customHeight="1" x14ac:dyDescent="0.15">
      <c r="A65" s="8" t="s">
        <v>15</v>
      </c>
      <c r="B65" s="21">
        <v>19</v>
      </c>
      <c r="C65" s="6">
        <v>15</v>
      </c>
      <c r="D65" s="5">
        <v>34</v>
      </c>
    </row>
    <row r="66" spans="1:4" ht="18" customHeight="1" x14ac:dyDescent="0.15">
      <c r="A66" s="8">
        <v>50</v>
      </c>
      <c r="B66" s="21">
        <v>7</v>
      </c>
      <c r="C66" s="6">
        <v>3</v>
      </c>
      <c r="D66" s="5">
        <v>10</v>
      </c>
    </row>
    <row r="67" spans="1:4" ht="18" customHeight="1" x14ac:dyDescent="0.15">
      <c r="A67" s="8">
        <v>51</v>
      </c>
      <c r="B67" s="21">
        <v>5</v>
      </c>
      <c r="C67" s="6">
        <v>6</v>
      </c>
      <c r="D67" s="5">
        <v>11</v>
      </c>
    </row>
    <row r="68" spans="1:4" ht="18" customHeight="1" x14ac:dyDescent="0.15">
      <c r="A68" s="8">
        <v>52</v>
      </c>
      <c r="B68" s="21">
        <v>5</v>
      </c>
      <c r="C68" s="6">
        <v>3</v>
      </c>
      <c r="D68" s="5">
        <v>8</v>
      </c>
    </row>
    <row r="69" spans="1:4" ht="18" customHeight="1" x14ac:dyDescent="0.15">
      <c r="A69" s="8">
        <v>53</v>
      </c>
      <c r="B69" s="21">
        <v>5</v>
      </c>
      <c r="C69" s="6">
        <v>1</v>
      </c>
      <c r="D69" s="5">
        <v>6</v>
      </c>
    </row>
    <row r="70" spans="1:4" ht="18" customHeight="1" x14ac:dyDescent="0.15">
      <c r="A70" s="8">
        <v>54</v>
      </c>
      <c r="B70" s="21">
        <v>2</v>
      </c>
      <c r="C70" s="6">
        <v>3</v>
      </c>
      <c r="D70" s="5">
        <v>5</v>
      </c>
    </row>
    <row r="71" spans="1:4" ht="18" customHeight="1" x14ac:dyDescent="0.15">
      <c r="A71" s="8" t="s">
        <v>14</v>
      </c>
      <c r="B71" s="21">
        <v>24</v>
      </c>
      <c r="C71" s="6">
        <v>16</v>
      </c>
      <c r="D71" s="5">
        <v>40</v>
      </c>
    </row>
    <row r="72" spans="1:4" ht="18" customHeight="1" x14ac:dyDescent="0.15">
      <c r="A72" s="8">
        <v>55</v>
      </c>
      <c r="B72" s="21">
        <v>3</v>
      </c>
      <c r="C72" s="6">
        <v>0</v>
      </c>
      <c r="D72" s="5">
        <v>3</v>
      </c>
    </row>
    <row r="73" spans="1:4" ht="18" customHeight="1" x14ac:dyDescent="0.15">
      <c r="A73" s="8">
        <v>56</v>
      </c>
      <c r="B73" s="21">
        <v>5</v>
      </c>
      <c r="C73" s="6">
        <v>4</v>
      </c>
      <c r="D73" s="5">
        <v>9</v>
      </c>
    </row>
    <row r="74" spans="1:4" ht="18" customHeight="1" x14ac:dyDescent="0.15">
      <c r="A74" s="8">
        <v>57</v>
      </c>
      <c r="B74" s="21">
        <v>3</v>
      </c>
      <c r="C74" s="6">
        <v>4</v>
      </c>
      <c r="D74" s="5">
        <v>7</v>
      </c>
    </row>
    <row r="75" spans="1:4" ht="18" customHeight="1" x14ac:dyDescent="0.15">
      <c r="A75" s="8">
        <v>58</v>
      </c>
      <c r="B75" s="21">
        <v>3</v>
      </c>
      <c r="C75" s="6">
        <v>2</v>
      </c>
      <c r="D75" s="5">
        <v>5</v>
      </c>
    </row>
    <row r="76" spans="1:4" ht="18" customHeight="1" x14ac:dyDescent="0.15">
      <c r="A76" s="8">
        <v>59</v>
      </c>
      <c r="B76" s="21">
        <v>0</v>
      </c>
      <c r="C76" s="6">
        <v>3</v>
      </c>
      <c r="D76" s="5">
        <v>3</v>
      </c>
    </row>
    <row r="77" spans="1:4" ht="18" customHeight="1" x14ac:dyDescent="0.15">
      <c r="A77" s="8" t="s">
        <v>13</v>
      </c>
      <c r="B77" s="21">
        <v>14</v>
      </c>
      <c r="C77" s="6">
        <v>13</v>
      </c>
      <c r="D77" s="5">
        <v>27</v>
      </c>
    </row>
    <row r="78" spans="1:4" ht="18" customHeight="1" x14ac:dyDescent="0.15">
      <c r="A78" s="8">
        <v>60</v>
      </c>
      <c r="B78" s="21">
        <v>5</v>
      </c>
      <c r="C78" s="6">
        <v>4</v>
      </c>
      <c r="D78" s="5">
        <v>9</v>
      </c>
    </row>
    <row r="79" spans="1:4" ht="18" customHeight="1" x14ac:dyDescent="0.15">
      <c r="A79" s="8">
        <v>61</v>
      </c>
      <c r="B79" s="21">
        <v>4</v>
      </c>
      <c r="C79" s="6">
        <v>5</v>
      </c>
      <c r="D79" s="5">
        <v>9</v>
      </c>
    </row>
    <row r="80" spans="1:4" ht="18" customHeight="1" x14ac:dyDescent="0.15">
      <c r="A80" s="8">
        <v>62</v>
      </c>
      <c r="B80" s="21">
        <v>3</v>
      </c>
      <c r="C80" s="6">
        <v>4</v>
      </c>
      <c r="D80" s="5">
        <v>7</v>
      </c>
    </row>
    <row r="81" spans="1:4" ht="18" customHeight="1" x14ac:dyDescent="0.15">
      <c r="A81" s="8">
        <v>63</v>
      </c>
      <c r="B81" s="21">
        <v>3</v>
      </c>
      <c r="C81" s="6">
        <v>3</v>
      </c>
      <c r="D81" s="5">
        <v>6</v>
      </c>
    </row>
    <row r="82" spans="1:4" ht="18" customHeight="1" x14ac:dyDescent="0.15">
      <c r="A82" s="8">
        <v>64</v>
      </c>
      <c r="B82" s="21">
        <v>5</v>
      </c>
      <c r="C82" s="6">
        <v>6</v>
      </c>
      <c r="D82" s="5">
        <v>11</v>
      </c>
    </row>
    <row r="83" spans="1:4" ht="18" customHeight="1" x14ac:dyDescent="0.15">
      <c r="A83" s="8" t="s">
        <v>12</v>
      </c>
      <c r="B83" s="21">
        <v>20</v>
      </c>
      <c r="C83" s="6">
        <v>22</v>
      </c>
      <c r="D83" s="5">
        <v>42</v>
      </c>
    </row>
    <row r="84" spans="1:4" ht="18" customHeight="1" x14ac:dyDescent="0.15">
      <c r="A84" s="8" t="s">
        <v>11</v>
      </c>
      <c r="B84" s="21">
        <v>126</v>
      </c>
      <c r="C84" s="6">
        <v>99</v>
      </c>
      <c r="D84" s="5">
        <v>225</v>
      </c>
    </row>
    <row r="85" spans="1:4" ht="18" customHeight="1" x14ac:dyDescent="0.15">
      <c r="A85" s="8">
        <v>65</v>
      </c>
      <c r="B85" s="21">
        <v>5</v>
      </c>
      <c r="C85" s="6">
        <v>4</v>
      </c>
      <c r="D85" s="5">
        <v>9</v>
      </c>
    </row>
    <row r="86" spans="1:4" ht="18" customHeight="1" x14ac:dyDescent="0.15">
      <c r="A86" s="8">
        <v>66</v>
      </c>
      <c r="B86" s="21">
        <v>2</v>
      </c>
      <c r="C86" s="6">
        <v>3</v>
      </c>
      <c r="D86" s="5">
        <v>5</v>
      </c>
    </row>
    <row r="87" spans="1:4" ht="18" customHeight="1" x14ac:dyDescent="0.15">
      <c r="A87" s="8">
        <v>67</v>
      </c>
      <c r="B87" s="21">
        <v>11</v>
      </c>
      <c r="C87" s="6">
        <v>7</v>
      </c>
      <c r="D87" s="5">
        <v>18</v>
      </c>
    </row>
    <row r="88" spans="1:4" ht="18" customHeight="1" x14ac:dyDescent="0.15">
      <c r="A88" s="8">
        <v>68</v>
      </c>
      <c r="B88" s="21">
        <v>7</v>
      </c>
      <c r="C88" s="6">
        <v>3</v>
      </c>
      <c r="D88" s="5">
        <v>10</v>
      </c>
    </row>
    <row r="89" spans="1:4" ht="18" customHeight="1" x14ac:dyDescent="0.15">
      <c r="A89" s="8">
        <v>69</v>
      </c>
      <c r="B89" s="21">
        <v>5</v>
      </c>
      <c r="C89" s="6">
        <v>8</v>
      </c>
      <c r="D89" s="5">
        <v>13</v>
      </c>
    </row>
    <row r="90" spans="1:4" ht="18" customHeight="1" x14ac:dyDescent="0.15">
      <c r="A90" s="8" t="s">
        <v>10</v>
      </c>
      <c r="B90" s="21">
        <v>30</v>
      </c>
      <c r="C90" s="6">
        <v>25</v>
      </c>
      <c r="D90" s="5">
        <v>55</v>
      </c>
    </row>
    <row r="91" spans="1:4" ht="18" customHeight="1" x14ac:dyDescent="0.15">
      <c r="A91" s="8">
        <v>70</v>
      </c>
      <c r="B91" s="21">
        <v>4</v>
      </c>
      <c r="C91" s="6">
        <v>10</v>
      </c>
      <c r="D91" s="5">
        <v>14</v>
      </c>
    </row>
    <row r="92" spans="1:4" ht="18" customHeight="1" x14ac:dyDescent="0.15">
      <c r="A92" s="8">
        <v>71</v>
      </c>
      <c r="B92" s="21">
        <v>9</v>
      </c>
      <c r="C92" s="6">
        <v>10</v>
      </c>
      <c r="D92" s="5">
        <v>19</v>
      </c>
    </row>
    <row r="93" spans="1:4" ht="18" customHeight="1" x14ac:dyDescent="0.15">
      <c r="A93" s="8">
        <v>72</v>
      </c>
      <c r="B93" s="21">
        <v>10</v>
      </c>
      <c r="C93" s="6">
        <v>9</v>
      </c>
      <c r="D93" s="5">
        <v>19</v>
      </c>
    </row>
    <row r="94" spans="1:4" ht="18" customHeight="1" x14ac:dyDescent="0.15">
      <c r="A94" s="8">
        <v>73</v>
      </c>
      <c r="B94" s="21">
        <v>11</v>
      </c>
      <c r="C94" s="6">
        <v>6</v>
      </c>
      <c r="D94" s="5">
        <v>17</v>
      </c>
    </row>
    <row r="95" spans="1:4" ht="18" customHeight="1" x14ac:dyDescent="0.15">
      <c r="A95" s="8">
        <v>74</v>
      </c>
      <c r="B95" s="21">
        <v>11</v>
      </c>
      <c r="C95" s="6">
        <v>4</v>
      </c>
      <c r="D95" s="5">
        <v>15</v>
      </c>
    </row>
    <row r="96" spans="1:4" ht="18" customHeight="1" x14ac:dyDescent="0.15">
      <c r="A96" s="8" t="s">
        <v>9</v>
      </c>
      <c r="B96" s="21">
        <v>45</v>
      </c>
      <c r="C96" s="6">
        <v>39</v>
      </c>
      <c r="D96" s="5">
        <v>84</v>
      </c>
    </row>
    <row r="97" spans="1:4" ht="18" customHeight="1" x14ac:dyDescent="0.15">
      <c r="A97" s="8">
        <v>75</v>
      </c>
      <c r="B97" s="21">
        <v>11</v>
      </c>
      <c r="C97" s="6">
        <v>4</v>
      </c>
      <c r="D97" s="5">
        <v>15</v>
      </c>
    </row>
    <row r="98" spans="1:4" ht="18" customHeight="1" x14ac:dyDescent="0.15">
      <c r="A98" s="8">
        <v>76</v>
      </c>
      <c r="B98" s="21">
        <v>7</v>
      </c>
      <c r="C98" s="6">
        <v>11</v>
      </c>
      <c r="D98" s="5">
        <v>18</v>
      </c>
    </row>
    <row r="99" spans="1:4" ht="18" customHeight="1" x14ac:dyDescent="0.15">
      <c r="A99" s="8">
        <v>77</v>
      </c>
      <c r="B99" s="21">
        <v>5</v>
      </c>
      <c r="C99" s="6">
        <v>11</v>
      </c>
      <c r="D99" s="5">
        <v>16</v>
      </c>
    </row>
    <row r="100" spans="1:4" ht="18" customHeight="1" x14ac:dyDescent="0.15">
      <c r="A100" s="8">
        <v>78</v>
      </c>
      <c r="B100" s="21">
        <v>5</v>
      </c>
      <c r="C100" s="6">
        <v>3</v>
      </c>
      <c r="D100" s="5">
        <v>8</v>
      </c>
    </row>
    <row r="101" spans="1:4" ht="18" customHeight="1" x14ac:dyDescent="0.15">
      <c r="A101" s="8">
        <v>79</v>
      </c>
      <c r="B101" s="21">
        <v>5</v>
      </c>
      <c r="C101" s="6">
        <v>8</v>
      </c>
      <c r="D101" s="5">
        <v>13</v>
      </c>
    </row>
    <row r="102" spans="1:4" ht="18" customHeight="1" x14ac:dyDescent="0.15">
      <c r="A102" s="8" t="s">
        <v>8</v>
      </c>
      <c r="B102" s="21">
        <v>33</v>
      </c>
      <c r="C102" s="6">
        <v>37</v>
      </c>
      <c r="D102" s="5">
        <v>70</v>
      </c>
    </row>
    <row r="103" spans="1:4" ht="18" customHeight="1" x14ac:dyDescent="0.15">
      <c r="A103" s="8">
        <v>80</v>
      </c>
      <c r="B103" s="21">
        <v>2</v>
      </c>
      <c r="C103" s="6">
        <v>4</v>
      </c>
      <c r="D103" s="5">
        <v>6</v>
      </c>
    </row>
    <row r="104" spans="1:4" ht="18" customHeight="1" x14ac:dyDescent="0.15">
      <c r="A104" s="8">
        <v>81</v>
      </c>
      <c r="B104" s="21">
        <v>4</v>
      </c>
      <c r="C104" s="6">
        <v>3</v>
      </c>
      <c r="D104" s="5">
        <v>7</v>
      </c>
    </row>
    <row r="105" spans="1:4" ht="18" customHeight="1" x14ac:dyDescent="0.15">
      <c r="A105" s="8">
        <v>82</v>
      </c>
      <c r="B105" s="21">
        <v>6</v>
      </c>
      <c r="C105" s="6">
        <v>6</v>
      </c>
      <c r="D105" s="5">
        <v>12</v>
      </c>
    </row>
    <row r="106" spans="1:4" ht="18" customHeight="1" x14ac:dyDescent="0.15">
      <c r="A106" s="8">
        <v>83</v>
      </c>
      <c r="B106" s="21">
        <v>4</v>
      </c>
      <c r="C106" s="6">
        <v>3</v>
      </c>
      <c r="D106" s="5">
        <v>7</v>
      </c>
    </row>
    <row r="107" spans="1:4" ht="18" customHeight="1" x14ac:dyDescent="0.15">
      <c r="A107" s="8">
        <v>84</v>
      </c>
      <c r="B107" s="21">
        <v>3</v>
      </c>
      <c r="C107" s="6">
        <v>7</v>
      </c>
      <c r="D107" s="5">
        <v>10</v>
      </c>
    </row>
    <row r="108" spans="1:4" ht="18" customHeight="1" x14ac:dyDescent="0.15">
      <c r="A108" s="8" t="s">
        <v>7</v>
      </c>
      <c r="B108" s="21">
        <v>19</v>
      </c>
      <c r="C108" s="6">
        <v>23</v>
      </c>
      <c r="D108" s="5">
        <v>42</v>
      </c>
    </row>
    <row r="109" spans="1:4" ht="18" customHeight="1" x14ac:dyDescent="0.15">
      <c r="A109" s="8">
        <v>85</v>
      </c>
      <c r="B109" s="21">
        <v>3</v>
      </c>
      <c r="C109" s="6">
        <v>4</v>
      </c>
      <c r="D109" s="5">
        <v>7</v>
      </c>
    </row>
    <row r="110" spans="1:4" ht="18" customHeight="1" x14ac:dyDescent="0.15">
      <c r="A110" s="8">
        <v>86</v>
      </c>
      <c r="B110" s="21">
        <v>4</v>
      </c>
      <c r="C110" s="6">
        <v>3</v>
      </c>
      <c r="D110" s="5">
        <v>7</v>
      </c>
    </row>
    <row r="111" spans="1:4" ht="18" customHeight="1" x14ac:dyDescent="0.15">
      <c r="A111" s="8">
        <v>87</v>
      </c>
      <c r="B111" s="21">
        <v>2</v>
      </c>
      <c r="C111" s="6">
        <v>5</v>
      </c>
      <c r="D111" s="5">
        <v>7</v>
      </c>
    </row>
    <row r="112" spans="1:4" ht="18" customHeight="1" x14ac:dyDescent="0.15">
      <c r="A112" s="8">
        <v>88</v>
      </c>
      <c r="B112" s="21">
        <v>1</v>
      </c>
      <c r="C112" s="6">
        <v>2</v>
      </c>
      <c r="D112" s="5">
        <v>3</v>
      </c>
    </row>
    <row r="113" spans="1:4" ht="18" customHeight="1" x14ac:dyDescent="0.15">
      <c r="A113" s="8">
        <v>89</v>
      </c>
      <c r="B113" s="21">
        <v>2</v>
      </c>
      <c r="C113" s="6">
        <v>4</v>
      </c>
      <c r="D113" s="5">
        <v>6</v>
      </c>
    </row>
    <row r="114" spans="1:4" ht="18" customHeight="1" x14ac:dyDescent="0.15">
      <c r="A114" s="8" t="s">
        <v>6</v>
      </c>
      <c r="B114" s="21">
        <v>12</v>
      </c>
      <c r="C114" s="6">
        <v>18</v>
      </c>
      <c r="D114" s="5">
        <v>30</v>
      </c>
    </row>
    <row r="115" spans="1:4" ht="18" customHeight="1" x14ac:dyDescent="0.15">
      <c r="A115" s="8">
        <v>90</v>
      </c>
      <c r="B115" s="21">
        <v>0</v>
      </c>
      <c r="C115" s="6">
        <v>4</v>
      </c>
      <c r="D115" s="5">
        <v>4</v>
      </c>
    </row>
    <row r="116" spans="1:4" ht="18" customHeight="1" x14ac:dyDescent="0.15">
      <c r="A116" s="8">
        <v>91</v>
      </c>
      <c r="B116" s="21">
        <v>1</v>
      </c>
      <c r="C116" s="6">
        <v>3</v>
      </c>
      <c r="D116" s="5">
        <v>4</v>
      </c>
    </row>
    <row r="117" spans="1:4" ht="18" customHeight="1" x14ac:dyDescent="0.15">
      <c r="A117" s="8">
        <v>92</v>
      </c>
      <c r="B117" s="21">
        <v>1</v>
      </c>
      <c r="C117" s="6">
        <v>2</v>
      </c>
      <c r="D117" s="5">
        <v>3</v>
      </c>
    </row>
    <row r="118" spans="1:4" ht="18" customHeight="1" x14ac:dyDescent="0.15">
      <c r="A118" s="8">
        <v>93</v>
      </c>
      <c r="B118" s="21">
        <v>0</v>
      </c>
      <c r="C118" s="6">
        <v>4</v>
      </c>
      <c r="D118" s="5">
        <v>4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2</v>
      </c>
      <c r="C120" s="6">
        <v>16</v>
      </c>
      <c r="D120" s="5">
        <v>18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9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42</v>
      </c>
      <c r="C130" s="6">
        <v>170</v>
      </c>
      <c r="D130" s="5">
        <v>312</v>
      </c>
    </row>
    <row r="131" spans="1:4" ht="18" customHeight="1" x14ac:dyDescent="0.15">
      <c r="A131" s="4" t="s">
        <v>0</v>
      </c>
      <c r="B131" s="20">
        <v>275</v>
      </c>
      <c r="C131" s="2">
        <v>274</v>
      </c>
      <c r="D131" s="1">
        <v>5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F17517-D81E-4956-B197-C87DA0210CC0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0</v>
      </c>
      <c r="C16" s="6">
        <v>0</v>
      </c>
      <c r="D16" s="5">
        <v>0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1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1</v>
      </c>
      <c r="D21" s="5">
        <v>1</v>
      </c>
    </row>
    <row r="22" spans="1:4" ht="18" customHeight="1" x14ac:dyDescent="0.15">
      <c r="A22" s="8" t="s">
        <v>23</v>
      </c>
      <c r="B22" s="21">
        <v>0</v>
      </c>
      <c r="C22" s="6">
        <v>3</v>
      </c>
      <c r="D22" s="5">
        <v>3</v>
      </c>
    </row>
    <row r="23" spans="1:4" ht="18" customHeight="1" x14ac:dyDescent="0.15">
      <c r="A23" s="8" t="s">
        <v>22</v>
      </c>
      <c r="B23" s="21">
        <v>0</v>
      </c>
      <c r="C23" s="6">
        <v>3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1</v>
      </c>
      <c r="D34" s="5">
        <v>1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0</v>
      </c>
      <c r="C41" s="6">
        <v>0</v>
      </c>
      <c r="D41" s="5">
        <v>0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0</v>
      </c>
      <c r="C46" s="6">
        <v>1</v>
      </c>
      <c r="D46" s="5">
        <v>1</v>
      </c>
    </row>
    <row r="47" spans="1:4" ht="18" customHeight="1" x14ac:dyDescent="0.15">
      <c r="A47" s="8" t="s">
        <v>18</v>
      </c>
      <c r="B47" s="21">
        <v>2</v>
      </c>
      <c r="C47" s="6">
        <v>1</v>
      </c>
      <c r="D47" s="5">
        <v>3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3</v>
      </c>
      <c r="C53" s="6">
        <v>2</v>
      </c>
      <c r="D53" s="5">
        <v>5</v>
      </c>
    </row>
    <row r="54" spans="1:4" ht="18" customHeight="1" x14ac:dyDescent="0.15">
      <c r="A54" s="8">
        <v>40</v>
      </c>
      <c r="B54" s="21">
        <v>1</v>
      </c>
      <c r="C54" s="6">
        <v>0</v>
      </c>
      <c r="D54" s="5">
        <v>1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1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0</v>
      </c>
      <c r="D57" s="5">
        <v>1</v>
      </c>
    </row>
    <row r="58" spans="1:4" ht="18" customHeight="1" x14ac:dyDescent="0.15">
      <c r="A58" s="8">
        <v>44</v>
      </c>
      <c r="B58" s="21">
        <v>0</v>
      </c>
      <c r="C58" s="6">
        <v>1</v>
      </c>
      <c r="D58" s="5">
        <v>1</v>
      </c>
    </row>
    <row r="59" spans="1:4" ht="18" customHeight="1" x14ac:dyDescent="0.15">
      <c r="A59" s="8" t="s">
        <v>16</v>
      </c>
      <c r="B59" s="21">
        <v>2</v>
      </c>
      <c r="C59" s="6">
        <v>2</v>
      </c>
      <c r="D59" s="5">
        <v>4</v>
      </c>
    </row>
    <row r="60" spans="1:4" ht="18" customHeight="1" x14ac:dyDescent="0.15">
      <c r="A60" s="8">
        <v>45</v>
      </c>
      <c r="B60" s="21">
        <v>1</v>
      </c>
      <c r="C60" s="6">
        <v>0</v>
      </c>
      <c r="D60" s="5">
        <v>1</v>
      </c>
    </row>
    <row r="61" spans="1:4" ht="18" customHeight="1" x14ac:dyDescent="0.15">
      <c r="A61" s="8">
        <v>46</v>
      </c>
      <c r="B61" s="21">
        <v>1</v>
      </c>
      <c r="C61" s="6">
        <v>0</v>
      </c>
      <c r="D61" s="5">
        <v>1</v>
      </c>
    </row>
    <row r="62" spans="1:4" ht="18" customHeight="1" x14ac:dyDescent="0.15">
      <c r="A62" s="8">
        <v>47</v>
      </c>
      <c r="B62" s="21">
        <v>1</v>
      </c>
      <c r="C62" s="6">
        <v>0</v>
      </c>
      <c r="D62" s="5">
        <v>1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1</v>
      </c>
      <c r="D64" s="5">
        <v>1</v>
      </c>
    </row>
    <row r="65" spans="1:4" ht="18" customHeight="1" x14ac:dyDescent="0.15">
      <c r="A65" s="8" t="s">
        <v>15</v>
      </c>
      <c r="B65" s="21">
        <v>3</v>
      </c>
      <c r="C65" s="6">
        <v>1</v>
      </c>
      <c r="D65" s="5">
        <v>4</v>
      </c>
    </row>
    <row r="66" spans="1:4" ht="18" customHeight="1" x14ac:dyDescent="0.15">
      <c r="A66" s="8">
        <v>50</v>
      </c>
      <c r="B66" s="21">
        <v>0</v>
      </c>
      <c r="C66" s="6">
        <v>0</v>
      </c>
      <c r="D66" s="5">
        <v>0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0</v>
      </c>
      <c r="C68" s="6">
        <v>0</v>
      </c>
      <c r="D68" s="5">
        <v>0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0</v>
      </c>
      <c r="C70" s="6">
        <v>0</v>
      </c>
      <c r="D70" s="5">
        <v>0</v>
      </c>
    </row>
    <row r="71" spans="1:4" ht="18" customHeight="1" x14ac:dyDescent="0.15">
      <c r="A71" s="8" t="s">
        <v>14</v>
      </c>
      <c r="B71" s="21">
        <v>0</v>
      </c>
      <c r="C71" s="6">
        <v>0</v>
      </c>
      <c r="D71" s="5">
        <v>0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1</v>
      </c>
      <c r="D74" s="5">
        <v>1</v>
      </c>
    </row>
    <row r="75" spans="1:4" ht="18" customHeight="1" x14ac:dyDescent="0.15">
      <c r="A75" s="8">
        <v>58</v>
      </c>
      <c r="B75" s="21">
        <v>2</v>
      </c>
      <c r="C75" s="6">
        <v>1</v>
      </c>
      <c r="D75" s="5">
        <v>3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2</v>
      </c>
      <c r="C77" s="6">
        <v>5</v>
      </c>
      <c r="D77" s="5">
        <v>7</v>
      </c>
    </row>
    <row r="78" spans="1:4" ht="18" customHeight="1" x14ac:dyDescent="0.15">
      <c r="A78" s="8">
        <v>60</v>
      </c>
      <c r="B78" s="21">
        <v>1</v>
      </c>
      <c r="C78" s="6">
        <v>0</v>
      </c>
      <c r="D78" s="5">
        <v>1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1</v>
      </c>
      <c r="C81" s="6">
        <v>0</v>
      </c>
      <c r="D81" s="5">
        <v>1</v>
      </c>
    </row>
    <row r="82" spans="1:4" ht="18" customHeight="1" x14ac:dyDescent="0.15">
      <c r="A82" s="8">
        <v>64</v>
      </c>
      <c r="B82" s="21">
        <v>2</v>
      </c>
      <c r="C82" s="6">
        <v>1</v>
      </c>
      <c r="D82" s="5">
        <v>3</v>
      </c>
    </row>
    <row r="83" spans="1:4" ht="18" customHeight="1" x14ac:dyDescent="0.15">
      <c r="A83" s="8" t="s">
        <v>12</v>
      </c>
      <c r="B83" s="21">
        <v>5</v>
      </c>
      <c r="C83" s="6">
        <v>3</v>
      </c>
      <c r="D83" s="5">
        <v>8</v>
      </c>
    </row>
    <row r="84" spans="1:4" ht="18" customHeight="1" x14ac:dyDescent="0.15">
      <c r="A84" s="8" t="s">
        <v>11</v>
      </c>
      <c r="B84" s="21">
        <v>18</v>
      </c>
      <c r="C84" s="6">
        <v>15</v>
      </c>
      <c r="D84" s="5">
        <v>33</v>
      </c>
    </row>
    <row r="85" spans="1:4" ht="18" customHeight="1" x14ac:dyDescent="0.15">
      <c r="A85" s="8">
        <v>65</v>
      </c>
      <c r="B85" s="21">
        <v>2</v>
      </c>
      <c r="C85" s="6">
        <v>1</v>
      </c>
      <c r="D85" s="5">
        <v>3</v>
      </c>
    </row>
    <row r="86" spans="1:4" ht="18" customHeight="1" x14ac:dyDescent="0.15">
      <c r="A86" s="8">
        <v>66</v>
      </c>
      <c r="B86" s="21">
        <v>2</v>
      </c>
      <c r="C86" s="6">
        <v>0</v>
      </c>
      <c r="D86" s="5">
        <v>2</v>
      </c>
    </row>
    <row r="87" spans="1:4" ht="18" customHeight="1" x14ac:dyDescent="0.15">
      <c r="A87" s="8">
        <v>67</v>
      </c>
      <c r="B87" s="21">
        <v>0</v>
      </c>
      <c r="C87" s="6">
        <v>1</v>
      </c>
      <c r="D87" s="5">
        <v>1</v>
      </c>
    </row>
    <row r="88" spans="1:4" ht="18" customHeight="1" x14ac:dyDescent="0.15">
      <c r="A88" s="8">
        <v>68</v>
      </c>
      <c r="B88" s="21">
        <v>2</v>
      </c>
      <c r="C88" s="6">
        <v>2</v>
      </c>
      <c r="D88" s="5">
        <v>4</v>
      </c>
    </row>
    <row r="89" spans="1:4" ht="18" customHeight="1" x14ac:dyDescent="0.15">
      <c r="A89" s="8">
        <v>69</v>
      </c>
      <c r="B89" s="21">
        <v>0</v>
      </c>
      <c r="C89" s="6">
        <v>5</v>
      </c>
      <c r="D89" s="5">
        <v>5</v>
      </c>
    </row>
    <row r="90" spans="1:4" ht="18" customHeight="1" x14ac:dyDescent="0.15">
      <c r="A90" s="8" t="s">
        <v>10</v>
      </c>
      <c r="B90" s="21">
        <v>6</v>
      </c>
      <c r="C90" s="6">
        <v>9</v>
      </c>
      <c r="D90" s="5">
        <v>15</v>
      </c>
    </row>
    <row r="91" spans="1:4" ht="18" customHeight="1" x14ac:dyDescent="0.15">
      <c r="A91" s="8">
        <v>70</v>
      </c>
      <c r="B91" s="21">
        <v>0</v>
      </c>
      <c r="C91" s="6">
        <v>4</v>
      </c>
      <c r="D91" s="5">
        <v>4</v>
      </c>
    </row>
    <row r="92" spans="1:4" ht="18" customHeight="1" x14ac:dyDescent="0.15">
      <c r="A92" s="8">
        <v>71</v>
      </c>
      <c r="B92" s="21">
        <v>1</v>
      </c>
      <c r="C92" s="6">
        <v>1</v>
      </c>
      <c r="D92" s="5">
        <v>2</v>
      </c>
    </row>
    <row r="93" spans="1:4" ht="18" customHeight="1" x14ac:dyDescent="0.15">
      <c r="A93" s="8">
        <v>72</v>
      </c>
      <c r="B93" s="21">
        <v>1</v>
      </c>
      <c r="C93" s="6">
        <v>0</v>
      </c>
      <c r="D93" s="5">
        <v>1</v>
      </c>
    </row>
    <row r="94" spans="1:4" ht="18" customHeight="1" x14ac:dyDescent="0.15">
      <c r="A94" s="8">
        <v>73</v>
      </c>
      <c r="B94" s="21">
        <v>2</v>
      </c>
      <c r="C94" s="6">
        <v>2</v>
      </c>
      <c r="D94" s="5">
        <v>4</v>
      </c>
    </row>
    <row r="95" spans="1:4" ht="18" customHeight="1" x14ac:dyDescent="0.15">
      <c r="A95" s="8">
        <v>74</v>
      </c>
      <c r="B95" s="21">
        <v>3</v>
      </c>
      <c r="C95" s="6">
        <v>0</v>
      </c>
      <c r="D95" s="5">
        <v>3</v>
      </c>
    </row>
    <row r="96" spans="1:4" ht="18" customHeight="1" x14ac:dyDescent="0.15">
      <c r="A96" s="8" t="s">
        <v>9</v>
      </c>
      <c r="B96" s="21">
        <v>7</v>
      </c>
      <c r="C96" s="6">
        <v>7</v>
      </c>
      <c r="D96" s="5">
        <v>14</v>
      </c>
    </row>
    <row r="97" spans="1:4" ht="18" customHeight="1" x14ac:dyDescent="0.15">
      <c r="A97" s="8">
        <v>75</v>
      </c>
      <c r="B97" s="21">
        <v>1</v>
      </c>
      <c r="C97" s="6">
        <v>0</v>
      </c>
      <c r="D97" s="5">
        <v>1</v>
      </c>
    </row>
    <row r="98" spans="1:4" ht="18" customHeight="1" x14ac:dyDescent="0.15">
      <c r="A98" s="8">
        <v>76</v>
      </c>
      <c r="B98" s="21">
        <v>4</v>
      </c>
      <c r="C98" s="6">
        <v>0</v>
      </c>
      <c r="D98" s="5">
        <v>4</v>
      </c>
    </row>
    <row r="99" spans="1:4" ht="18" customHeight="1" x14ac:dyDescent="0.15">
      <c r="A99" s="8">
        <v>77</v>
      </c>
      <c r="B99" s="21">
        <v>3</v>
      </c>
      <c r="C99" s="6">
        <v>3</v>
      </c>
      <c r="D99" s="5">
        <v>6</v>
      </c>
    </row>
    <row r="100" spans="1:4" ht="18" customHeight="1" x14ac:dyDescent="0.15">
      <c r="A100" s="8">
        <v>78</v>
      </c>
      <c r="B100" s="21">
        <v>2</v>
      </c>
      <c r="C100" s="6">
        <v>2</v>
      </c>
      <c r="D100" s="5">
        <v>4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0</v>
      </c>
      <c r="C102" s="6">
        <v>6</v>
      </c>
      <c r="D102" s="5">
        <v>16</v>
      </c>
    </row>
    <row r="103" spans="1:4" ht="18" customHeight="1" x14ac:dyDescent="0.15">
      <c r="A103" s="8">
        <v>80</v>
      </c>
      <c r="B103" s="21">
        <v>1</v>
      </c>
      <c r="C103" s="6">
        <v>0</v>
      </c>
      <c r="D103" s="5">
        <v>1</v>
      </c>
    </row>
    <row r="104" spans="1:4" ht="18" customHeight="1" x14ac:dyDescent="0.15">
      <c r="A104" s="8">
        <v>81</v>
      </c>
      <c r="B104" s="21">
        <v>2</v>
      </c>
      <c r="C104" s="6">
        <v>1</v>
      </c>
      <c r="D104" s="5">
        <v>3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0</v>
      </c>
      <c r="C106" s="6">
        <v>3</v>
      </c>
      <c r="D106" s="5">
        <v>3</v>
      </c>
    </row>
    <row r="107" spans="1:4" ht="18" customHeight="1" x14ac:dyDescent="0.15">
      <c r="A107" s="8">
        <v>84</v>
      </c>
      <c r="B107" s="21">
        <v>0</v>
      </c>
      <c r="C107" s="6">
        <v>1</v>
      </c>
      <c r="D107" s="5">
        <v>1</v>
      </c>
    </row>
    <row r="108" spans="1:4" ht="18" customHeight="1" x14ac:dyDescent="0.15">
      <c r="A108" s="8" t="s">
        <v>7</v>
      </c>
      <c r="B108" s="21">
        <v>3</v>
      </c>
      <c r="C108" s="6">
        <v>5</v>
      </c>
      <c r="D108" s="5">
        <v>8</v>
      </c>
    </row>
    <row r="109" spans="1:4" ht="18" customHeight="1" x14ac:dyDescent="0.15">
      <c r="A109" s="8">
        <v>85</v>
      </c>
      <c r="B109" s="21">
        <v>0</v>
      </c>
      <c r="C109" s="6">
        <v>2</v>
      </c>
      <c r="D109" s="5">
        <v>2</v>
      </c>
    </row>
    <row r="110" spans="1:4" ht="18" customHeight="1" x14ac:dyDescent="0.15">
      <c r="A110" s="8">
        <v>86</v>
      </c>
      <c r="B110" s="21">
        <v>1</v>
      </c>
      <c r="C110" s="6">
        <v>3</v>
      </c>
      <c r="D110" s="5">
        <v>4</v>
      </c>
    </row>
    <row r="111" spans="1:4" ht="18" customHeight="1" x14ac:dyDescent="0.15">
      <c r="A111" s="8">
        <v>87</v>
      </c>
      <c r="B111" s="21">
        <v>2</v>
      </c>
      <c r="C111" s="6">
        <v>3</v>
      </c>
      <c r="D111" s="5">
        <v>5</v>
      </c>
    </row>
    <row r="112" spans="1:4" ht="18" customHeight="1" x14ac:dyDescent="0.15">
      <c r="A112" s="8">
        <v>88</v>
      </c>
      <c r="B112" s="21">
        <v>1</v>
      </c>
      <c r="C112" s="6">
        <v>3</v>
      </c>
      <c r="D112" s="5">
        <v>4</v>
      </c>
    </row>
    <row r="113" spans="1:4" ht="18" customHeight="1" x14ac:dyDescent="0.15">
      <c r="A113" s="8">
        <v>89</v>
      </c>
      <c r="B113" s="21">
        <v>3</v>
      </c>
      <c r="C113" s="6">
        <v>1</v>
      </c>
      <c r="D113" s="5">
        <v>4</v>
      </c>
    </row>
    <row r="114" spans="1:4" ht="18" customHeight="1" x14ac:dyDescent="0.15">
      <c r="A114" s="8" t="s">
        <v>6</v>
      </c>
      <c r="B114" s="21">
        <v>7</v>
      </c>
      <c r="C114" s="6">
        <v>12</v>
      </c>
      <c r="D114" s="5">
        <v>19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0</v>
      </c>
      <c r="D116" s="5">
        <v>0</v>
      </c>
    </row>
    <row r="117" spans="1:4" ht="18" customHeight="1" x14ac:dyDescent="0.15">
      <c r="A117" s="8">
        <v>92</v>
      </c>
      <c r="B117" s="21">
        <v>0</v>
      </c>
      <c r="C117" s="6">
        <v>2</v>
      </c>
      <c r="D117" s="5">
        <v>2</v>
      </c>
    </row>
    <row r="118" spans="1:4" ht="18" customHeight="1" x14ac:dyDescent="0.15">
      <c r="A118" s="8">
        <v>93</v>
      </c>
      <c r="B118" s="21">
        <v>1</v>
      </c>
      <c r="C118" s="6">
        <v>0</v>
      </c>
      <c r="D118" s="5">
        <v>1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1</v>
      </c>
      <c r="C120" s="6">
        <v>4</v>
      </c>
      <c r="D120" s="5">
        <v>5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3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34</v>
      </c>
      <c r="C130" s="6">
        <v>46</v>
      </c>
      <c r="D130" s="5">
        <v>80</v>
      </c>
    </row>
    <row r="131" spans="1:4" ht="18" customHeight="1" x14ac:dyDescent="0.15">
      <c r="A131" s="4" t="s">
        <v>0</v>
      </c>
      <c r="B131" s="20">
        <v>52</v>
      </c>
      <c r="C131" s="2">
        <v>64</v>
      </c>
      <c r="D131" s="1">
        <v>1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328EBF-285F-438D-B8D7-2B3A2D7CFF09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0</v>
      </c>
      <c r="D16" s="5">
        <v>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1</v>
      </c>
      <c r="C18" s="6">
        <v>0</v>
      </c>
      <c r="D18" s="5">
        <v>1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1</v>
      </c>
      <c r="C21" s="6">
        <v>0</v>
      </c>
      <c r="D21" s="5">
        <v>1</v>
      </c>
    </row>
    <row r="22" spans="1:4" ht="18" customHeight="1" x14ac:dyDescent="0.15">
      <c r="A22" s="8" t="s">
        <v>23</v>
      </c>
      <c r="B22" s="21">
        <v>2</v>
      </c>
      <c r="C22" s="6">
        <v>0</v>
      </c>
      <c r="D22" s="5">
        <v>2</v>
      </c>
    </row>
    <row r="23" spans="1:4" ht="18" customHeight="1" x14ac:dyDescent="0.15">
      <c r="A23" s="8" t="s">
        <v>22</v>
      </c>
      <c r="B23" s="21">
        <v>3</v>
      </c>
      <c r="C23" s="6">
        <v>0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0</v>
      </c>
      <c r="C30" s="6">
        <v>0</v>
      </c>
      <c r="D30" s="5">
        <v>0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0</v>
      </c>
      <c r="C35" s="6">
        <v>0</v>
      </c>
      <c r="D35" s="5">
        <v>0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0</v>
      </c>
      <c r="C41" s="6">
        <v>0</v>
      </c>
      <c r="D41" s="5">
        <v>0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0</v>
      </c>
      <c r="C43" s="6">
        <v>0</v>
      </c>
      <c r="D43" s="5">
        <v>0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0</v>
      </c>
      <c r="C45" s="6">
        <v>0</v>
      </c>
      <c r="D45" s="5">
        <v>0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1</v>
      </c>
      <c r="C47" s="6">
        <v>0</v>
      </c>
      <c r="D47" s="5">
        <v>1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1</v>
      </c>
      <c r="C50" s="6">
        <v>0</v>
      </c>
      <c r="D50" s="5">
        <v>1</v>
      </c>
    </row>
    <row r="51" spans="1:4" ht="18" customHeight="1" x14ac:dyDescent="0.15">
      <c r="A51" s="8">
        <v>38</v>
      </c>
      <c r="B51" s="21">
        <v>0</v>
      </c>
      <c r="C51" s="6">
        <v>0</v>
      </c>
      <c r="D51" s="5">
        <v>0</v>
      </c>
    </row>
    <row r="52" spans="1:4" ht="18" customHeight="1" x14ac:dyDescent="0.15">
      <c r="A52" s="8">
        <v>39</v>
      </c>
      <c r="B52" s="21">
        <v>0</v>
      </c>
      <c r="C52" s="6">
        <v>0</v>
      </c>
      <c r="D52" s="5">
        <v>0</v>
      </c>
    </row>
    <row r="53" spans="1:4" ht="18" customHeight="1" x14ac:dyDescent="0.15">
      <c r="A53" s="8" t="s">
        <v>17</v>
      </c>
      <c r="B53" s="21">
        <v>1</v>
      </c>
      <c r="C53" s="6">
        <v>0</v>
      </c>
      <c r="D53" s="5">
        <v>1</v>
      </c>
    </row>
    <row r="54" spans="1:4" ht="18" customHeight="1" x14ac:dyDescent="0.15">
      <c r="A54" s="8">
        <v>40</v>
      </c>
      <c r="B54" s="21">
        <v>0</v>
      </c>
      <c r="C54" s="6">
        <v>0</v>
      </c>
      <c r="D54" s="5">
        <v>0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0</v>
      </c>
      <c r="D56" s="5">
        <v>0</v>
      </c>
    </row>
    <row r="57" spans="1:4" ht="18" customHeight="1" x14ac:dyDescent="0.15">
      <c r="A57" s="8">
        <v>43</v>
      </c>
      <c r="B57" s="21">
        <v>2</v>
      </c>
      <c r="C57" s="6">
        <v>0</v>
      </c>
      <c r="D57" s="5">
        <v>2</v>
      </c>
    </row>
    <row r="58" spans="1:4" ht="18" customHeight="1" x14ac:dyDescent="0.15">
      <c r="A58" s="8">
        <v>44</v>
      </c>
      <c r="B58" s="21">
        <v>0</v>
      </c>
      <c r="C58" s="6">
        <v>0</v>
      </c>
      <c r="D58" s="5">
        <v>0</v>
      </c>
    </row>
    <row r="59" spans="1:4" ht="18" customHeight="1" x14ac:dyDescent="0.15">
      <c r="A59" s="8" t="s">
        <v>16</v>
      </c>
      <c r="B59" s="21">
        <v>2</v>
      </c>
      <c r="C59" s="6">
        <v>0</v>
      </c>
      <c r="D59" s="5">
        <v>2</v>
      </c>
    </row>
    <row r="60" spans="1:4" ht="18" customHeight="1" x14ac:dyDescent="0.15">
      <c r="A60" s="8">
        <v>45</v>
      </c>
      <c r="B60" s="21">
        <v>0</v>
      </c>
      <c r="C60" s="6">
        <v>0</v>
      </c>
      <c r="D60" s="5">
        <v>0</v>
      </c>
    </row>
    <row r="61" spans="1:4" ht="18" customHeight="1" x14ac:dyDescent="0.15">
      <c r="A61" s="8">
        <v>46</v>
      </c>
      <c r="B61" s="21">
        <v>0</v>
      </c>
      <c r="C61" s="6">
        <v>0</v>
      </c>
      <c r="D61" s="5">
        <v>0</v>
      </c>
    </row>
    <row r="62" spans="1:4" ht="18" customHeight="1" x14ac:dyDescent="0.15">
      <c r="A62" s="8">
        <v>47</v>
      </c>
      <c r="B62" s="21">
        <v>0</v>
      </c>
      <c r="C62" s="6">
        <v>0</v>
      </c>
      <c r="D62" s="5">
        <v>0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0</v>
      </c>
      <c r="D64" s="5">
        <v>0</v>
      </c>
    </row>
    <row r="65" spans="1:4" ht="18" customHeight="1" x14ac:dyDescent="0.15">
      <c r="A65" s="8" t="s">
        <v>15</v>
      </c>
      <c r="B65" s="21">
        <v>0</v>
      </c>
      <c r="C65" s="6">
        <v>0</v>
      </c>
      <c r="D65" s="5">
        <v>0</v>
      </c>
    </row>
    <row r="66" spans="1:4" ht="18" customHeight="1" x14ac:dyDescent="0.15">
      <c r="A66" s="8">
        <v>50</v>
      </c>
      <c r="B66" s="21">
        <v>0</v>
      </c>
      <c r="C66" s="6">
        <v>1</v>
      </c>
      <c r="D66" s="5">
        <v>1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0</v>
      </c>
      <c r="D68" s="5">
        <v>1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1</v>
      </c>
      <c r="C70" s="6">
        <v>0</v>
      </c>
      <c r="D70" s="5">
        <v>1</v>
      </c>
    </row>
    <row r="71" spans="1:4" ht="18" customHeight="1" x14ac:dyDescent="0.15">
      <c r="A71" s="8" t="s">
        <v>14</v>
      </c>
      <c r="B71" s="21">
        <v>2</v>
      </c>
      <c r="C71" s="6">
        <v>1</v>
      </c>
      <c r="D71" s="5">
        <v>3</v>
      </c>
    </row>
    <row r="72" spans="1:4" ht="18" customHeight="1" x14ac:dyDescent="0.15">
      <c r="A72" s="8">
        <v>55</v>
      </c>
      <c r="B72" s="21">
        <v>1</v>
      </c>
      <c r="C72" s="6">
        <v>0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0</v>
      </c>
      <c r="D74" s="5">
        <v>0</v>
      </c>
    </row>
    <row r="75" spans="1:4" ht="18" customHeight="1" x14ac:dyDescent="0.15">
      <c r="A75" s="8">
        <v>58</v>
      </c>
      <c r="B75" s="21">
        <v>0</v>
      </c>
      <c r="C75" s="6">
        <v>1</v>
      </c>
      <c r="D75" s="5">
        <v>1</v>
      </c>
    </row>
    <row r="76" spans="1:4" ht="18" customHeight="1" x14ac:dyDescent="0.15">
      <c r="A76" s="8">
        <v>59</v>
      </c>
      <c r="B76" s="21">
        <v>0</v>
      </c>
      <c r="C76" s="6">
        <v>0</v>
      </c>
      <c r="D76" s="5">
        <v>0</v>
      </c>
    </row>
    <row r="77" spans="1:4" ht="18" customHeight="1" x14ac:dyDescent="0.15">
      <c r="A77" s="8" t="s">
        <v>13</v>
      </c>
      <c r="B77" s="21">
        <v>1</v>
      </c>
      <c r="C77" s="6">
        <v>1</v>
      </c>
      <c r="D77" s="5">
        <v>2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0</v>
      </c>
      <c r="C79" s="6">
        <v>0</v>
      </c>
      <c r="D79" s="5">
        <v>0</v>
      </c>
    </row>
    <row r="80" spans="1:4" ht="18" customHeight="1" x14ac:dyDescent="0.15">
      <c r="A80" s="8">
        <v>62</v>
      </c>
      <c r="B80" s="21">
        <v>0</v>
      </c>
      <c r="C80" s="6">
        <v>0</v>
      </c>
      <c r="D80" s="5">
        <v>0</v>
      </c>
    </row>
    <row r="81" spans="1:4" ht="18" customHeight="1" x14ac:dyDescent="0.15">
      <c r="A81" s="8">
        <v>63</v>
      </c>
      <c r="B81" s="21">
        <v>0</v>
      </c>
      <c r="C81" s="6">
        <v>0</v>
      </c>
      <c r="D81" s="5">
        <v>0</v>
      </c>
    </row>
    <row r="82" spans="1:4" ht="18" customHeight="1" x14ac:dyDescent="0.15">
      <c r="A82" s="8">
        <v>64</v>
      </c>
      <c r="B82" s="21">
        <v>1</v>
      </c>
      <c r="C82" s="6">
        <v>0</v>
      </c>
      <c r="D82" s="5">
        <v>1</v>
      </c>
    </row>
    <row r="83" spans="1:4" ht="18" customHeight="1" x14ac:dyDescent="0.15">
      <c r="A83" s="8" t="s">
        <v>12</v>
      </c>
      <c r="B83" s="21">
        <v>1</v>
      </c>
      <c r="C83" s="6">
        <v>1</v>
      </c>
      <c r="D83" s="5">
        <v>2</v>
      </c>
    </row>
    <row r="84" spans="1:4" ht="18" customHeight="1" x14ac:dyDescent="0.15">
      <c r="A84" s="8" t="s">
        <v>11</v>
      </c>
      <c r="B84" s="21">
        <v>8</v>
      </c>
      <c r="C84" s="6">
        <v>3</v>
      </c>
      <c r="D84" s="5">
        <v>11</v>
      </c>
    </row>
    <row r="85" spans="1:4" ht="18" customHeight="1" x14ac:dyDescent="0.15">
      <c r="A85" s="8">
        <v>65</v>
      </c>
      <c r="B85" s="21">
        <v>0</v>
      </c>
      <c r="C85" s="6">
        <v>0</v>
      </c>
      <c r="D85" s="5">
        <v>0</v>
      </c>
    </row>
    <row r="86" spans="1:4" ht="18" customHeight="1" x14ac:dyDescent="0.15">
      <c r="A86" s="8">
        <v>66</v>
      </c>
      <c r="B86" s="21">
        <v>0</v>
      </c>
      <c r="C86" s="6">
        <v>0</v>
      </c>
      <c r="D86" s="5">
        <v>0</v>
      </c>
    </row>
    <row r="87" spans="1:4" ht="18" customHeight="1" x14ac:dyDescent="0.15">
      <c r="A87" s="8">
        <v>67</v>
      </c>
      <c r="B87" s="21">
        <v>1</v>
      </c>
      <c r="C87" s="6">
        <v>2</v>
      </c>
      <c r="D87" s="5">
        <v>3</v>
      </c>
    </row>
    <row r="88" spans="1:4" ht="18" customHeight="1" x14ac:dyDescent="0.15">
      <c r="A88" s="8">
        <v>68</v>
      </c>
      <c r="B88" s="21">
        <v>0</v>
      </c>
      <c r="C88" s="6">
        <v>0</v>
      </c>
      <c r="D88" s="5">
        <v>0</v>
      </c>
    </row>
    <row r="89" spans="1:4" ht="18" customHeight="1" x14ac:dyDescent="0.15">
      <c r="A89" s="8">
        <v>69</v>
      </c>
      <c r="B89" s="21">
        <v>1</v>
      </c>
      <c r="C89" s="6">
        <v>0</v>
      </c>
      <c r="D89" s="5">
        <v>1</v>
      </c>
    </row>
    <row r="90" spans="1:4" ht="18" customHeight="1" x14ac:dyDescent="0.15">
      <c r="A90" s="8" t="s">
        <v>10</v>
      </c>
      <c r="B90" s="21">
        <v>2</v>
      </c>
      <c r="C90" s="6">
        <v>2</v>
      </c>
      <c r="D90" s="5">
        <v>4</v>
      </c>
    </row>
    <row r="91" spans="1:4" ht="18" customHeight="1" x14ac:dyDescent="0.15">
      <c r="A91" s="8">
        <v>70</v>
      </c>
      <c r="B91" s="21">
        <v>1</v>
      </c>
      <c r="C91" s="6">
        <v>0</v>
      </c>
      <c r="D91" s="5">
        <v>1</v>
      </c>
    </row>
    <row r="92" spans="1:4" ht="18" customHeight="1" x14ac:dyDescent="0.15">
      <c r="A92" s="8">
        <v>71</v>
      </c>
      <c r="B92" s="21">
        <v>0</v>
      </c>
      <c r="C92" s="6">
        <v>0</v>
      </c>
      <c r="D92" s="5">
        <v>0</v>
      </c>
    </row>
    <row r="93" spans="1:4" ht="18" customHeight="1" x14ac:dyDescent="0.15">
      <c r="A93" s="8">
        <v>72</v>
      </c>
      <c r="B93" s="21">
        <v>2</v>
      </c>
      <c r="C93" s="6">
        <v>0</v>
      </c>
      <c r="D93" s="5">
        <v>2</v>
      </c>
    </row>
    <row r="94" spans="1:4" ht="18" customHeight="1" x14ac:dyDescent="0.15">
      <c r="A94" s="8">
        <v>73</v>
      </c>
      <c r="B94" s="21">
        <v>1</v>
      </c>
      <c r="C94" s="6">
        <v>0</v>
      </c>
      <c r="D94" s="5">
        <v>1</v>
      </c>
    </row>
    <row r="95" spans="1:4" ht="18" customHeight="1" x14ac:dyDescent="0.15">
      <c r="A95" s="8">
        <v>74</v>
      </c>
      <c r="B95" s="21">
        <v>1</v>
      </c>
      <c r="C95" s="6">
        <v>0</v>
      </c>
      <c r="D95" s="5">
        <v>1</v>
      </c>
    </row>
    <row r="96" spans="1:4" ht="18" customHeight="1" x14ac:dyDescent="0.15">
      <c r="A96" s="8" t="s">
        <v>9</v>
      </c>
      <c r="B96" s="21">
        <v>5</v>
      </c>
      <c r="C96" s="6">
        <v>0</v>
      </c>
      <c r="D96" s="5">
        <v>5</v>
      </c>
    </row>
    <row r="97" spans="1:4" ht="18" customHeight="1" x14ac:dyDescent="0.15">
      <c r="A97" s="8">
        <v>75</v>
      </c>
      <c r="B97" s="21">
        <v>0</v>
      </c>
      <c r="C97" s="6">
        <v>0</v>
      </c>
      <c r="D97" s="5">
        <v>0</v>
      </c>
    </row>
    <row r="98" spans="1:4" ht="18" customHeight="1" x14ac:dyDescent="0.15">
      <c r="A98" s="8">
        <v>76</v>
      </c>
      <c r="B98" s="21">
        <v>0</v>
      </c>
      <c r="C98" s="6">
        <v>1</v>
      </c>
      <c r="D98" s="5">
        <v>1</v>
      </c>
    </row>
    <row r="99" spans="1:4" ht="18" customHeight="1" x14ac:dyDescent="0.15">
      <c r="A99" s="8">
        <v>77</v>
      </c>
      <c r="B99" s="21">
        <v>0</v>
      </c>
      <c r="C99" s="6">
        <v>0</v>
      </c>
      <c r="D99" s="5">
        <v>0</v>
      </c>
    </row>
    <row r="100" spans="1:4" ht="18" customHeight="1" x14ac:dyDescent="0.15">
      <c r="A100" s="8">
        <v>78</v>
      </c>
      <c r="B100" s="21">
        <v>1</v>
      </c>
      <c r="C100" s="6">
        <v>0</v>
      </c>
      <c r="D100" s="5">
        <v>1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2</v>
      </c>
      <c r="C102" s="6">
        <v>2</v>
      </c>
      <c r="D102" s="5">
        <v>4</v>
      </c>
    </row>
    <row r="103" spans="1:4" ht="18" customHeight="1" x14ac:dyDescent="0.15">
      <c r="A103" s="8">
        <v>80</v>
      </c>
      <c r="B103" s="21">
        <v>0</v>
      </c>
      <c r="C103" s="6">
        <v>0</v>
      </c>
      <c r="D103" s="5">
        <v>0</v>
      </c>
    </row>
    <row r="104" spans="1:4" ht="18" customHeight="1" x14ac:dyDescent="0.15">
      <c r="A104" s="8">
        <v>81</v>
      </c>
      <c r="B104" s="21">
        <v>0</v>
      </c>
      <c r="C104" s="6">
        <v>0</v>
      </c>
      <c r="D104" s="5">
        <v>0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1</v>
      </c>
      <c r="C106" s="6">
        <v>0</v>
      </c>
      <c r="D106" s="5">
        <v>1</v>
      </c>
    </row>
    <row r="107" spans="1:4" ht="18" customHeight="1" x14ac:dyDescent="0.15">
      <c r="A107" s="8">
        <v>84</v>
      </c>
      <c r="B107" s="21">
        <v>0</v>
      </c>
      <c r="C107" s="6">
        <v>0</v>
      </c>
      <c r="D107" s="5">
        <v>0</v>
      </c>
    </row>
    <row r="108" spans="1:4" ht="18" customHeight="1" x14ac:dyDescent="0.15">
      <c r="A108" s="8" t="s">
        <v>7</v>
      </c>
      <c r="B108" s="21">
        <v>1</v>
      </c>
      <c r="C108" s="6">
        <v>0</v>
      </c>
      <c r="D108" s="5">
        <v>1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1</v>
      </c>
      <c r="C110" s="6">
        <v>1</v>
      </c>
      <c r="D110" s="5">
        <v>2</v>
      </c>
    </row>
    <row r="111" spans="1:4" ht="18" customHeight="1" x14ac:dyDescent="0.15">
      <c r="A111" s="8">
        <v>87</v>
      </c>
      <c r="B111" s="21">
        <v>1</v>
      </c>
      <c r="C111" s="6">
        <v>0</v>
      </c>
      <c r="D111" s="5">
        <v>1</v>
      </c>
    </row>
    <row r="112" spans="1:4" ht="18" customHeight="1" x14ac:dyDescent="0.15">
      <c r="A112" s="8">
        <v>88</v>
      </c>
      <c r="B112" s="21">
        <v>0</v>
      </c>
      <c r="C112" s="6">
        <v>2</v>
      </c>
      <c r="D112" s="5">
        <v>2</v>
      </c>
    </row>
    <row r="113" spans="1:4" ht="18" customHeight="1" x14ac:dyDescent="0.15">
      <c r="A113" s="8">
        <v>89</v>
      </c>
      <c r="B113" s="21">
        <v>1</v>
      </c>
      <c r="C113" s="6">
        <v>0</v>
      </c>
      <c r="D113" s="5">
        <v>1</v>
      </c>
    </row>
    <row r="114" spans="1:4" ht="18" customHeight="1" x14ac:dyDescent="0.15">
      <c r="A114" s="8" t="s">
        <v>6</v>
      </c>
      <c r="B114" s="21">
        <v>3</v>
      </c>
      <c r="C114" s="6">
        <v>4</v>
      </c>
      <c r="D114" s="5">
        <v>7</v>
      </c>
    </row>
    <row r="115" spans="1:4" ht="18" customHeight="1" x14ac:dyDescent="0.15">
      <c r="A115" s="8">
        <v>90</v>
      </c>
      <c r="B115" s="21">
        <v>1</v>
      </c>
      <c r="C115" s="6">
        <v>2</v>
      </c>
      <c r="D115" s="5">
        <v>3</v>
      </c>
    </row>
    <row r="116" spans="1:4" ht="18" customHeight="1" x14ac:dyDescent="0.15">
      <c r="A116" s="8">
        <v>91</v>
      </c>
      <c r="B116" s="21">
        <v>0</v>
      </c>
      <c r="C116" s="6">
        <v>0</v>
      </c>
      <c r="D116" s="5">
        <v>0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2</v>
      </c>
      <c r="D120" s="5">
        <v>4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0</v>
      </c>
      <c r="D126" s="5">
        <v>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</v>
      </c>
      <c r="C130" s="6">
        <v>10</v>
      </c>
      <c r="D130" s="5">
        <v>25</v>
      </c>
    </row>
    <row r="131" spans="1:4" ht="18" customHeight="1" x14ac:dyDescent="0.15">
      <c r="A131" s="4" t="s">
        <v>0</v>
      </c>
      <c r="B131" s="20">
        <v>26</v>
      </c>
      <c r="C131" s="2">
        <v>13</v>
      </c>
      <c r="D131" s="1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853628-225B-4508-A3DB-5365FB5AD856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6</v>
      </c>
      <c r="C5" s="31">
        <v>18</v>
      </c>
      <c r="D5" s="30">
        <v>44</v>
      </c>
    </row>
    <row r="6" spans="1:4" ht="18" customHeight="1" x14ac:dyDescent="0.15">
      <c r="A6" s="8">
        <v>1</v>
      </c>
      <c r="B6" s="26">
        <v>26</v>
      </c>
      <c r="C6" s="6">
        <v>31</v>
      </c>
      <c r="D6" s="5">
        <v>57</v>
      </c>
    </row>
    <row r="7" spans="1:4" ht="18" customHeight="1" x14ac:dyDescent="0.15">
      <c r="A7" s="8">
        <v>2</v>
      </c>
      <c r="B7" s="26">
        <v>35</v>
      </c>
      <c r="C7" s="6">
        <v>24</v>
      </c>
      <c r="D7" s="5">
        <v>59</v>
      </c>
    </row>
    <row r="8" spans="1:4" ht="18" customHeight="1" x14ac:dyDescent="0.15">
      <c r="A8" s="8">
        <v>3</v>
      </c>
      <c r="B8" s="26">
        <v>31</v>
      </c>
      <c r="C8" s="6">
        <v>29</v>
      </c>
      <c r="D8" s="5">
        <v>60</v>
      </c>
    </row>
    <row r="9" spans="1:4" ht="18" customHeight="1" x14ac:dyDescent="0.15">
      <c r="A9" s="8">
        <v>4</v>
      </c>
      <c r="B9" s="29">
        <v>43</v>
      </c>
      <c r="C9" s="28">
        <v>30</v>
      </c>
      <c r="D9" s="27">
        <v>73</v>
      </c>
    </row>
    <row r="10" spans="1:4" ht="18" customHeight="1" x14ac:dyDescent="0.15">
      <c r="A10" s="8" t="s">
        <v>25</v>
      </c>
      <c r="B10" s="21">
        <v>161</v>
      </c>
      <c r="C10" s="6">
        <v>132</v>
      </c>
      <c r="D10" s="5">
        <v>293</v>
      </c>
    </row>
    <row r="11" spans="1:4" ht="18" customHeight="1" x14ac:dyDescent="0.15">
      <c r="A11" s="8">
        <v>5</v>
      </c>
      <c r="B11" s="26">
        <v>37</v>
      </c>
      <c r="C11" s="6">
        <v>48</v>
      </c>
      <c r="D11" s="5">
        <v>85</v>
      </c>
    </row>
    <row r="12" spans="1:4" ht="18" customHeight="1" x14ac:dyDescent="0.15">
      <c r="A12" s="8">
        <v>6</v>
      </c>
      <c r="B12" s="26">
        <v>43</v>
      </c>
      <c r="C12" s="6">
        <v>51</v>
      </c>
      <c r="D12" s="5">
        <v>94</v>
      </c>
    </row>
    <row r="13" spans="1:4" ht="18" customHeight="1" x14ac:dyDescent="0.15">
      <c r="A13" s="8">
        <v>7</v>
      </c>
      <c r="B13" s="26">
        <v>39</v>
      </c>
      <c r="C13" s="6">
        <v>55</v>
      </c>
      <c r="D13" s="5">
        <v>94</v>
      </c>
    </row>
    <row r="14" spans="1:4" ht="18" customHeight="1" x14ac:dyDescent="0.15">
      <c r="A14" s="8">
        <v>8</v>
      </c>
      <c r="B14" s="26">
        <v>51</v>
      </c>
      <c r="C14" s="6">
        <v>60</v>
      </c>
      <c r="D14" s="5">
        <v>111</v>
      </c>
    </row>
    <row r="15" spans="1:4" ht="18" customHeight="1" x14ac:dyDescent="0.15">
      <c r="A15" s="8">
        <v>9</v>
      </c>
      <c r="B15" s="26">
        <v>50</v>
      </c>
      <c r="C15" s="6">
        <v>61</v>
      </c>
      <c r="D15" s="5">
        <v>111</v>
      </c>
    </row>
    <row r="16" spans="1:4" ht="18" customHeight="1" x14ac:dyDescent="0.15">
      <c r="A16" s="8" t="s">
        <v>24</v>
      </c>
      <c r="B16" s="21">
        <v>220</v>
      </c>
      <c r="C16" s="6">
        <v>275</v>
      </c>
      <c r="D16" s="5">
        <v>495</v>
      </c>
    </row>
    <row r="17" spans="1:4" ht="18" customHeight="1" x14ac:dyDescent="0.15">
      <c r="A17" s="8">
        <v>10</v>
      </c>
      <c r="B17" s="21">
        <v>55</v>
      </c>
      <c r="C17" s="6">
        <v>65</v>
      </c>
      <c r="D17" s="5">
        <v>120</v>
      </c>
    </row>
    <row r="18" spans="1:4" ht="18" customHeight="1" x14ac:dyDescent="0.15">
      <c r="A18" s="8">
        <v>11</v>
      </c>
      <c r="B18" s="21">
        <v>65</v>
      </c>
      <c r="C18" s="6">
        <v>64</v>
      </c>
      <c r="D18" s="5">
        <v>129</v>
      </c>
    </row>
    <row r="19" spans="1:4" ht="18" customHeight="1" x14ac:dyDescent="0.15">
      <c r="A19" s="8">
        <v>12</v>
      </c>
      <c r="B19" s="21">
        <v>71</v>
      </c>
      <c r="C19" s="6">
        <v>60</v>
      </c>
      <c r="D19" s="5">
        <v>131</v>
      </c>
    </row>
    <row r="20" spans="1:4" ht="18" customHeight="1" x14ac:dyDescent="0.15">
      <c r="A20" s="8">
        <v>13</v>
      </c>
      <c r="B20" s="21">
        <v>63</v>
      </c>
      <c r="C20" s="6">
        <v>61</v>
      </c>
      <c r="D20" s="5">
        <v>124</v>
      </c>
    </row>
    <row r="21" spans="1:4" ht="18" customHeight="1" x14ac:dyDescent="0.15">
      <c r="A21" s="8">
        <v>14</v>
      </c>
      <c r="B21" s="21">
        <v>61</v>
      </c>
      <c r="C21" s="6">
        <v>63</v>
      </c>
      <c r="D21" s="5">
        <v>124</v>
      </c>
    </row>
    <row r="22" spans="1:4" ht="18" customHeight="1" x14ac:dyDescent="0.15">
      <c r="A22" s="8" t="s">
        <v>23</v>
      </c>
      <c r="B22" s="21">
        <v>315</v>
      </c>
      <c r="C22" s="6">
        <v>313</v>
      </c>
      <c r="D22" s="5">
        <v>628</v>
      </c>
    </row>
    <row r="23" spans="1:4" ht="18" customHeight="1" x14ac:dyDescent="0.15">
      <c r="A23" s="8" t="s">
        <v>22</v>
      </c>
      <c r="B23" s="21">
        <v>696</v>
      </c>
      <c r="C23" s="6">
        <v>720</v>
      </c>
      <c r="D23" s="5">
        <v>1416</v>
      </c>
    </row>
    <row r="24" spans="1:4" ht="18" customHeight="1" x14ac:dyDescent="0.15">
      <c r="A24" s="8">
        <v>15</v>
      </c>
      <c r="B24" s="21">
        <v>59</v>
      </c>
      <c r="C24" s="6">
        <v>78</v>
      </c>
      <c r="D24" s="5">
        <v>137</v>
      </c>
    </row>
    <row r="25" spans="1:4" ht="18" customHeight="1" x14ac:dyDescent="0.15">
      <c r="A25" s="8">
        <v>16</v>
      </c>
      <c r="B25" s="21">
        <v>82</v>
      </c>
      <c r="C25" s="6">
        <v>75</v>
      </c>
      <c r="D25" s="5">
        <v>157</v>
      </c>
    </row>
    <row r="26" spans="1:4" ht="18" customHeight="1" x14ac:dyDescent="0.15">
      <c r="A26" s="8">
        <v>17</v>
      </c>
      <c r="B26" s="21">
        <v>78</v>
      </c>
      <c r="C26" s="6">
        <v>83</v>
      </c>
      <c r="D26" s="5">
        <v>161</v>
      </c>
    </row>
    <row r="27" spans="1:4" ht="18" customHeight="1" x14ac:dyDescent="0.15">
      <c r="A27" s="8">
        <v>18</v>
      </c>
      <c r="B27" s="21">
        <v>77</v>
      </c>
      <c r="C27" s="6">
        <v>64</v>
      </c>
      <c r="D27" s="5">
        <v>141</v>
      </c>
    </row>
    <row r="28" spans="1:4" ht="18" customHeight="1" x14ac:dyDescent="0.15">
      <c r="A28" s="8">
        <v>19</v>
      </c>
      <c r="B28" s="21">
        <v>93</v>
      </c>
      <c r="C28" s="6">
        <v>79</v>
      </c>
      <c r="D28" s="5">
        <v>172</v>
      </c>
    </row>
    <row r="29" spans="1:4" ht="18" customHeight="1" x14ac:dyDescent="0.15">
      <c r="A29" s="8" t="s">
        <v>21</v>
      </c>
      <c r="B29" s="21">
        <v>389</v>
      </c>
      <c r="C29" s="6">
        <v>379</v>
      </c>
      <c r="D29" s="5">
        <v>768</v>
      </c>
    </row>
    <row r="30" spans="1:4" ht="18" customHeight="1" x14ac:dyDescent="0.15">
      <c r="A30" s="8">
        <v>20</v>
      </c>
      <c r="B30" s="21">
        <v>68</v>
      </c>
      <c r="C30" s="6">
        <v>85</v>
      </c>
      <c r="D30" s="5">
        <v>153</v>
      </c>
    </row>
    <row r="31" spans="1:4" ht="18" customHeight="1" x14ac:dyDescent="0.15">
      <c r="A31" s="8">
        <v>21</v>
      </c>
      <c r="B31" s="21">
        <v>94</v>
      </c>
      <c r="C31" s="6">
        <v>80</v>
      </c>
      <c r="D31" s="5">
        <v>174</v>
      </c>
    </row>
    <row r="32" spans="1:4" ht="18" customHeight="1" x14ac:dyDescent="0.15">
      <c r="A32" s="8">
        <v>22</v>
      </c>
      <c r="B32" s="21">
        <v>74</v>
      </c>
      <c r="C32" s="6">
        <v>78</v>
      </c>
      <c r="D32" s="5">
        <v>152</v>
      </c>
    </row>
    <row r="33" spans="1:4" ht="18" customHeight="1" x14ac:dyDescent="0.15">
      <c r="A33" s="8">
        <v>23</v>
      </c>
      <c r="B33" s="21">
        <v>98</v>
      </c>
      <c r="C33" s="6">
        <v>85</v>
      </c>
      <c r="D33" s="5">
        <v>183</v>
      </c>
    </row>
    <row r="34" spans="1:4" ht="18" customHeight="1" x14ac:dyDescent="0.15">
      <c r="A34" s="8">
        <v>24</v>
      </c>
      <c r="B34" s="21">
        <v>95</v>
      </c>
      <c r="C34" s="6">
        <v>68</v>
      </c>
      <c r="D34" s="5">
        <v>163</v>
      </c>
    </row>
    <row r="35" spans="1:4" ht="18" customHeight="1" x14ac:dyDescent="0.15">
      <c r="A35" s="8" t="s">
        <v>20</v>
      </c>
      <c r="B35" s="21">
        <v>429</v>
      </c>
      <c r="C35" s="6">
        <v>396</v>
      </c>
      <c r="D35" s="5">
        <v>825</v>
      </c>
    </row>
    <row r="36" spans="1:4" ht="18" customHeight="1" x14ac:dyDescent="0.15">
      <c r="A36" s="8">
        <v>25</v>
      </c>
      <c r="B36" s="21">
        <v>91</v>
      </c>
      <c r="C36" s="6">
        <v>88</v>
      </c>
      <c r="D36" s="5">
        <v>179</v>
      </c>
    </row>
    <row r="37" spans="1:4" ht="18" customHeight="1" x14ac:dyDescent="0.15">
      <c r="A37" s="8">
        <v>26</v>
      </c>
      <c r="B37" s="21">
        <v>90</v>
      </c>
      <c r="C37" s="6">
        <v>67</v>
      </c>
      <c r="D37" s="5">
        <v>157</v>
      </c>
    </row>
    <row r="38" spans="1:4" ht="18" customHeight="1" x14ac:dyDescent="0.15">
      <c r="A38" s="8">
        <v>27</v>
      </c>
      <c r="B38" s="21">
        <v>109</v>
      </c>
      <c r="C38" s="6">
        <v>66</v>
      </c>
      <c r="D38" s="5">
        <v>175</v>
      </c>
    </row>
    <row r="39" spans="1:4" ht="18" customHeight="1" x14ac:dyDescent="0.15">
      <c r="A39" s="8">
        <v>28</v>
      </c>
      <c r="B39" s="21">
        <v>74</v>
      </c>
      <c r="C39" s="6">
        <v>60</v>
      </c>
      <c r="D39" s="5">
        <v>134</v>
      </c>
    </row>
    <row r="40" spans="1:4" ht="18" customHeight="1" x14ac:dyDescent="0.15">
      <c r="A40" s="8">
        <v>29</v>
      </c>
      <c r="B40" s="21">
        <v>81</v>
      </c>
      <c r="C40" s="6">
        <v>60</v>
      </c>
      <c r="D40" s="5">
        <v>141</v>
      </c>
    </row>
    <row r="41" spans="1:4" ht="18" customHeight="1" x14ac:dyDescent="0.15">
      <c r="A41" s="8" t="s">
        <v>19</v>
      </c>
      <c r="B41" s="21">
        <v>445</v>
      </c>
      <c r="C41" s="6">
        <v>341</v>
      </c>
      <c r="D41" s="5">
        <v>786</v>
      </c>
    </row>
    <row r="42" spans="1:4" ht="18" customHeight="1" x14ac:dyDescent="0.15">
      <c r="A42" s="8">
        <v>30</v>
      </c>
      <c r="B42" s="21">
        <v>59</v>
      </c>
      <c r="C42" s="6">
        <v>58</v>
      </c>
      <c r="D42" s="5">
        <v>117</v>
      </c>
    </row>
    <row r="43" spans="1:4" ht="18" customHeight="1" x14ac:dyDescent="0.15">
      <c r="A43" s="8">
        <v>31</v>
      </c>
      <c r="B43" s="21">
        <v>79</v>
      </c>
      <c r="C43" s="6">
        <v>42</v>
      </c>
      <c r="D43" s="5">
        <v>121</v>
      </c>
    </row>
    <row r="44" spans="1:4" ht="18" customHeight="1" x14ac:dyDescent="0.15">
      <c r="A44" s="8">
        <v>32</v>
      </c>
      <c r="B44" s="21">
        <v>66</v>
      </c>
      <c r="C44" s="6">
        <v>43</v>
      </c>
      <c r="D44" s="5">
        <v>109</v>
      </c>
    </row>
    <row r="45" spans="1:4" ht="18" customHeight="1" x14ac:dyDescent="0.15">
      <c r="A45" s="8">
        <v>33</v>
      </c>
      <c r="B45" s="21">
        <v>66</v>
      </c>
      <c r="C45" s="6">
        <v>64</v>
      </c>
      <c r="D45" s="5">
        <v>130</v>
      </c>
    </row>
    <row r="46" spans="1:4" ht="18" customHeight="1" x14ac:dyDescent="0.15">
      <c r="A46" s="8">
        <v>34</v>
      </c>
      <c r="B46" s="21">
        <v>71</v>
      </c>
      <c r="C46" s="6">
        <v>53</v>
      </c>
      <c r="D46" s="5">
        <v>124</v>
      </c>
    </row>
    <row r="47" spans="1:4" ht="18" customHeight="1" x14ac:dyDescent="0.15">
      <c r="A47" s="8" t="s">
        <v>18</v>
      </c>
      <c r="B47" s="21">
        <v>341</v>
      </c>
      <c r="C47" s="6">
        <v>260</v>
      </c>
      <c r="D47" s="5">
        <v>601</v>
      </c>
    </row>
    <row r="48" spans="1:4" ht="18" customHeight="1" x14ac:dyDescent="0.15">
      <c r="A48" s="8">
        <v>35</v>
      </c>
      <c r="B48" s="21">
        <v>58</v>
      </c>
      <c r="C48" s="6">
        <v>44</v>
      </c>
      <c r="D48" s="5">
        <v>102</v>
      </c>
    </row>
    <row r="49" spans="1:4" ht="18" customHeight="1" x14ac:dyDescent="0.15">
      <c r="A49" s="8">
        <v>36</v>
      </c>
      <c r="B49" s="21">
        <v>75</v>
      </c>
      <c r="C49" s="6">
        <v>75</v>
      </c>
      <c r="D49" s="5">
        <v>150</v>
      </c>
    </row>
    <row r="50" spans="1:4" ht="18" customHeight="1" x14ac:dyDescent="0.15">
      <c r="A50" s="8">
        <v>37</v>
      </c>
      <c r="B50" s="21">
        <v>86</v>
      </c>
      <c r="C50" s="6">
        <v>63</v>
      </c>
      <c r="D50" s="5">
        <v>149</v>
      </c>
    </row>
    <row r="51" spans="1:4" ht="18" customHeight="1" x14ac:dyDescent="0.15">
      <c r="A51" s="8">
        <v>38</v>
      </c>
      <c r="B51" s="21">
        <v>67</v>
      </c>
      <c r="C51" s="6">
        <v>72</v>
      </c>
      <c r="D51" s="5">
        <v>139</v>
      </c>
    </row>
    <row r="52" spans="1:4" ht="18" customHeight="1" x14ac:dyDescent="0.15">
      <c r="A52" s="8">
        <v>39</v>
      </c>
      <c r="B52" s="21">
        <v>80</v>
      </c>
      <c r="C52" s="6">
        <v>72</v>
      </c>
      <c r="D52" s="5">
        <v>152</v>
      </c>
    </row>
    <row r="53" spans="1:4" ht="18" customHeight="1" x14ac:dyDescent="0.15">
      <c r="A53" s="8" t="s">
        <v>17</v>
      </c>
      <c r="B53" s="21">
        <v>366</v>
      </c>
      <c r="C53" s="6">
        <v>326</v>
      </c>
      <c r="D53" s="5">
        <v>692</v>
      </c>
    </row>
    <row r="54" spans="1:4" ht="18" customHeight="1" x14ac:dyDescent="0.15">
      <c r="A54" s="8">
        <v>40</v>
      </c>
      <c r="B54" s="21">
        <v>78</v>
      </c>
      <c r="C54" s="6">
        <v>78</v>
      </c>
      <c r="D54" s="5">
        <v>156</v>
      </c>
    </row>
    <row r="55" spans="1:4" ht="18" customHeight="1" x14ac:dyDescent="0.15">
      <c r="A55" s="8">
        <v>41</v>
      </c>
      <c r="B55" s="21">
        <v>89</v>
      </c>
      <c r="C55" s="6">
        <v>85</v>
      </c>
      <c r="D55" s="5">
        <v>174</v>
      </c>
    </row>
    <row r="56" spans="1:4" ht="18" customHeight="1" x14ac:dyDescent="0.15">
      <c r="A56" s="8">
        <v>42</v>
      </c>
      <c r="B56" s="21">
        <v>82</v>
      </c>
      <c r="C56" s="6">
        <v>83</v>
      </c>
      <c r="D56" s="5">
        <v>165</v>
      </c>
    </row>
    <row r="57" spans="1:4" ht="18" customHeight="1" x14ac:dyDescent="0.15">
      <c r="A57" s="8">
        <v>43</v>
      </c>
      <c r="B57" s="21">
        <v>98</v>
      </c>
      <c r="C57" s="6">
        <v>100</v>
      </c>
      <c r="D57" s="5">
        <v>198</v>
      </c>
    </row>
    <row r="58" spans="1:4" ht="18" customHeight="1" x14ac:dyDescent="0.15">
      <c r="A58" s="8">
        <v>44</v>
      </c>
      <c r="B58" s="21">
        <v>118</v>
      </c>
      <c r="C58" s="6">
        <v>93</v>
      </c>
      <c r="D58" s="5">
        <v>211</v>
      </c>
    </row>
    <row r="59" spans="1:4" ht="18" customHeight="1" x14ac:dyDescent="0.15">
      <c r="A59" s="8" t="s">
        <v>16</v>
      </c>
      <c r="B59" s="21">
        <v>465</v>
      </c>
      <c r="C59" s="6">
        <v>439</v>
      </c>
      <c r="D59" s="5">
        <v>904</v>
      </c>
    </row>
    <row r="60" spans="1:4" ht="18" customHeight="1" x14ac:dyDescent="0.15">
      <c r="A60" s="8">
        <v>45</v>
      </c>
      <c r="B60" s="21">
        <v>113</v>
      </c>
      <c r="C60" s="6">
        <v>89</v>
      </c>
      <c r="D60" s="5">
        <v>202</v>
      </c>
    </row>
    <row r="61" spans="1:4" ht="18" customHeight="1" x14ac:dyDescent="0.15">
      <c r="A61" s="8">
        <v>46</v>
      </c>
      <c r="B61" s="21">
        <v>112</v>
      </c>
      <c r="C61" s="6">
        <v>106</v>
      </c>
      <c r="D61" s="5">
        <v>218</v>
      </c>
    </row>
    <row r="62" spans="1:4" ht="18" customHeight="1" x14ac:dyDescent="0.15">
      <c r="A62" s="8">
        <v>47</v>
      </c>
      <c r="B62" s="21">
        <v>106</v>
      </c>
      <c r="C62" s="6">
        <v>120</v>
      </c>
      <c r="D62" s="5">
        <v>226</v>
      </c>
    </row>
    <row r="63" spans="1:4" ht="18" customHeight="1" x14ac:dyDescent="0.15">
      <c r="A63" s="8">
        <v>48</v>
      </c>
      <c r="B63" s="21">
        <v>110</v>
      </c>
      <c r="C63" s="6">
        <v>102</v>
      </c>
      <c r="D63" s="5">
        <v>212</v>
      </c>
    </row>
    <row r="64" spans="1:4" ht="18" customHeight="1" x14ac:dyDescent="0.15">
      <c r="A64" s="8">
        <v>49</v>
      </c>
      <c r="B64" s="21">
        <v>125</v>
      </c>
      <c r="C64" s="6">
        <v>121</v>
      </c>
      <c r="D64" s="5">
        <v>246</v>
      </c>
    </row>
    <row r="65" spans="1:4" ht="18" customHeight="1" x14ac:dyDescent="0.15">
      <c r="A65" s="8" t="s">
        <v>15</v>
      </c>
      <c r="B65" s="21">
        <v>566</v>
      </c>
      <c r="C65" s="6">
        <v>538</v>
      </c>
      <c r="D65" s="5">
        <v>1104</v>
      </c>
    </row>
    <row r="66" spans="1:4" ht="18" customHeight="1" x14ac:dyDescent="0.15">
      <c r="A66" s="8">
        <v>50</v>
      </c>
      <c r="B66" s="21">
        <v>145</v>
      </c>
      <c r="C66" s="6">
        <v>130</v>
      </c>
      <c r="D66" s="5">
        <v>275</v>
      </c>
    </row>
    <row r="67" spans="1:4" ht="18" customHeight="1" x14ac:dyDescent="0.15">
      <c r="A67" s="8">
        <v>51</v>
      </c>
      <c r="B67" s="21">
        <v>133</v>
      </c>
      <c r="C67" s="6">
        <v>131</v>
      </c>
      <c r="D67" s="5">
        <v>264</v>
      </c>
    </row>
    <row r="68" spans="1:4" ht="18" customHeight="1" x14ac:dyDescent="0.15">
      <c r="A68" s="8">
        <v>52</v>
      </c>
      <c r="B68" s="21">
        <v>150</v>
      </c>
      <c r="C68" s="6">
        <v>131</v>
      </c>
      <c r="D68" s="5">
        <v>281</v>
      </c>
    </row>
    <row r="69" spans="1:4" ht="18" customHeight="1" x14ac:dyDescent="0.15">
      <c r="A69" s="8">
        <v>53</v>
      </c>
      <c r="B69" s="21">
        <v>145</v>
      </c>
      <c r="C69" s="6">
        <v>144</v>
      </c>
      <c r="D69" s="5">
        <v>289</v>
      </c>
    </row>
    <row r="70" spans="1:4" ht="18" customHeight="1" x14ac:dyDescent="0.15">
      <c r="A70" s="8">
        <v>54</v>
      </c>
      <c r="B70" s="21">
        <v>138</v>
      </c>
      <c r="C70" s="6">
        <v>120</v>
      </c>
      <c r="D70" s="5">
        <v>258</v>
      </c>
    </row>
    <row r="71" spans="1:4" ht="18" customHeight="1" x14ac:dyDescent="0.15">
      <c r="A71" s="8" t="s">
        <v>14</v>
      </c>
      <c r="B71" s="21">
        <v>711</v>
      </c>
      <c r="C71" s="6">
        <v>656</v>
      </c>
      <c r="D71" s="5">
        <v>1367</v>
      </c>
    </row>
    <row r="72" spans="1:4" ht="18" customHeight="1" x14ac:dyDescent="0.15">
      <c r="A72" s="8">
        <v>55</v>
      </c>
      <c r="B72" s="21">
        <v>149</v>
      </c>
      <c r="C72" s="6">
        <v>127</v>
      </c>
      <c r="D72" s="5">
        <v>276</v>
      </c>
    </row>
    <row r="73" spans="1:4" ht="18" customHeight="1" x14ac:dyDescent="0.15">
      <c r="A73" s="8">
        <v>56</v>
      </c>
      <c r="B73" s="21">
        <v>121</v>
      </c>
      <c r="C73" s="6">
        <v>115</v>
      </c>
      <c r="D73" s="5">
        <v>236</v>
      </c>
    </row>
    <row r="74" spans="1:4" ht="18" customHeight="1" x14ac:dyDescent="0.15">
      <c r="A74" s="8">
        <v>57</v>
      </c>
      <c r="B74" s="21">
        <v>109</v>
      </c>
      <c r="C74" s="6">
        <v>134</v>
      </c>
      <c r="D74" s="5">
        <v>243</v>
      </c>
    </row>
    <row r="75" spans="1:4" ht="18" customHeight="1" x14ac:dyDescent="0.15">
      <c r="A75" s="8">
        <v>58</v>
      </c>
      <c r="B75" s="21">
        <v>126</v>
      </c>
      <c r="C75" s="6">
        <v>127</v>
      </c>
      <c r="D75" s="5">
        <v>253</v>
      </c>
    </row>
    <row r="76" spans="1:4" ht="18" customHeight="1" x14ac:dyDescent="0.15">
      <c r="A76" s="8">
        <v>59</v>
      </c>
      <c r="B76" s="21">
        <v>72</v>
      </c>
      <c r="C76" s="6">
        <v>78</v>
      </c>
      <c r="D76" s="5">
        <v>150</v>
      </c>
    </row>
    <row r="77" spans="1:4" ht="18" customHeight="1" x14ac:dyDescent="0.15">
      <c r="A77" s="8" t="s">
        <v>13</v>
      </c>
      <c r="B77" s="21">
        <v>577</v>
      </c>
      <c r="C77" s="6">
        <v>581</v>
      </c>
      <c r="D77" s="5">
        <v>1158</v>
      </c>
    </row>
    <row r="78" spans="1:4" ht="18" customHeight="1" x14ac:dyDescent="0.15">
      <c r="A78" s="8">
        <v>60</v>
      </c>
      <c r="B78" s="21">
        <v>139</v>
      </c>
      <c r="C78" s="6">
        <v>110</v>
      </c>
      <c r="D78" s="5">
        <v>249</v>
      </c>
    </row>
    <row r="79" spans="1:4" ht="18" customHeight="1" x14ac:dyDescent="0.15">
      <c r="A79" s="8">
        <v>61</v>
      </c>
      <c r="B79" s="21">
        <v>133</v>
      </c>
      <c r="C79" s="6">
        <v>116</v>
      </c>
      <c r="D79" s="5">
        <v>249</v>
      </c>
    </row>
    <row r="80" spans="1:4" ht="18" customHeight="1" x14ac:dyDescent="0.15">
      <c r="A80" s="8">
        <v>62</v>
      </c>
      <c r="B80" s="21">
        <v>100</v>
      </c>
      <c r="C80" s="6">
        <v>116</v>
      </c>
      <c r="D80" s="5">
        <v>216</v>
      </c>
    </row>
    <row r="81" spans="1:4" ht="18" customHeight="1" x14ac:dyDescent="0.15">
      <c r="A81" s="8">
        <v>63</v>
      </c>
      <c r="B81" s="21">
        <v>118</v>
      </c>
      <c r="C81" s="6">
        <v>95</v>
      </c>
      <c r="D81" s="5">
        <v>213</v>
      </c>
    </row>
    <row r="82" spans="1:4" ht="18" customHeight="1" x14ac:dyDescent="0.15">
      <c r="A82" s="8">
        <v>64</v>
      </c>
      <c r="B82" s="21">
        <v>107</v>
      </c>
      <c r="C82" s="6">
        <v>119</v>
      </c>
      <c r="D82" s="5">
        <v>226</v>
      </c>
    </row>
    <row r="83" spans="1:4" ht="18" customHeight="1" x14ac:dyDescent="0.15">
      <c r="A83" s="8" t="s">
        <v>12</v>
      </c>
      <c r="B83" s="21">
        <v>597</v>
      </c>
      <c r="C83" s="6">
        <v>556</v>
      </c>
      <c r="D83" s="5">
        <v>1153</v>
      </c>
    </row>
    <row r="84" spans="1:4" ht="18" customHeight="1" x14ac:dyDescent="0.15">
      <c r="A84" s="8" t="s">
        <v>11</v>
      </c>
      <c r="B84" s="21">
        <v>4886</v>
      </c>
      <c r="C84" s="6">
        <v>4472</v>
      </c>
      <c r="D84" s="5">
        <v>9358</v>
      </c>
    </row>
    <row r="85" spans="1:4" ht="18" customHeight="1" x14ac:dyDescent="0.15">
      <c r="A85" s="8">
        <v>65</v>
      </c>
      <c r="B85" s="21">
        <v>131</v>
      </c>
      <c r="C85" s="6">
        <v>118</v>
      </c>
      <c r="D85" s="5">
        <v>249</v>
      </c>
    </row>
    <row r="86" spans="1:4" ht="18" customHeight="1" x14ac:dyDescent="0.15">
      <c r="A86" s="8">
        <v>66</v>
      </c>
      <c r="B86" s="21">
        <v>109</v>
      </c>
      <c r="C86" s="6">
        <v>114</v>
      </c>
      <c r="D86" s="5">
        <v>223</v>
      </c>
    </row>
    <row r="87" spans="1:4" ht="18" customHeight="1" x14ac:dyDescent="0.15">
      <c r="A87" s="8">
        <v>67</v>
      </c>
      <c r="B87" s="21">
        <v>125</v>
      </c>
      <c r="C87" s="6">
        <v>130</v>
      </c>
      <c r="D87" s="5">
        <v>255</v>
      </c>
    </row>
    <row r="88" spans="1:4" ht="18" customHeight="1" x14ac:dyDescent="0.15">
      <c r="A88" s="8">
        <v>68</v>
      </c>
      <c r="B88" s="21">
        <v>130</v>
      </c>
      <c r="C88" s="6">
        <v>122</v>
      </c>
      <c r="D88" s="5">
        <v>252</v>
      </c>
    </row>
    <row r="89" spans="1:4" ht="18" customHeight="1" x14ac:dyDescent="0.15">
      <c r="A89" s="8">
        <v>69</v>
      </c>
      <c r="B89" s="21">
        <v>118</v>
      </c>
      <c r="C89" s="6">
        <v>130</v>
      </c>
      <c r="D89" s="5">
        <v>248</v>
      </c>
    </row>
    <row r="90" spans="1:4" ht="18" customHeight="1" x14ac:dyDescent="0.15">
      <c r="A90" s="8" t="s">
        <v>10</v>
      </c>
      <c r="B90" s="21">
        <v>613</v>
      </c>
      <c r="C90" s="6">
        <v>614</v>
      </c>
      <c r="D90" s="5">
        <v>1227</v>
      </c>
    </row>
    <row r="91" spans="1:4" ht="18" customHeight="1" x14ac:dyDescent="0.15">
      <c r="A91" s="8">
        <v>70</v>
      </c>
      <c r="B91" s="21">
        <v>133</v>
      </c>
      <c r="C91" s="6">
        <v>140</v>
      </c>
      <c r="D91" s="5">
        <v>273</v>
      </c>
    </row>
    <row r="92" spans="1:4" ht="18" customHeight="1" x14ac:dyDescent="0.15">
      <c r="A92" s="8">
        <v>71</v>
      </c>
      <c r="B92" s="21">
        <v>161</v>
      </c>
      <c r="C92" s="6">
        <v>155</v>
      </c>
      <c r="D92" s="5">
        <v>316</v>
      </c>
    </row>
    <row r="93" spans="1:4" ht="18" customHeight="1" x14ac:dyDescent="0.15">
      <c r="A93" s="8">
        <v>72</v>
      </c>
      <c r="B93" s="21">
        <v>154</v>
      </c>
      <c r="C93" s="6">
        <v>141</v>
      </c>
      <c r="D93" s="5">
        <v>295</v>
      </c>
    </row>
    <row r="94" spans="1:4" ht="18" customHeight="1" x14ac:dyDescent="0.15">
      <c r="A94" s="8">
        <v>73</v>
      </c>
      <c r="B94" s="21">
        <v>150</v>
      </c>
      <c r="C94" s="6">
        <v>146</v>
      </c>
      <c r="D94" s="5">
        <v>296</v>
      </c>
    </row>
    <row r="95" spans="1:4" ht="18" customHeight="1" x14ac:dyDescent="0.15">
      <c r="A95" s="8">
        <v>74</v>
      </c>
      <c r="B95" s="21">
        <v>152</v>
      </c>
      <c r="C95" s="6">
        <v>175</v>
      </c>
      <c r="D95" s="5">
        <v>327</v>
      </c>
    </row>
    <row r="96" spans="1:4" ht="18" customHeight="1" x14ac:dyDescent="0.15">
      <c r="A96" s="8" t="s">
        <v>9</v>
      </c>
      <c r="B96" s="21">
        <v>750</v>
      </c>
      <c r="C96" s="6">
        <v>757</v>
      </c>
      <c r="D96" s="5">
        <v>1507</v>
      </c>
    </row>
    <row r="97" spans="1:4" ht="18" customHeight="1" x14ac:dyDescent="0.15">
      <c r="A97" s="8">
        <v>75</v>
      </c>
      <c r="B97" s="21">
        <v>164</v>
      </c>
      <c r="C97" s="6">
        <v>168</v>
      </c>
      <c r="D97" s="5">
        <v>332</v>
      </c>
    </row>
    <row r="98" spans="1:4" ht="18" customHeight="1" x14ac:dyDescent="0.15">
      <c r="A98" s="8">
        <v>76</v>
      </c>
      <c r="B98" s="21">
        <v>177</v>
      </c>
      <c r="C98" s="6">
        <v>190</v>
      </c>
      <c r="D98" s="5">
        <v>367</v>
      </c>
    </row>
    <row r="99" spans="1:4" ht="18" customHeight="1" x14ac:dyDescent="0.15">
      <c r="A99" s="8">
        <v>77</v>
      </c>
      <c r="B99" s="21">
        <v>193</v>
      </c>
      <c r="C99" s="6">
        <v>185</v>
      </c>
      <c r="D99" s="5">
        <v>378</v>
      </c>
    </row>
    <row r="100" spans="1:4" ht="18" customHeight="1" x14ac:dyDescent="0.15">
      <c r="A100" s="8">
        <v>78</v>
      </c>
      <c r="B100" s="21">
        <v>173</v>
      </c>
      <c r="C100" s="6">
        <v>188</v>
      </c>
      <c r="D100" s="5">
        <v>361</v>
      </c>
    </row>
    <row r="101" spans="1:4" ht="18" customHeight="1" x14ac:dyDescent="0.15">
      <c r="A101" s="8">
        <v>79</v>
      </c>
      <c r="B101" s="21">
        <v>88</v>
      </c>
      <c r="C101" s="6">
        <v>115</v>
      </c>
      <c r="D101" s="5">
        <v>203</v>
      </c>
    </row>
    <row r="102" spans="1:4" ht="18" customHeight="1" x14ac:dyDescent="0.15">
      <c r="A102" s="8" t="s">
        <v>8</v>
      </c>
      <c r="B102" s="21">
        <v>795</v>
      </c>
      <c r="C102" s="6">
        <v>846</v>
      </c>
      <c r="D102" s="5">
        <v>1641</v>
      </c>
    </row>
    <row r="103" spans="1:4" ht="18" customHeight="1" x14ac:dyDescent="0.15">
      <c r="A103" s="8">
        <v>80</v>
      </c>
      <c r="B103" s="21">
        <v>71</v>
      </c>
      <c r="C103" s="6">
        <v>85</v>
      </c>
      <c r="D103" s="5">
        <v>156</v>
      </c>
    </row>
    <row r="104" spans="1:4" ht="18" customHeight="1" x14ac:dyDescent="0.15">
      <c r="A104" s="8">
        <v>81</v>
      </c>
      <c r="B104" s="21">
        <v>100</v>
      </c>
      <c r="C104" s="6">
        <v>128</v>
      </c>
      <c r="D104" s="5">
        <v>228</v>
      </c>
    </row>
    <row r="105" spans="1:4" ht="18" customHeight="1" x14ac:dyDescent="0.15">
      <c r="A105" s="8">
        <v>82</v>
      </c>
      <c r="B105" s="21">
        <v>103</v>
      </c>
      <c r="C105" s="6">
        <v>106</v>
      </c>
      <c r="D105" s="5">
        <v>209</v>
      </c>
    </row>
    <row r="106" spans="1:4" ht="18" customHeight="1" x14ac:dyDescent="0.15">
      <c r="A106" s="8">
        <v>83</v>
      </c>
      <c r="B106" s="21">
        <v>84</v>
      </c>
      <c r="C106" s="6">
        <v>107</v>
      </c>
      <c r="D106" s="5">
        <v>191</v>
      </c>
    </row>
    <row r="107" spans="1:4" ht="18" customHeight="1" x14ac:dyDescent="0.15">
      <c r="A107" s="8">
        <v>84</v>
      </c>
      <c r="B107" s="21">
        <v>89</v>
      </c>
      <c r="C107" s="6">
        <v>114</v>
      </c>
      <c r="D107" s="5">
        <v>203</v>
      </c>
    </row>
    <row r="108" spans="1:4" ht="18" customHeight="1" x14ac:dyDescent="0.15">
      <c r="A108" s="8" t="s">
        <v>7</v>
      </c>
      <c r="B108" s="21">
        <v>447</v>
      </c>
      <c r="C108" s="6">
        <v>540</v>
      </c>
      <c r="D108" s="5">
        <v>987</v>
      </c>
    </row>
    <row r="109" spans="1:4" ht="18" customHeight="1" x14ac:dyDescent="0.15">
      <c r="A109" s="8">
        <v>85</v>
      </c>
      <c r="B109" s="21">
        <v>54</v>
      </c>
      <c r="C109" s="6">
        <v>88</v>
      </c>
      <c r="D109" s="5">
        <v>142</v>
      </c>
    </row>
    <row r="110" spans="1:4" ht="18" customHeight="1" x14ac:dyDescent="0.15">
      <c r="A110" s="8">
        <v>86</v>
      </c>
      <c r="B110" s="21">
        <v>45</v>
      </c>
      <c r="C110" s="6">
        <v>86</v>
      </c>
      <c r="D110" s="5">
        <v>131</v>
      </c>
    </row>
    <row r="111" spans="1:4" ht="18" customHeight="1" x14ac:dyDescent="0.15">
      <c r="A111" s="8">
        <v>87</v>
      </c>
      <c r="B111" s="21">
        <v>47</v>
      </c>
      <c r="C111" s="6">
        <v>89</v>
      </c>
      <c r="D111" s="5">
        <v>136</v>
      </c>
    </row>
    <row r="112" spans="1:4" ht="18" customHeight="1" x14ac:dyDescent="0.15">
      <c r="A112" s="8">
        <v>88</v>
      </c>
      <c r="B112" s="21">
        <v>43</v>
      </c>
      <c r="C112" s="6">
        <v>97</v>
      </c>
      <c r="D112" s="5">
        <v>140</v>
      </c>
    </row>
    <row r="113" spans="1:4" ht="18" customHeight="1" x14ac:dyDescent="0.15">
      <c r="A113" s="8">
        <v>89</v>
      </c>
      <c r="B113" s="21">
        <v>52</v>
      </c>
      <c r="C113" s="6">
        <v>87</v>
      </c>
      <c r="D113" s="5">
        <v>139</v>
      </c>
    </row>
    <row r="114" spans="1:4" ht="18" customHeight="1" x14ac:dyDescent="0.15">
      <c r="A114" s="8" t="s">
        <v>6</v>
      </c>
      <c r="B114" s="21">
        <v>241</v>
      </c>
      <c r="C114" s="6">
        <v>447</v>
      </c>
      <c r="D114" s="5">
        <v>688</v>
      </c>
    </row>
    <row r="115" spans="1:4" ht="18" customHeight="1" x14ac:dyDescent="0.15">
      <c r="A115" s="8">
        <v>90</v>
      </c>
      <c r="B115" s="21">
        <v>31</v>
      </c>
      <c r="C115" s="6">
        <v>68</v>
      </c>
      <c r="D115" s="5">
        <v>99</v>
      </c>
    </row>
    <row r="116" spans="1:4" ht="18" customHeight="1" x14ac:dyDescent="0.15">
      <c r="A116" s="8">
        <v>91</v>
      </c>
      <c r="B116" s="21">
        <v>25</v>
      </c>
      <c r="C116" s="6">
        <v>80</v>
      </c>
      <c r="D116" s="5">
        <v>105</v>
      </c>
    </row>
    <row r="117" spans="1:4" ht="18" customHeight="1" x14ac:dyDescent="0.15">
      <c r="A117" s="8">
        <v>92</v>
      </c>
      <c r="B117" s="21">
        <v>22</v>
      </c>
      <c r="C117" s="6">
        <v>60</v>
      </c>
      <c r="D117" s="5">
        <v>82</v>
      </c>
    </row>
    <row r="118" spans="1:4" ht="18" customHeight="1" x14ac:dyDescent="0.15">
      <c r="A118" s="8">
        <v>93</v>
      </c>
      <c r="B118" s="21">
        <v>19</v>
      </c>
      <c r="C118" s="6">
        <v>71</v>
      </c>
      <c r="D118" s="5">
        <v>90</v>
      </c>
    </row>
    <row r="119" spans="1:4" ht="18" customHeight="1" x14ac:dyDescent="0.15">
      <c r="A119" s="8">
        <v>94</v>
      </c>
      <c r="B119" s="21">
        <v>9</v>
      </c>
      <c r="C119" s="6">
        <v>40</v>
      </c>
      <c r="D119" s="5">
        <v>49</v>
      </c>
    </row>
    <row r="120" spans="1:4" ht="18" customHeight="1" x14ac:dyDescent="0.15">
      <c r="A120" s="8" t="s">
        <v>5</v>
      </c>
      <c r="B120" s="21">
        <v>106</v>
      </c>
      <c r="C120" s="6">
        <v>319</v>
      </c>
      <c r="D120" s="5">
        <v>425</v>
      </c>
    </row>
    <row r="121" spans="1:4" ht="18" customHeight="1" x14ac:dyDescent="0.15">
      <c r="A121" s="8">
        <v>95</v>
      </c>
      <c r="B121" s="21">
        <v>11</v>
      </c>
      <c r="C121" s="6">
        <v>38</v>
      </c>
      <c r="D121" s="5">
        <v>49</v>
      </c>
    </row>
    <row r="122" spans="1:4" ht="18" customHeight="1" x14ac:dyDescent="0.15">
      <c r="A122" s="8">
        <v>96</v>
      </c>
      <c r="B122" s="21">
        <v>6</v>
      </c>
      <c r="C122" s="6">
        <v>34</v>
      </c>
      <c r="D122" s="5">
        <v>40</v>
      </c>
    </row>
    <row r="123" spans="1:4" ht="18" customHeight="1" x14ac:dyDescent="0.15">
      <c r="A123" s="8">
        <v>97</v>
      </c>
      <c r="B123" s="21">
        <v>8</v>
      </c>
      <c r="C123" s="6">
        <v>19</v>
      </c>
      <c r="D123" s="5">
        <v>27</v>
      </c>
    </row>
    <row r="124" spans="1:4" ht="18" customHeight="1" x14ac:dyDescent="0.15">
      <c r="A124" s="8">
        <v>98</v>
      </c>
      <c r="B124" s="21">
        <v>1</v>
      </c>
      <c r="C124" s="6">
        <v>19</v>
      </c>
      <c r="D124" s="5">
        <v>20</v>
      </c>
    </row>
    <row r="125" spans="1:4" ht="18" customHeight="1" x14ac:dyDescent="0.15">
      <c r="A125" s="8">
        <v>99</v>
      </c>
      <c r="B125" s="21">
        <v>4</v>
      </c>
      <c r="C125" s="6">
        <v>13</v>
      </c>
      <c r="D125" s="5">
        <v>17</v>
      </c>
    </row>
    <row r="126" spans="1:4" ht="18" customHeight="1" x14ac:dyDescent="0.15">
      <c r="A126" s="8" t="s">
        <v>4</v>
      </c>
      <c r="B126" s="21">
        <v>30</v>
      </c>
      <c r="C126" s="6">
        <v>123</v>
      </c>
      <c r="D126" s="5">
        <v>153</v>
      </c>
    </row>
    <row r="127" spans="1:4" ht="18" customHeight="1" x14ac:dyDescent="0.15">
      <c r="A127" s="8">
        <v>100</v>
      </c>
      <c r="B127" s="21">
        <v>0</v>
      </c>
      <c r="C127" s="6">
        <v>10</v>
      </c>
      <c r="D127" s="5">
        <v>10</v>
      </c>
    </row>
    <row r="128" spans="1:4" ht="18" customHeight="1" x14ac:dyDescent="0.15">
      <c r="A128" s="9" t="s">
        <v>3</v>
      </c>
      <c r="B128" s="21">
        <v>1</v>
      </c>
      <c r="C128" s="6">
        <v>12</v>
      </c>
      <c r="D128" s="5">
        <v>13</v>
      </c>
    </row>
    <row r="129" spans="1:4" ht="18" customHeight="1" x14ac:dyDescent="0.15">
      <c r="A129" s="8" t="s">
        <v>2</v>
      </c>
      <c r="B129" s="21">
        <v>1</v>
      </c>
      <c r="C129" s="6">
        <v>22</v>
      </c>
      <c r="D129" s="5">
        <v>23</v>
      </c>
    </row>
    <row r="130" spans="1:4" ht="18" customHeight="1" x14ac:dyDescent="0.15">
      <c r="A130" s="8" t="s">
        <v>1</v>
      </c>
      <c r="B130" s="21">
        <v>2983</v>
      </c>
      <c r="C130" s="6">
        <v>3668</v>
      </c>
      <c r="D130" s="5">
        <v>6651</v>
      </c>
    </row>
    <row r="131" spans="1:4" ht="18" customHeight="1" x14ac:dyDescent="0.15">
      <c r="A131" s="4" t="s">
        <v>0</v>
      </c>
      <c r="B131" s="20">
        <v>8565</v>
      </c>
      <c r="C131" s="2">
        <v>8860</v>
      </c>
      <c r="D131" s="1">
        <v>1742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FA17C4-BFEC-4401-AD77-C50715409953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0</v>
      </c>
      <c r="C5" s="31">
        <v>20</v>
      </c>
      <c r="D5" s="30">
        <v>40</v>
      </c>
    </row>
    <row r="6" spans="1:4" ht="18" customHeight="1" x14ac:dyDescent="0.15">
      <c r="A6" s="8">
        <v>1</v>
      </c>
      <c r="B6" s="26">
        <v>28</v>
      </c>
      <c r="C6" s="6">
        <v>32</v>
      </c>
      <c r="D6" s="5">
        <v>60</v>
      </c>
    </row>
    <row r="7" spans="1:4" ht="18" customHeight="1" x14ac:dyDescent="0.15">
      <c r="A7" s="8">
        <v>2</v>
      </c>
      <c r="B7" s="26">
        <v>30</v>
      </c>
      <c r="C7" s="6">
        <v>23</v>
      </c>
      <c r="D7" s="5">
        <v>53</v>
      </c>
    </row>
    <row r="8" spans="1:4" ht="18" customHeight="1" x14ac:dyDescent="0.15">
      <c r="A8" s="8">
        <v>3</v>
      </c>
      <c r="B8" s="26">
        <v>42</v>
      </c>
      <c r="C8" s="6">
        <v>36</v>
      </c>
      <c r="D8" s="5">
        <v>78</v>
      </c>
    </row>
    <row r="9" spans="1:4" ht="18" customHeight="1" x14ac:dyDescent="0.15">
      <c r="A9" s="8">
        <v>4</v>
      </c>
      <c r="B9" s="29">
        <v>33</v>
      </c>
      <c r="C9" s="28">
        <v>34</v>
      </c>
      <c r="D9" s="27">
        <v>67</v>
      </c>
    </row>
    <row r="10" spans="1:4" ht="18" customHeight="1" x14ac:dyDescent="0.15">
      <c r="A10" s="8" t="s">
        <v>25</v>
      </c>
      <c r="B10" s="21">
        <v>153</v>
      </c>
      <c r="C10" s="6">
        <v>145</v>
      </c>
      <c r="D10" s="5">
        <v>298</v>
      </c>
    </row>
    <row r="11" spans="1:4" ht="18" customHeight="1" x14ac:dyDescent="0.15">
      <c r="A11" s="8">
        <v>5</v>
      </c>
      <c r="B11" s="26">
        <v>54</v>
      </c>
      <c r="C11" s="6">
        <v>48</v>
      </c>
      <c r="D11" s="5">
        <v>102</v>
      </c>
    </row>
    <row r="12" spans="1:4" ht="18" customHeight="1" x14ac:dyDescent="0.15">
      <c r="A12" s="8">
        <v>6</v>
      </c>
      <c r="B12" s="26">
        <v>36</v>
      </c>
      <c r="C12" s="6">
        <v>43</v>
      </c>
      <c r="D12" s="5">
        <v>79</v>
      </c>
    </row>
    <row r="13" spans="1:4" ht="18" customHeight="1" x14ac:dyDescent="0.15">
      <c r="A13" s="8">
        <v>7</v>
      </c>
      <c r="B13" s="26">
        <v>52</v>
      </c>
      <c r="C13" s="6">
        <v>43</v>
      </c>
      <c r="D13" s="5">
        <v>95</v>
      </c>
    </row>
    <row r="14" spans="1:4" ht="18" customHeight="1" x14ac:dyDescent="0.15">
      <c r="A14" s="8">
        <v>8</v>
      </c>
      <c r="B14" s="26">
        <v>50</v>
      </c>
      <c r="C14" s="6">
        <v>48</v>
      </c>
      <c r="D14" s="5">
        <v>98</v>
      </c>
    </row>
    <row r="15" spans="1:4" ht="18" customHeight="1" x14ac:dyDescent="0.15">
      <c r="A15" s="8">
        <v>9</v>
      </c>
      <c r="B15" s="26">
        <v>60</v>
      </c>
      <c r="C15" s="6">
        <v>42</v>
      </c>
      <c r="D15" s="5">
        <v>102</v>
      </c>
    </row>
    <row r="16" spans="1:4" ht="18" customHeight="1" x14ac:dyDescent="0.15">
      <c r="A16" s="8" t="s">
        <v>24</v>
      </c>
      <c r="B16" s="21">
        <v>252</v>
      </c>
      <c r="C16" s="6">
        <v>224</v>
      </c>
      <c r="D16" s="5">
        <v>476</v>
      </c>
    </row>
    <row r="17" spans="1:4" ht="18" customHeight="1" x14ac:dyDescent="0.15">
      <c r="A17" s="8">
        <v>10</v>
      </c>
      <c r="B17" s="21">
        <v>46</v>
      </c>
      <c r="C17" s="6">
        <v>43</v>
      </c>
      <c r="D17" s="5">
        <v>89</v>
      </c>
    </row>
    <row r="18" spans="1:4" ht="18" customHeight="1" x14ac:dyDescent="0.15">
      <c r="A18" s="8">
        <v>11</v>
      </c>
      <c r="B18" s="21">
        <v>50</v>
      </c>
      <c r="C18" s="6">
        <v>44</v>
      </c>
      <c r="D18" s="5">
        <v>94</v>
      </c>
    </row>
    <row r="19" spans="1:4" ht="18" customHeight="1" x14ac:dyDescent="0.15">
      <c r="A19" s="8">
        <v>12</v>
      </c>
      <c r="B19" s="21">
        <v>52</v>
      </c>
      <c r="C19" s="6">
        <v>60</v>
      </c>
      <c r="D19" s="5">
        <v>112</v>
      </c>
    </row>
    <row r="20" spans="1:4" ht="18" customHeight="1" x14ac:dyDescent="0.15">
      <c r="A20" s="8">
        <v>13</v>
      </c>
      <c r="B20" s="21">
        <v>58</v>
      </c>
      <c r="C20" s="6">
        <v>57</v>
      </c>
      <c r="D20" s="5">
        <v>115</v>
      </c>
    </row>
    <row r="21" spans="1:4" ht="18" customHeight="1" x14ac:dyDescent="0.15">
      <c r="A21" s="8">
        <v>14</v>
      </c>
      <c r="B21" s="21">
        <v>65</v>
      </c>
      <c r="C21" s="6">
        <v>60</v>
      </c>
      <c r="D21" s="5">
        <v>125</v>
      </c>
    </row>
    <row r="22" spans="1:4" ht="18" customHeight="1" x14ac:dyDescent="0.15">
      <c r="A22" s="8" t="s">
        <v>23</v>
      </c>
      <c r="B22" s="21">
        <v>271</v>
      </c>
      <c r="C22" s="6">
        <v>264</v>
      </c>
      <c r="D22" s="5">
        <v>535</v>
      </c>
    </row>
    <row r="23" spans="1:4" ht="18" customHeight="1" x14ac:dyDescent="0.15">
      <c r="A23" s="8" t="s">
        <v>22</v>
      </c>
      <c r="B23" s="21">
        <v>676</v>
      </c>
      <c r="C23" s="6">
        <v>633</v>
      </c>
      <c r="D23" s="5">
        <v>1309</v>
      </c>
    </row>
    <row r="24" spans="1:4" ht="18" customHeight="1" x14ac:dyDescent="0.15">
      <c r="A24" s="8">
        <v>15</v>
      </c>
      <c r="B24" s="21">
        <v>61</v>
      </c>
      <c r="C24" s="6">
        <v>70</v>
      </c>
      <c r="D24" s="5">
        <v>131</v>
      </c>
    </row>
    <row r="25" spans="1:4" ht="18" customHeight="1" x14ac:dyDescent="0.15">
      <c r="A25" s="8">
        <v>16</v>
      </c>
      <c r="B25" s="21">
        <v>74</v>
      </c>
      <c r="C25" s="6">
        <v>70</v>
      </c>
      <c r="D25" s="5">
        <v>144</v>
      </c>
    </row>
    <row r="26" spans="1:4" ht="18" customHeight="1" x14ac:dyDescent="0.15">
      <c r="A26" s="8">
        <v>17</v>
      </c>
      <c r="B26" s="21">
        <v>91</v>
      </c>
      <c r="C26" s="6">
        <v>80</v>
      </c>
      <c r="D26" s="5">
        <v>171</v>
      </c>
    </row>
    <row r="27" spans="1:4" ht="18" customHeight="1" x14ac:dyDescent="0.15">
      <c r="A27" s="8">
        <v>18</v>
      </c>
      <c r="B27" s="21">
        <v>84</v>
      </c>
      <c r="C27" s="6">
        <v>82</v>
      </c>
      <c r="D27" s="5">
        <v>166</v>
      </c>
    </row>
    <row r="28" spans="1:4" ht="18" customHeight="1" x14ac:dyDescent="0.15">
      <c r="A28" s="8">
        <v>19</v>
      </c>
      <c r="B28" s="21">
        <v>83</v>
      </c>
      <c r="C28" s="6">
        <v>89</v>
      </c>
      <c r="D28" s="5">
        <v>172</v>
      </c>
    </row>
    <row r="29" spans="1:4" ht="18" customHeight="1" x14ac:dyDescent="0.15">
      <c r="A29" s="8" t="s">
        <v>21</v>
      </c>
      <c r="B29" s="21">
        <v>393</v>
      </c>
      <c r="C29" s="6">
        <v>391</v>
      </c>
      <c r="D29" s="5">
        <v>784</v>
      </c>
    </row>
    <row r="30" spans="1:4" ht="18" customHeight="1" x14ac:dyDescent="0.15">
      <c r="A30" s="8">
        <v>20</v>
      </c>
      <c r="B30" s="21">
        <v>76</v>
      </c>
      <c r="C30" s="6">
        <v>80</v>
      </c>
      <c r="D30" s="5">
        <v>156</v>
      </c>
    </row>
    <row r="31" spans="1:4" ht="18" customHeight="1" x14ac:dyDescent="0.15">
      <c r="A31" s="8">
        <v>21</v>
      </c>
      <c r="B31" s="21">
        <v>80</v>
      </c>
      <c r="C31" s="6">
        <v>83</v>
      </c>
      <c r="D31" s="5">
        <v>163</v>
      </c>
    </row>
    <row r="32" spans="1:4" ht="18" customHeight="1" x14ac:dyDescent="0.15">
      <c r="A32" s="8">
        <v>22</v>
      </c>
      <c r="B32" s="21">
        <v>88</v>
      </c>
      <c r="C32" s="6">
        <v>70</v>
      </c>
      <c r="D32" s="5">
        <v>158</v>
      </c>
    </row>
    <row r="33" spans="1:4" ht="18" customHeight="1" x14ac:dyDescent="0.15">
      <c r="A33" s="8">
        <v>23</v>
      </c>
      <c r="B33" s="21">
        <v>63</v>
      </c>
      <c r="C33" s="6">
        <v>68</v>
      </c>
      <c r="D33" s="5">
        <v>131</v>
      </c>
    </row>
    <row r="34" spans="1:4" ht="18" customHeight="1" x14ac:dyDescent="0.15">
      <c r="A34" s="8">
        <v>24</v>
      </c>
      <c r="B34" s="21">
        <v>71</v>
      </c>
      <c r="C34" s="6">
        <v>60</v>
      </c>
      <c r="D34" s="5">
        <v>131</v>
      </c>
    </row>
    <row r="35" spans="1:4" ht="18" customHeight="1" x14ac:dyDescent="0.15">
      <c r="A35" s="8" t="s">
        <v>20</v>
      </c>
      <c r="B35" s="21">
        <v>378</v>
      </c>
      <c r="C35" s="6">
        <v>361</v>
      </c>
      <c r="D35" s="5">
        <v>739</v>
      </c>
    </row>
    <row r="36" spans="1:4" ht="18" customHeight="1" x14ac:dyDescent="0.15">
      <c r="A36" s="8">
        <v>25</v>
      </c>
      <c r="B36" s="21">
        <v>91</v>
      </c>
      <c r="C36" s="6">
        <v>55</v>
      </c>
      <c r="D36" s="5">
        <v>146</v>
      </c>
    </row>
    <row r="37" spans="1:4" ht="18" customHeight="1" x14ac:dyDescent="0.15">
      <c r="A37" s="8">
        <v>26</v>
      </c>
      <c r="B37" s="21">
        <v>77</v>
      </c>
      <c r="C37" s="6">
        <v>68</v>
      </c>
      <c r="D37" s="5">
        <v>145</v>
      </c>
    </row>
    <row r="38" spans="1:4" ht="18" customHeight="1" x14ac:dyDescent="0.15">
      <c r="A38" s="8">
        <v>27</v>
      </c>
      <c r="B38" s="21">
        <v>70</v>
      </c>
      <c r="C38" s="6">
        <v>56</v>
      </c>
      <c r="D38" s="5">
        <v>126</v>
      </c>
    </row>
    <row r="39" spans="1:4" ht="18" customHeight="1" x14ac:dyDescent="0.15">
      <c r="A39" s="8">
        <v>28</v>
      </c>
      <c r="B39" s="21">
        <v>71</v>
      </c>
      <c r="C39" s="6">
        <v>44</v>
      </c>
      <c r="D39" s="5">
        <v>115</v>
      </c>
    </row>
    <row r="40" spans="1:4" ht="18" customHeight="1" x14ac:dyDescent="0.15">
      <c r="A40" s="8">
        <v>29</v>
      </c>
      <c r="B40" s="21">
        <v>70</v>
      </c>
      <c r="C40" s="6">
        <v>62</v>
      </c>
      <c r="D40" s="5">
        <v>132</v>
      </c>
    </row>
    <row r="41" spans="1:4" ht="18" customHeight="1" x14ac:dyDescent="0.15">
      <c r="A41" s="8" t="s">
        <v>19</v>
      </c>
      <c r="B41" s="21">
        <v>379</v>
      </c>
      <c r="C41" s="6">
        <v>285</v>
      </c>
      <c r="D41" s="5">
        <v>664</v>
      </c>
    </row>
    <row r="42" spans="1:4" ht="18" customHeight="1" x14ac:dyDescent="0.15">
      <c r="A42" s="8">
        <v>30</v>
      </c>
      <c r="B42" s="21">
        <v>66</v>
      </c>
      <c r="C42" s="6">
        <v>46</v>
      </c>
      <c r="D42" s="5">
        <v>112</v>
      </c>
    </row>
    <row r="43" spans="1:4" ht="18" customHeight="1" x14ac:dyDescent="0.15">
      <c r="A43" s="8">
        <v>31</v>
      </c>
      <c r="B43" s="21">
        <v>57</v>
      </c>
      <c r="C43" s="6">
        <v>63</v>
      </c>
      <c r="D43" s="5">
        <v>120</v>
      </c>
    </row>
    <row r="44" spans="1:4" ht="18" customHeight="1" x14ac:dyDescent="0.15">
      <c r="A44" s="8">
        <v>32</v>
      </c>
      <c r="B44" s="21">
        <v>60</v>
      </c>
      <c r="C44" s="6">
        <v>59</v>
      </c>
      <c r="D44" s="5">
        <v>119</v>
      </c>
    </row>
    <row r="45" spans="1:4" ht="18" customHeight="1" x14ac:dyDescent="0.15">
      <c r="A45" s="8">
        <v>33</v>
      </c>
      <c r="B45" s="21">
        <v>54</v>
      </c>
      <c r="C45" s="6">
        <v>46</v>
      </c>
      <c r="D45" s="5">
        <v>100</v>
      </c>
    </row>
    <row r="46" spans="1:4" ht="18" customHeight="1" x14ac:dyDescent="0.15">
      <c r="A46" s="8">
        <v>34</v>
      </c>
      <c r="B46" s="21">
        <v>63</v>
      </c>
      <c r="C46" s="6">
        <v>35</v>
      </c>
      <c r="D46" s="5">
        <v>98</v>
      </c>
    </row>
    <row r="47" spans="1:4" ht="18" customHeight="1" x14ac:dyDescent="0.15">
      <c r="A47" s="8" t="s">
        <v>18</v>
      </c>
      <c r="B47" s="21">
        <v>300</v>
      </c>
      <c r="C47" s="6">
        <v>249</v>
      </c>
      <c r="D47" s="5">
        <v>549</v>
      </c>
    </row>
    <row r="48" spans="1:4" ht="18" customHeight="1" x14ac:dyDescent="0.15">
      <c r="A48" s="8">
        <v>35</v>
      </c>
      <c r="B48" s="21">
        <v>68</v>
      </c>
      <c r="C48" s="6">
        <v>54</v>
      </c>
      <c r="D48" s="5">
        <v>122</v>
      </c>
    </row>
    <row r="49" spans="1:4" ht="18" customHeight="1" x14ac:dyDescent="0.15">
      <c r="A49" s="8">
        <v>36</v>
      </c>
      <c r="B49" s="21">
        <v>57</v>
      </c>
      <c r="C49" s="6">
        <v>55</v>
      </c>
      <c r="D49" s="5">
        <v>112</v>
      </c>
    </row>
    <row r="50" spans="1:4" ht="18" customHeight="1" x14ac:dyDescent="0.15">
      <c r="A50" s="8">
        <v>37</v>
      </c>
      <c r="B50" s="21">
        <v>49</v>
      </c>
      <c r="C50" s="6">
        <v>44</v>
      </c>
      <c r="D50" s="5">
        <v>93</v>
      </c>
    </row>
    <row r="51" spans="1:4" ht="18" customHeight="1" x14ac:dyDescent="0.15">
      <c r="A51" s="8">
        <v>38</v>
      </c>
      <c r="B51" s="21">
        <v>68</v>
      </c>
      <c r="C51" s="6">
        <v>71</v>
      </c>
      <c r="D51" s="5">
        <v>139</v>
      </c>
    </row>
    <row r="52" spans="1:4" ht="18" customHeight="1" x14ac:dyDescent="0.15">
      <c r="A52" s="8">
        <v>39</v>
      </c>
      <c r="B52" s="21">
        <v>78</v>
      </c>
      <c r="C52" s="6">
        <v>72</v>
      </c>
      <c r="D52" s="5">
        <v>150</v>
      </c>
    </row>
    <row r="53" spans="1:4" ht="18" customHeight="1" x14ac:dyDescent="0.15">
      <c r="A53" s="8" t="s">
        <v>17</v>
      </c>
      <c r="B53" s="21">
        <v>320</v>
      </c>
      <c r="C53" s="6">
        <v>296</v>
      </c>
      <c r="D53" s="5">
        <v>616</v>
      </c>
    </row>
    <row r="54" spans="1:4" ht="18" customHeight="1" x14ac:dyDescent="0.15">
      <c r="A54" s="8">
        <v>40</v>
      </c>
      <c r="B54" s="21">
        <v>73</v>
      </c>
      <c r="C54" s="6">
        <v>62</v>
      </c>
      <c r="D54" s="5">
        <v>135</v>
      </c>
    </row>
    <row r="55" spans="1:4" ht="18" customHeight="1" x14ac:dyDescent="0.15">
      <c r="A55" s="8">
        <v>41</v>
      </c>
      <c r="B55" s="21">
        <v>79</v>
      </c>
      <c r="C55" s="6">
        <v>83</v>
      </c>
      <c r="D55" s="5">
        <v>162</v>
      </c>
    </row>
    <row r="56" spans="1:4" ht="18" customHeight="1" x14ac:dyDescent="0.15">
      <c r="A56" s="8">
        <v>42</v>
      </c>
      <c r="B56" s="21">
        <v>62</v>
      </c>
      <c r="C56" s="6">
        <v>61</v>
      </c>
      <c r="D56" s="5">
        <v>123</v>
      </c>
    </row>
    <row r="57" spans="1:4" ht="18" customHeight="1" x14ac:dyDescent="0.15">
      <c r="A57" s="8">
        <v>43</v>
      </c>
      <c r="B57" s="21">
        <v>69</v>
      </c>
      <c r="C57" s="6">
        <v>80</v>
      </c>
      <c r="D57" s="5">
        <v>149</v>
      </c>
    </row>
    <row r="58" spans="1:4" ht="18" customHeight="1" x14ac:dyDescent="0.15">
      <c r="A58" s="8">
        <v>44</v>
      </c>
      <c r="B58" s="21">
        <v>73</v>
      </c>
      <c r="C58" s="6">
        <v>69</v>
      </c>
      <c r="D58" s="5">
        <v>142</v>
      </c>
    </row>
    <row r="59" spans="1:4" ht="18" customHeight="1" x14ac:dyDescent="0.15">
      <c r="A59" s="8" t="s">
        <v>16</v>
      </c>
      <c r="B59" s="21">
        <v>356</v>
      </c>
      <c r="C59" s="6">
        <v>355</v>
      </c>
      <c r="D59" s="5">
        <v>711</v>
      </c>
    </row>
    <row r="60" spans="1:4" ht="18" customHeight="1" x14ac:dyDescent="0.15">
      <c r="A60" s="8">
        <v>45</v>
      </c>
      <c r="B60" s="21">
        <v>81</v>
      </c>
      <c r="C60" s="6">
        <v>82</v>
      </c>
      <c r="D60" s="5">
        <v>163</v>
      </c>
    </row>
    <row r="61" spans="1:4" ht="18" customHeight="1" x14ac:dyDescent="0.15">
      <c r="A61" s="8">
        <v>46</v>
      </c>
      <c r="B61" s="21">
        <v>74</v>
      </c>
      <c r="C61" s="6">
        <v>98</v>
      </c>
      <c r="D61" s="5">
        <v>172</v>
      </c>
    </row>
    <row r="62" spans="1:4" ht="18" customHeight="1" x14ac:dyDescent="0.15">
      <c r="A62" s="8">
        <v>47</v>
      </c>
      <c r="B62" s="21">
        <v>92</v>
      </c>
      <c r="C62" s="6">
        <v>83</v>
      </c>
      <c r="D62" s="5">
        <v>175</v>
      </c>
    </row>
    <row r="63" spans="1:4" ht="18" customHeight="1" x14ac:dyDescent="0.15">
      <c r="A63" s="8">
        <v>48</v>
      </c>
      <c r="B63" s="21">
        <v>111</v>
      </c>
      <c r="C63" s="6">
        <v>102</v>
      </c>
      <c r="D63" s="5">
        <v>213</v>
      </c>
    </row>
    <row r="64" spans="1:4" ht="18" customHeight="1" x14ac:dyDescent="0.15">
      <c r="A64" s="8">
        <v>49</v>
      </c>
      <c r="B64" s="21">
        <v>110</v>
      </c>
      <c r="C64" s="6">
        <v>109</v>
      </c>
      <c r="D64" s="5">
        <v>219</v>
      </c>
    </row>
    <row r="65" spans="1:4" ht="18" customHeight="1" x14ac:dyDescent="0.15">
      <c r="A65" s="8" t="s">
        <v>15</v>
      </c>
      <c r="B65" s="21">
        <v>468</v>
      </c>
      <c r="C65" s="6">
        <v>474</v>
      </c>
      <c r="D65" s="5">
        <v>942</v>
      </c>
    </row>
    <row r="66" spans="1:4" ht="18" customHeight="1" x14ac:dyDescent="0.15">
      <c r="A66" s="8">
        <v>50</v>
      </c>
      <c r="B66" s="21">
        <v>113</v>
      </c>
      <c r="C66" s="6">
        <v>117</v>
      </c>
      <c r="D66" s="5">
        <v>230</v>
      </c>
    </row>
    <row r="67" spans="1:4" ht="18" customHeight="1" x14ac:dyDescent="0.15">
      <c r="A67" s="8">
        <v>51</v>
      </c>
      <c r="B67" s="21">
        <v>107</v>
      </c>
      <c r="C67" s="6">
        <v>107</v>
      </c>
      <c r="D67" s="5">
        <v>214</v>
      </c>
    </row>
    <row r="68" spans="1:4" ht="18" customHeight="1" x14ac:dyDescent="0.15">
      <c r="A68" s="8">
        <v>52</v>
      </c>
      <c r="B68" s="21">
        <v>127</v>
      </c>
      <c r="C68" s="6">
        <v>128</v>
      </c>
      <c r="D68" s="5">
        <v>255</v>
      </c>
    </row>
    <row r="69" spans="1:4" ht="18" customHeight="1" x14ac:dyDescent="0.15">
      <c r="A69" s="8">
        <v>53</v>
      </c>
      <c r="B69" s="21">
        <v>118</v>
      </c>
      <c r="C69" s="6">
        <v>122</v>
      </c>
      <c r="D69" s="5">
        <v>240</v>
      </c>
    </row>
    <row r="70" spans="1:4" ht="18" customHeight="1" x14ac:dyDescent="0.15">
      <c r="A70" s="8">
        <v>54</v>
      </c>
      <c r="B70" s="21">
        <v>113</v>
      </c>
      <c r="C70" s="6">
        <v>103</v>
      </c>
      <c r="D70" s="5">
        <v>216</v>
      </c>
    </row>
    <row r="71" spans="1:4" ht="18" customHeight="1" x14ac:dyDescent="0.15">
      <c r="A71" s="8" t="s">
        <v>14</v>
      </c>
      <c r="B71" s="21">
        <v>578</v>
      </c>
      <c r="C71" s="6">
        <v>577</v>
      </c>
      <c r="D71" s="5">
        <v>1155</v>
      </c>
    </row>
    <row r="72" spans="1:4" ht="18" customHeight="1" x14ac:dyDescent="0.15">
      <c r="A72" s="8">
        <v>55</v>
      </c>
      <c r="B72" s="21">
        <v>125</v>
      </c>
      <c r="C72" s="6">
        <v>95</v>
      </c>
      <c r="D72" s="5">
        <v>220</v>
      </c>
    </row>
    <row r="73" spans="1:4" ht="18" customHeight="1" x14ac:dyDescent="0.15">
      <c r="A73" s="8">
        <v>56</v>
      </c>
      <c r="B73" s="21">
        <v>100</v>
      </c>
      <c r="C73" s="6">
        <v>77</v>
      </c>
      <c r="D73" s="5">
        <v>177</v>
      </c>
    </row>
    <row r="74" spans="1:4" ht="18" customHeight="1" x14ac:dyDescent="0.15">
      <c r="A74" s="8">
        <v>57</v>
      </c>
      <c r="B74" s="21">
        <v>102</v>
      </c>
      <c r="C74" s="6">
        <v>104</v>
      </c>
      <c r="D74" s="5">
        <v>206</v>
      </c>
    </row>
    <row r="75" spans="1:4" ht="18" customHeight="1" x14ac:dyDescent="0.15">
      <c r="A75" s="8">
        <v>58</v>
      </c>
      <c r="B75" s="21">
        <v>73</v>
      </c>
      <c r="C75" s="6">
        <v>87</v>
      </c>
      <c r="D75" s="5">
        <v>160</v>
      </c>
    </row>
    <row r="76" spans="1:4" ht="18" customHeight="1" x14ac:dyDescent="0.15">
      <c r="A76" s="8">
        <v>59</v>
      </c>
      <c r="B76" s="21">
        <v>61</v>
      </c>
      <c r="C76" s="6">
        <v>56</v>
      </c>
      <c r="D76" s="5">
        <v>117</v>
      </c>
    </row>
    <row r="77" spans="1:4" ht="18" customHeight="1" x14ac:dyDescent="0.15">
      <c r="A77" s="8" t="s">
        <v>13</v>
      </c>
      <c r="B77" s="21">
        <v>461</v>
      </c>
      <c r="C77" s="6">
        <v>419</v>
      </c>
      <c r="D77" s="5">
        <v>880</v>
      </c>
    </row>
    <row r="78" spans="1:4" ht="18" customHeight="1" x14ac:dyDescent="0.15">
      <c r="A78" s="8">
        <v>60</v>
      </c>
      <c r="B78" s="21">
        <v>63</v>
      </c>
      <c r="C78" s="6">
        <v>85</v>
      </c>
      <c r="D78" s="5">
        <v>148</v>
      </c>
    </row>
    <row r="79" spans="1:4" ht="18" customHeight="1" x14ac:dyDescent="0.15">
      <c r="A79" s="8">
        <v>61</v>
      </c>
      <c r="B79" s="21">
        <v>76</v>
      </c>
      <c r="C79" s="6">
        <v>88</v>
      </c>
      <c r="D79" s="5">
        <v>164</v>
      </c>
    </row>
    <row r="80" spans="1:4" ht="18" customHeight="1" x14ac:dyDescent="0.15">
      <c r="A80" s="8">
        <v>62</v>
      </c>
      <c r="B80" s="21">
        <v>68</v>
      </c>
      <c r="C80" s="6">
        <v>70</v>
      </c>
      <c r="D80" s="5">
        <v>138</v>
      </c>
    </row>
    <row r="81" spans="1:4" ht="18" customHeight="1" x14ac:dyDescent="0.15">
      <c r="A81" s="8">
        <v>63</v>
      </c>
      <c r="B81" s="21">
        <v>64</v>
      </c>
      <c r="C81" s="6">
        <v>70</v>
      </c>
      <c r="D81" s="5">
        <v>134</v>
      </c>
    </row>
    <row r="82" spans="1:4" ht="18" customHeight="1" x14ac:dyDescent="0.15">
      <c r="A82" s="8">
        <v>64</v>
      </c>
      <c r="B82" s="21">
        <v>66</v>
      </c>
      <c r="C82" s="6">
        <v>56</v>
      </c>
      <c r="D82" s="5">
        <v>122</v>
      </c>
    </row>
    <row r="83" spans="1:4" ht="18" customHeight="1" x14ac:dyDescent="0.15">
      <c r="A83" s="8" t="s">
        <v>12</v>
      </c>
      <c r="B83" s="21">
        <v>337</v>
      </c>
      <c r="C83" s="6">
        <v>369</v>
      </c>
      <c r="D83" s="5">
        <v>706</v>
      </c>
    </row>
    <row r="84" spans="1:4" ht="18" customHeight="1" x14ac:dyDescent="0.15">
      <c r="A84" s="8" t="s">
        <v>11</v>
      </c>
      <c r="B84" s="21">
        <v>3970</v>
      </c>
      <c r="C84" s="6">
        <v>3776</v>
      </c>
      <c r="D84" s="5">
        <v>7746</v>
      </c>
    </row>
    <row r="85" spans="1:4" ht="18" customHeight="1" x14ac:dyDescent="0.15">
      <c r="A85" s="8">
        <v>65</v>
      </c>
      <c r="B85" s="21">
        <v>60</v>
      </c>
      <c r="C85" s="6">
        <v>67</v>
      </c>
      <c r="D85" s="5">
        <v>127</v>
      </c>
    </row>
    <row r="86" spans="1:4" ht="18" customHeight="1" x14ac:dyDescent="0.15">
      <c r="A86" s="8">
        <v>66</v>
      </c>
      <c r="B86" s="21">
        <v>50</v>
      </c>
      <c r="C86" s="6">
        <v>67</v>
      </c>
      <c r="D86" s="5">
        <v>117</v>
      </c>
    </row>
    <row r="87" spans="1:4" ht="18" customHeight="1" x14ac:dyDescent="0.15">
      <c r="A87" s="8">
        <v>67</v>
      </c>
      <c r="B87" s="21">
        <v>54</v>
      </c>
      <c r="C87" s="6">
        <v>57</v>
      </c>
      <c r="D87" s="5">
        <v>111</v>
      </c>
    </row>
    <row r="88" spans="1:4" ht="18" customHeight="1" x14ac:dyDescent="0.15">
      <c r="A88" s="8">
        <v>68</v>
      </c>
      <c r="B88" s="21">
        <v>50</v>
      </c>
      <c r="C88" s="6">
        <v>51</v>
      </c>
      <c r="D88" s="5">
        <v>101</v>
      </c>
    </row>
    <row r="89" spans="1:4" ht="18" customHeight="1" x14ac:dyDescent="0.15">
      <c r="A89" s="8">
        <v>69</v>
      </c>
      <c r="B89" s="21">
        <v>54</v>
      </c>
      <c r="C89" s="6">
        <v>58</v>
      </c>
      <c r="D89" s="5">
        <v>112</v>
      </c>
    </row>
    <row r="90" spans="1:4" ht="18" customHeight="1" x14ac:dyDescent="0.15">
      <c r="A90" s="8" t="s">
        <v>10</v>
      </c>
      <c r="B90" s="21">
        <v>268</v>
      </c>
      <c r="C90" s="6">
        <v>300</v>
      </c>
      <c r="D90" s="5">
        <v>568</v>
      </c>
    </row>
    <row r="91" spans="1:4" ht="18" customHeight="1" x14ac:dyDescent="0.15">
      <c r="A91" s="8">
        <v>70</v>
      </c>
      <c r="B91" s="21">
        <v>61</v>
      </c>
      <c r="C91" s="6">
        <v>64</v>
      </c>
      <c r="D91" s="5">
        <v>125</v>
      </c>
    </row>
    <row r="92" spans="1:4" ht="18" customHeight="1" x14ac:dyDescent="0.15">
      <c r="A92" s="8">
        <v>71</v>
      </c>
      <c r="B92" s="21">
        <v>57</v>
      </c>
      <c r="C92" s="6">
        <v>64</v>
      </c>
      <c r="D92" s="5">
        <v>121</v>
      </c>
    </row>
    <row r="93" spans="1:4" ht="18" customHeight="1" x14ac:dyDescent="0.15">
      <c r="A93" s="8">
        <v>72</v>
      </c>
      <c r="B93" s="21">
        <v>75</v>
      </c>
      <c r="C93" s="6">
        <v>67</v>
      </c>
      <c r="D93" s="5">
        <v>142</v>
      </c>
    </row>
    <row r="94" spans="1:4" ht="18" customHeight="1" x14ac:dyDescent="0.15">
      <c r="A94" s="8">
        <v>73</v>
      </c>
      <c r="B94" s="21">
        <v>58</v>
      </c>
      <c r="C94" s="6">
        <v>64</v>
      </c>
      <c r="D94" s="5">
        <v>122</v>
      </c>
    </row>
    <row r="95" spans="1:4" ht="18" customHeight="1" x14ac:dyDescent="0.15">
      <c r="A95" s="8">
        <v>74</v>
      </c>
      <c r="B95" s="21">
        <v>56</v>
      </c>
      <c r="C95" s="6">
        <v>62</v>
      </c>
      <c r="D95" s="5">
        <v>118</v>
      </c>
    </row>
    <row r="96" spans="1:4" ht="18" customHeight="1" x14ac:dyDescent="0.15">
      <c r="A96" s="8" t="s">
        <v>9</v>
      </c>
      <c r="B96" s="21">
        <v>307</v>
      </c>
      <c r="C96" s="6">
        <v>321</v>
      </c>
      <c r="D96" s="5">
        <v>628</v>
      </c>
    </row>
    <row r="97" spans="1:4" ht="18" customHeight="1" x14ac:dyDescent="0.15">
      <c r="A97" s="8">
        <v>75</v>
      </c>
      <c r="B97" s="21">
        <v>64</v>
      </c>
      <c r="C97" s="6">
        <v>70</v>
      </c>
      <c r="D97" s="5">
        <v>134</v>
      </c>
    </row>
    <row r="98" spans="1:4" ht="18" customHeight="1" x14ac:dyDescent="0.15">
      <c r="A98" s="8">
        <v>76</v>
      </c>
      <c r="B98" s="21">
        <v>61</v>
      </c>
      <c r="C98" s="6">
        <v>72</v>
      </c>
      <c r="D98" s="5">
        <v>133</v>
      </c>
    </row>
    <row r="99" spans="1:4" ht="18" customHeight="1" x14ac:dyDescent="0.15">
      <c r="A99" s="8">
        <v>77</v>
      </c>
      <c r="B99" s="21">
        <v>83</v>
      </c>
      <c r="C99" s="6">
        <v>83</v>
      </c>
      <c r="D99" s="5">
        <v>166</v>
      </c>
    </row>
    <row r="100" spans="1:4" ht="18" customHeight="1" x14ac:dyDescent="0.15">
      <c r="A100" s="8">
        <v>78</v>
      </c>
      <c r="B100" s="21">
        <v>59</v>
      </c>
      <c r="C100" s="6">
        <v>94</v>
      </c>
      <c r="D100" s="5">
        <v>153</v>
      </c>
    </row>
    <row r="101" spans="1:4" ht="18" customHeight="1" x14ac:dyDescent="0.15">
      <c r="A101" s="8">
        <v>79</v>
      </c>
      <c r="B101" s="21">
        <v>29</v>
      </c>
      <c r="C101" s="6">
        <v>46</v>
      </c>
      <c r="D101" s="5">
        <v>75</v>
      </c>
    </row>
    <row r="102" spans="1:4" ht="18" customHeight="1" x14ac:dyDescent="0.15">
      <c r="A102" s="8" t="s">
        <v>8</v>
      </c>
      <c r="B102" s="21">
        <v>296</v>
      </c>
      <c r="C102" s="6">
        <v>365</v>
      </c>
      <c r="D102" s="5">
        <v>661</v>
      </c>
    </row>
    <row r="103" spans="1:4" ht="18" customHeight="1" x14ac:dyDescent="0.15">
      <c r="A103" s="8">
        <v>80</v>
      </c>
      <c r="B103" s="21">
        <v>29</v>
      </c>
      <c r="C103" s="6">
        <v>29</v>
      </c>
      <c r="D103" s="5">
        <v>58</v>
      </c>
    </row>
    <row r="104" spans="1:4" ht="18" customHeight="1" x14ac:dyDescent="0.15">
      <c r="A104" s="8">
        <v>81</v>
      </c>
      <c r="B104" s="21">
        <v>38</v>
      </c>
      <c r="C104" s="6">
        <v>47</v>
      </c>
      <c r="D104" s="5">
        <v>85</v>
      </c>
    </row>
    <row r="105" spans="1:4" ht="18" customHeight="1" x14ac:dyDescent="0.15">
      <c r="A105" s="8">
        <v>82</v>
      </c>
      <c r="B105" s="21">
        <v>35</v>
      </c>
      <c r="C105" s="6">
        <v>53</v>
      </c>
      <c r="D105" s="5">
        <v>88</v>
      </c>
    </row>
    <row r="106" spans="1:4" ht="18" customHeight="1" x14ac:dyDescent="0.15">
      <c r="A106" s="8">
        <v>83</v>
      </c>
      <c r="B106" s="21">
        <v>33</v>
      </c>
      <c r="C106" s="6">
        <v>29</v>
      </c>
      <c r="D106" s="5">
        <v>62</v>
      </c>
    </row>
    <row r="107" spans="1:4" ht="18" customHeight="1" x14ac:dyDescent="0.15">
      <c r="A107" s="8">
        <v>84</v>
      </c>
      <c r="B107" s="21">
        <v>30</v>
      </c>
      <c r="C107" s="6">
        <v>52</v>
      </c>
      <c r="D107" s="5">
        <v>82</v>
      </c>
    </row>
    <row r="108" spans="1:4" ht="18" customHeight="1" x14ac:dyDescent="0.15">
      <c r="A108" s="8" t="s">
        <v>7</v>
      </c>
      <c r="B108" s="21">
        <v>165</v>
      </c>
      <c r="C108" s="6">
        <v>210</v>
      </c>
      <c r="D108" s="5">
        <v>375</v>
      </c>
    </row>
    <row r="109" spans="1:4" ht="18" customHeight="1" x14ac:dyDescent="0.15">
      <c r="A109" s="8">
        <v>85</v>
      </c>
      <c r="B109" s="21">
        <v>27</v>
      </c>
      <c r="C109" s="6">
        <v>38</v>
      </c>
      <c r="D109" s="5">
        <v>65</v>
      </c>
    </row>
    <row r="110" spans="1:4" ht="18" customHeight="1" x14ac:dyDescent="0.15">
      <c r="A110" s="8">
        <v>86</v>
      </c>
      <c r="B110" s="21">
        <v>21</v>
      </c>
      <c r="C110" s="6">
        <v>35</v>
      </c>
      <c r="D110" s="5">
        <v>56</v>
      </c>
    </row>
    <row r="111" spans="1:4" ht="18" customHeight="1" x14ac:dyDescent="0.15">
      <c r="A111" s="8">
        <v>87</v>
      </c>
      <c r="B111" s="21">
        <v>20</v>
      </c>
      <c r="C111" s="6">
        <v>22</v>
      </c>
      <c r="D111" s="5">
        <v>42</v>
      </c>
    </row>
    <row r="112" spans="1:4" ht="18" customHeight="1" x14ac:dyDescent="0.15">
      <c r="A112" s="8">
        <v>88</v>
      </c>
      <c r="B112" s="21">
        <v>7</v>
      </c>
      <c r="C112" s="6">
        <v>23</v>
      </c>
      <c r="D112" s="5">
        <v>30</v>
      </c>
    </row>
    <row r="113" spans="1:4" ht="18" customHeight="1" x14ac:dyDescent="0.15">
      <c r="A113" s="8">
        <v>89</v>
      </c>
      <c r="B113" s="21">
        <v>15</v>
      </c>
      <c r="C113" s="6">
        <v>23</v>
      </c>
      <c r="D113" s="5">
        <v>38</v>
      </c>
    </row>
    <row r="114" spans="1:4" ht="18" customHeight="1" x14ac:dyDescent="0.15">
      <c r="A114" s="8" t="s">
        <v>6</v>
      </c>
      <c r="B114" s="21">
        <v>90</v>
      </c>
      <c r="C114" s="6">
        <v>141</v>
      </c>
      <c r="D114" s="5">
        <v>231</v>
      </c>
    </row>
    <row r="115" spans="1:4" ht="18" customHeight="1" x14ac:dyDescent="0.15">
      <c r="A115" s="8">
        <v>90</v>
      </c>
      <c r="B115" s="21">
        <v>9</v>
      </c>
      <c r="C115" s="6">
        <v>31</v>
      </c>
      <c r="D115" s="5">
        <v>40</v>
      </c>
    </row>
    <row r="116" spans="1:4" ht="18" customHeight="1" x14ac:dyDescent="0.15">
      <c r="A116" s="8">
        <v>91</v>
      </c>
      <c r="B116" s="21">
        <v>7</v>
      </c>
      <c r="C116" s="6">
        <v>21</v>
      </c>
      <c r="D116" s="5">
        <v>28</v>
      </c>
    </row>
    <row r="117" spans="1:4" ht="18" customHeight="1" x14ac:dyDescent="0.15">
      <c r="A117" s="8">
        <v>92</v>
      </c>
      <c r="B117" s="21">
        <v>7</v>
      </c>
      <c r="C117" s="6">
        <v>20</v>
      </c>
      <c r="D117" s="5">
        <v>27</v>
      </c>
    </row>
    <row r="118" spans="1:4" ht="18" customHeight="1" x14ac:dyDescent="0.15">
      <c r="A118" s="8">
        <v>93</v>
      </c>
      <c r="B118" s="21">
        <v>3</v>
      </c>
      <c r="C118" s="6">
        <v>25</v>
      </c>
      <c r="D118" s="5">
        <v>28</v>
      </c>
    </row>
    <row r="119" spans="1:4" ht="18" customHeight="1" x14ac:dyDescent="0.15">
      <c r="A119" s="8">
        <v>94</v>
      </c>
      <c r="B119" s="21">
        <v>9</v>
      </c>
      <c r="C119" s="6">
        <v>13</v>
      </c>
      <c r="D119" s="5">
        <v>22</v>
      </c>
    </row>
    <row r="120" spans="1:4" ht="18" customHeight="1" x14ac:dyDescent="0.15">
      <c r="A120" s="8" t="s">
        <v>5</v>
      </c>
      <c r="B120" s="21">
        <v>35</v>
      </c>
      <c r="C120" s="6">
        <v>110</v>
      </c>
      <c r="D120" s="5">
        <v>145</v>
      </c>
    </row>
    <row r="121" spans="1:4" ht="18" customHeight="1" x14ac:dyDescent="0.15">
      <c r="A121" s="8">
        <v>95</v>
      </c>
      <c r="B121" s="21">
        <v>3</v>
      </c>
      <c r="C121" s="6">
        <v>17</v>
      </c>
      <c r="D121" s="5">
        <v>20</v>
      </c>
    </row>
    <row r="122" spans="1:4" ht="18" customHeight="1" x14ac:dyDescent="0.15">
      <c r="A122" s="8">
        <v>96</v>
      </c>
      <c r="B122" s="21">
        <v>3</v>
      </c>
      <c r="C122" s="6">
        <v>8</v>
      </c>
      <c r="D122" s="5">
        <v>11</v>
      </c>
    </row>
    <row r="123" spans="1:4" ht="18" customHeight="1" x14ac:dyDescent="0.15">
      <c r="A123" s="8">
        <v>97</v>
      </c>
      <c r="B123" s="21">
        <v>2</v>
      </c>
      <c r="C123" s="6">
        <v>6</v>
      </c>
      <c r="D123" s="5">
        <v>8</v>
      </c>
    </row>
    <row r="124" spans="1:4" ht="18" customHeight="1" x14ac:dyDescent="0.15">
      <c r="A124" s="8">
        <v>98</v>
      </c>
      <c r="B124" s="21">
        <v>2</v>
      </c>
      <c r="C124" s="6">
        <v>4</v>
      </c>
      <c r="D124" s="5">
        <v>6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11</v>
      </c>
      <c r="C126" s="6">
        <v>36</v>
      </c>
      <c r="D126" s="5">
        <v>47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2</v>
      </c>
      <c r="C129" s="6">
        <v>3</v>
      </c>
      <c r="D129" s="5">
        <v>5</v>
      </c>
    </row>
    <row r="130" spans="1:4" ht="18" customHeight="1" x14ac:dyDescent="0.15">
      <c r="A130" s="8" t="s">
        <v>1</v>
      </c>
      <c r="B130" s="21">
        <v>1174</v>
      </c>
      <c r="C130" s="6">
        <v>1486</v>
      </c>
      <c r="D130" s="5">
        <v>2660</v>
      </c>
    </row>
    <row r="131" spans="1:4" ht="18" customHeight="1" x14ac:dyDescent="0.15">
      <c r="A131" s="4" t="s">
        <v>0</v>
      </c>
      <c r="B131" s="20">
        <v>5820</v>
      </c>
      <c r="C131" s="2">
        <v>5895</v>
      </c>
      <c r="D131" s="1">
        <v>1171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DABDA9-27F6-4E06-99B9-F48DEFE9BFCB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4</v>
      </c>
      <c r="C5" s="31">
        <v>39</v>
      </c>
      <c r="D5" s="30">
        <v>93</v>
      </c>
    </row>
    <row r="6" spans="1:4" ht="18" customHeight="1" x14ac:dyDescent="0.15">
      <c r="A6" s="8">
        <v>1</v>
      </c>
      <c r="B6" s="26">
        <v>42</v>
      </c>
      <c r="C6" s="6">
        <v>40</v>
      </c>
      <c r="D6" s="5">
        <v>82</v>
      </c>
    </row>
    <row r="7" spans="1:4" ht="18" customHeight="1" x14ac:dyDescent="0.15">
      <c r="A7" s="8">
        <v>2</v>
      </c>
      <c r="B7" s="26">
        <v>43</v>
      </c>
      <c r="C7" s="6">
        <v>37</v>
      </c>
      <c r="D7" s="5">
        <v>80</v>
      </c>
    </row>
    <row r="8" spans="1:4" ht="18" customHeight="1" x14ac:dyDescent="0.15">
      <c r="A8" s="8">
        <v>3</v>
      </c>
      <c r="B8" s="26">
        <v>45</v>
      </c>
      <c r="C8" s="6">
        <v>43</v>
      </c>
      <c r="D8" s="5">
        <v>88</v>
      </c>
    </row>
    <row r="9" spans="1:4" ht="18" customHeight="1" x14ac:dyDescent="0.15">
      <c r="A9" s="8">
        <v>4</v>
      </c>
      <c r="B9" s="29">
        <v>48</v>
      </c>
      <c r="C9" s="28">
        <v>39</v>
      </c>
      <c r="D9" s="27">
        <v>87</v>
      </c>
    </row>
    <row r="10" spans="1:4" ht="18" customHeight="1" x14ac:dyDescent="0.15">
      <c r="A10" s="8" t="s">
        <v>25</v>
      </c>
      <c r="B10" s="21">
        <v>232</v>
      </c>
      <c r="C10" s="6">
        <v>198</v>
      </c>
      <c r="D10" s="5">
        <v>430</v>
      </c>
    </row>
    <row r="11" spans="1:4" ht="18" customHeight="1" x14ac:dyDescent="0.15">
      <c r="A11" s="8">
        <v>5</v>
      </c>
      <c r="B11" s="26">
        <v>56</v>
      </c>
      <c r="C11" s="6">
        <v>49</v>
      </c>
      <c r="D11" s="5">
        <v>105</v>
      </c>
    </row>
    <row r="12" spans="1:4" ht="18" customHeight="1" x14ac:dyDescent="0.15">
      <c r="A12" s="8">
        <v>6</v>
      </c>
      <c r="B12" s="26">
        <v>41</v>
      </c>
      <c r="C12" s="6">
        <v>43</v>
      </c>
      <c r="D12" s="5">
        <v>84</v>
      </c>
    </row>
    <row r="13" spans="1:4" ht="18" customHeight="1" x14ac:dyDescent="0.15">
      <c r="A13" s="8">
        <v>7</v>
      </c>
      <c r="B13" s="26">
        <v>54</v>
      </c>
      <c r="C13" s="6">
        <v>52</v>
      </c>
      <c r="D13" s="5">
        <v>106</v>
      </c>
    </row>
    <row r="14" spans="1:4" ht="18" customHeight="1" x14ac:dyDescent="0.15">
      <c r="A14" s="8">
        <v>8</v>
      </c>
      <c r="B14" s="26">
        <v>52</v>
      </c>
      <c r="C14" s="6">
        <v>51</v>
      </c>
      <c r="D14" s="5">
        <v>103</v>
      </c>
    </row>
    <row r="15" spans="1:4" ht="18" customHeight="1" x14ac:dyDescent="0.15">
      <c r="A15" s="8">
        <v>9</v>
      </c>
      <c r="B15" s="26">
        <v>75</v>
      </c>
      <c r="C15" s="6">
        <v>51</v>
      </c>
      <c r="D15" s="5">
        <v>126</v>
      </c>
    </row>
    <row r="16" spans="1:4" ht="18" customHeight="1" x14ac:dyDescent="0.15">
      <c r="A16" s="8" t="s">
        <v>24</v>
      </c>
      <c r="B16" s="21">
        <v>278</v>
      </c>
      <c r="C16" s="6">
        <v>246</v>
      </c>
      <c r="D16" s="5">
        <v>524</v>
      </c>
    </row>
    <row r="17" spans="1:4" ht="18" customHeight="1" x14ac:dyDescent="0.15">
      <c r="A17" s="8">
        <v>10</v>
      </c>
      <c r="B17" s="21">
        <v>68</v>
      </c>
      <c r="C17" s="6">
        <v>72</v>
      </c>
      <c r="D17" s="5">
        <v>140</v>
      </c>
    </row>
    <row r="18" spans="1:4" ht="18" customHeight="1" x14ac:dyDescent="0.15">
      <c r="A18" s="8">
        <v>11</v>
      </c>
      <c r="B18" s="21">
        <v>65</v>
      </c>
      <c r="C18" s="6">
        <v>45</v>
      </c>
      <c r="D18" s="5">
        <v>110</v>
      </c>
    </row>
    <row r="19" spans="1:4" ht="18" customHeight="1" x14ac:dyDescent="0.15">
      <c r="A19" s="8">
        <v>12</v>
      </c>
      <c r="B19" s="21">
        <v>64</v>
      </c>
      <c r="C19" s="6">
        <v>84</v>
      </c>
      <c r="D19" s="5">
        <v>148</v>
      </c>
    </row>
    <row r="20" spans="1:4" ht="18" customHeight="1" x14ac:dyDescent="0.15">
      <c r="A20" s="8">
        <v>13</v>
      </c>
      <c r="B20" s="21">
        <v>66</v>
      </c>
      <c r="C20" s="6">
        <v>72</v>
      </c>
      <c r="D20" s="5">
        <v>138</v>
      </c>
    </row>
    <row r="21" spans="1:4" ht="18" customHeight="1" x14ac:dyDescent="0.15">
      <c r="A21" s="8">
        <v>14</v>
      </c>
      <c r="B21" s="21">
        <v>62</v>
      </c>
      <c r="C21" s="6">
        <v>69</v>
      </c>
      <c r="D21" s="5">
        <v>131</v>
      </c>
    </row>
    <row r="22" spans="1:4" ht="18" customHeight="1" x14ac:dyDescent="0.15">
      <c r="A22" s="8" t="s">
        <v>23</v>
      </c>
      <c r="B22" s="21">
        <v>325</v>
      </c>
      <c r="C22" s="6">
        <v>342</v>
      </c>
      <c r="D22" s="5">
        <v>667</v>
      </c>
    </row>
    <row r="23" spans="1:4" ht="18" customHeight="1" x14ac:dyDescent="0.15">
      <c r="A23" s="8" t="s">
        <v>22</v>
      </c>
      <c r="B23" s="21">
        <v>835</v>
      </c>
      <c r="C23" s="6">
        <v>786</v>
      </c>
      <c r="D23" s="5">
        <v>1621</v>
      </c>
    </row>
    <row r="24" spans="1:4" ht="18" customHeight="1" x14ac:dyDescent="0.15">
      <c r="A24" s="8">
        <v>15</v>
      </c>
      <c r="B24" s="21">
        <v>92</v>
      </c>
      <c r="C24" s="6">
        <v>58</v>
      </c>
      <c r="D24" s="5">
        <v>150</v>
      </c>
    </row>
    <row r="25" spans="1:4" ht="18" customHeight="1" x14ac:dyDescent="0.15">
      <c r="A25" s="8">
        <v>16</v>
      </c>
      <c r="B25" s="21">
        <v>75</v>
      </c>
      <c r="C25" s="6">
        <v>80</v>
      </c>
      <c r="D25" s="5">
        <v>155</v>
      </c>
    </row>
    <row r="26" spans="1:4" ht="18" customHeight="1" x14ac:dyDescent="0.15">
      <c r="A26" s="8">
        <v>17</v>
      </c>
      <c r="B26" s="21">
        <v>80</v>
      </c>
      <c r="C26" s="6">
        <v>71</v>
      </c>
      <c r="D26" s="5">
        <v>151</v>
      </c>
    </row>
    <row r="27" spans="1:4" ht="18" customHeight="1" x14ac:dyDescent="0.15">
      <c r="A27" s="8">
        <v>18</v>
      </c>
      <c r="B27" s="21">
        <v>61</v>
      </c>
      <c r="C27" s="6">
        <v>82</v>
      </c>
      <c r="D27" s="5">
        <v>143</v>
      </c>
    </row>
    <row r="28" spans="1:4" ht="18" customHeight="1" x14ac:dyDescent="0.15">
      <c r="A28" s="8">
        <v>19</v>
      </c>
      <c r="B28" s="21">
        <v>79</v>
      </c>
      <c r="C28" s="6">
        <v>62</v>
      </c>
      <c r="D28" s="5">
        <v>141</v>
      </c>
    </row>
    <row r="29" spans="1:4" ht="18" customHeight="1" x14ac:dyDescent="0.15">
      <c r="A29" s="8" t="s">
        <v>21</v>
      </c>
      <c r="B29" s="21">
        <v>387</v>
      </c>
      <c r="C29" s="6">
        <v>353</v>
      </c>
      <c r="D29" s="5">
        <v>740</v>
      </c>
    </row>
    <row r="30" spans="1:4" ht="18" customHeight="1" x14ac:dyDescent="0.15">
      <c r="A30" s="8">
        <v>20</v>
      </c>
      <c r="B30" s="21">
        <v>69</v>
      </c>
      <c r="C30" s="6">
        <v>64</v>
      </c>
      <c r="D30" s="5">
        <v>133</v>
      </c>
    </row>
    <row r="31" spans="1:4" ht="18" customHeight="1" x14ac:dyDescent="0.15">
      <c r="A31" s="8">
        <v>21</v>
      </c>
      <c r="B31" s="21">
        <v>80</v>
      </c>
      <c r="C31" s="6">
        <v>60</v>
      </c>
      <c r="D31" s="5">
        <v>140</v>
      </c>
    </row>
    <row r="32" spans="1:4" ht="18" customHeight="1" x14ac:dyDescent="0.15">
      <c r="A32" s="8">
        <v>22</v>
      </c>
      <c r="B32" s="21">
        <v>74</v>
      </c>
      <c r="C32" s="6">
        <v>55</v>
      </c>
      <c r="D32" s="5">
        <v>129</v>
      </c>
    </row>
    <row r="33" spans="1:4" ht="18" customHeight="1" x14ac:dyDescent="0.15">
      <c r="A33" s="8">
        <v>23</v>
      </c>
      <c r="B33" s="21">
        <v>78</v>
      </c>
      <c r="C33" s="6">
        <v>59</v>
      </c>
      <c r="D33" s="5">
        <v>137</v>
      </c>
    </row>
    <row r="34" spans="1:4" ht="18" customHeight="1" x14ac:dyDescent="0.15">
      <c r="A34" s="8">
        <v>24</v>
      </c>
      <c r="B34" s="21">
        <v>70</v>
      </c>
      <c r="C34" s="6">
        <v>59</v>
      </c>
      <c r="D34" s="5">
        <v>129</v>
      </c>
    </row>
    <row r="35" spans="1:4" ht="18" customHeight="1" x14ac:dyDescent="0.15">
      <c r="A35" s="8" t="s">
        <v>20</v>
      </c>
      <c r="B35" s="21">
        <v>371</v>
      </c>
      <c r="C35" s="6">
        <v>297</v>
      </c>
      <c r="D35" s="5">
        <v>668</v>
      </c>
    </row>
    <row r="36" spans="1:4" ht="18" customHeight="1" x14ac:dyDescent="0.15">
      <c r="A36" s="8">
        <v>25</v>
      </c>
      <c r="B36" s="21">
        <v>85</v>
      </c>
      <c r="C36" s="6">
        <v>63</v>
      </c>
      <c r="D36" s="5">
        <v>148</v>
      </c>
    </row>
    <row r="37" spans="1:4" ht="18" customHeight="1" x14ac:dyDescent="0.15">
      <c r="A37" s="8">
        <v>26</v>
      </c>
      <c r="B37" s="21">
        <v>70</v>
      </c>
      <c r="C37" s="6">
        <v>70</v>
      </c>
      <c r="D37" s="5">
        <v>140</v>
      </c>
    </row>
    <row r="38" spans="1:4" ht="18" customHeight="1" x14ac:dyDescent="0.15">
      <c r="A38" s="8">
        <v>27</v>
      </c>
      <c r="B38" s="21">
        <v>70</v>
      </c>
      <c r="C38" s="6">
        <v>68</v>
      </c>
      <c r="D38" s="5">
        <v>138</v>
      </c>
    </row>
    <row r="39" spans="1:4" ht="18" customHeight="1" x14ac:dyDescent="0.15">
      <c r="A39" s="8">
        <v>28</v>
      </c>
      <c r="B39" s="21">
        <v>73</v>
      </c>
      <c r="C39" s="6">
        <v>69</v>
      </c>
      <c r="D39" s="5">
        <v>142</v>
      </c>
    </row>
    <row r="40" spans="1:4" ht="18" customHeight="1" x14ac:dyDescent="0.15">
      <c r="A40" s="8">
        <v>29</v>
      </c>
      <c r="B40" s="21">
        <v>82</v>
      </c>
      <c r="C40" s="6">
        <v>70</v>
      </c>
      <c r="D40" s="5">
        <v>152</v>
      </c>
    </row>
    <row r="41" spans="1:4" ht="18" customHeight="1" x14ac:dyDescent="0.15">
      <c r="A41" s="8" t="s">
        <v>19</v>
      </c>
      <c r="B41" s="21">
        <v>380</v>
      </c>
      <c r="C41" s="6">
        <v>340</v>
      </c>
      <c r="D41" s="5">
        <v>720</v>
      </c>
    </row>
    <row r="42" spans="1:4" ht="18" customHeight="1" x14ac:dyDescent="0.15">
      <c r="A42" s="8">
        <v>30</v>
      </c>
      <c r="B42" s="21">
        <v>92</v>
      </c>
      <c r="C42" s="6">
        <v>62</v>
      </c>
      <c r="D42" s="5">
        <v>154</v>
      </c>
    </row>
    <row r="43" spans="1:4" ht="18" customHeight="1" x14ac:dyDescent="0.15">
      <c r="A43" s="8">
        <v>31</v>
      </c>
      <c r="B43" s="21">
        <v>83</v>
      </c>
      <c r="C43" s="6">
        <v>69</v>
      </c>
      <c r="D43" s="5">
        <v>152</v>
      </c>
    </row>
    <row r="44" spans="1:4" ht="18" customHeight="1" x14ac:dyDescent="0.15">
      <c r="A44" s="8">
        <v>32</v>
      </c>
      <c r="B44" s="21">
        <v>66</v>
      </c>
      <c r="C44" s="6">
        <v>74</v>
      </c>
      <c r="D44" s="5">
        <v>140</v>
      </c>
    </row>
    <row r="45" spans="1:4" ht="18" customHeight="1" x14ac:dyDescent="0.15">
      <c r="A45" s="8">
        <v>33</v>
      </c>
      <c r="B45" s="21">
        <v>68</v>
      </c>
      <c r="C45" s="6">
        <v>64</v>
      </c>
      <c r="D45" s="5">
        <v>132</v>
      </c>
    </row>
    <row r="46" spans="1:4" ht="18" customHeight="1" x14ac:dyDescent="0.15">
      <c r="A46" s="8">
        <v>34</v>
      </c>
      <c r="B46" s="21">
        <v>74</v>
      </c>
      <c r="C46" s="6">
        <v>49</v>
      </c>
      <c r="D46" s="5">
        <v>123</v>
      </c>
    </row>
    <row r="47" spans="1:4" ht="18" customHeight="1" x14ac:dyDescent="0.15">
      <c r="A47" s="8" t="s">
        <v>18</v>
      </c>
      <c r="B47" s="21">
        <v>383</v>
      </c>
      <c r="C47" s="6">
        <v>318</v>
      </c>
      <c r="D47" s="5">
        <v>701</v>
      </c>
    </row>
    <row r="48" spans="1:4" ht="18" customHeight="1" x14ac:dyDescent="0.15">
      <c r="A48" s="8">
        <v>35</v>
      </c>
      <c r="B48" s="21">
        <v>65</v>
      </c>
      <c r="C48" s="6">
        <v>66</v>
      </c>
      <c r="D48" s="5">
        <v>131</v>
      </c>
    </row>
    <row r="49" spans="1:4" ht="18" customHeight="1" x14ac:dyDescent="0.15">
      <c r="A49" s="8">
        <v>36</v>
      </c>
      <c r="B49" s="21">
        <v>67</v>
      </c>
      <c r="C49" s="6">
        <v>59</v>
      </c>
      <c r="D49" s="5">
        <v>126</v>
      </c>
    </row>
    <row r="50" spans="1:4" ht="18" customHeight="1" x14ac:dyDescent="0.15">
      <c r="A50" s="8">
        <v>37</v>
      </c>
      <c r="B50" s="21">
        <v>68</v>
      </c>
      <c r="C50" s="6">
        <v>50</v>
      </c>
      <c r="D50" s="5">
        <v>118</v>
      </c>
    </row>
    <row r="51" spans="1:4" ht="18" customHeight="1" x14ac:dyDescent="0.15">
      <c r="A51" s="8">
        <v>38</v>
      </c>
      <c r="B51" s="21">
        <v>59</v>
      </c>
      <c r="C51" s="6">
        <v>62</v>
      </c>
      <c r="D51" s="5">
        <v>121</v>
      </c>
    </row>
    <row r="52" spans="1:4" ht="18" customHeight="1" x14ac:dyDescent="0.15">
      <c r="A52" s="8">
        <v>39</v>
      </c>
      <c r="B52" s="21">
        <v>68</v>
      </c>
      <c r="C52" s="6">
        <v>64</v>
      </c>
      <c r="D52" s="5">
        <v>132</v>
      </c>
    </row>
    <row r="53" spans="1:4" ht="18" customHeight="1" x14ac:dyDescent="0.15">
      <c r="A53" s="8" t="s">
        <v>17</v>
      </c>
      <c r="B53" s="21">
        <v>327</v>
      </c>
      <c r="C53" s="6">
        <v>301</v>
      </c>
      <c r="D53" s="5">
        <v>628</v>
      </c>
    </row>
    <row r="54" spans="1:4" ht="18" customHeight="1" x14ac:dyDescent="0.15">
      <c r="A54" s="8">
        <v>40</v>
      </c>
      <c r="B54" s="21">
        <v>64</v>
      </c>
      <c r="C54" s="6">
        <v>68</v>
      </c>
      <c r="D54" s="5">
        <v>132</v>
      </c>
    </row>
    <row r="55" spans="1:4" ht="18" customHeight="1" x14ac:dyDescent="0.15">
      <c r="A55" s="8">
        <v>41</v>
      </c>
      <c r="B55" s="21">
        <v>66</v>
      </c>
      <c r="C55" s="6">
        <v>90</v>
      </c>
      <c r="D55" s="5">
        <v>156</v>
      </c>
    </row>
    <row r="56" spans="1:4" ht="18" customHeight="1" x14ac:dyDescent="0.15">
      <c r="A56" s="8">
        <v>42</v>
      </c>
      <c r="B56" s="21">
        <v>95</v>
      </c>
      <c r="C56" s="6">
        <v>83</v>
      </c>
      <c r="D56" s="5">
        <v>178</v>
      </c>
    </row>
    <row r="57" spans="1:4" ht="18" customHeight="1" x14ac:dyDescent="0.15">
      <c r="A57" s="8">
        <v>43</v>
      </c>
      <c r="B57" s="21">
        <v>74</v>
      </c>
      <c r="C57" s="6">
        <v>81</v>
      </c>
      <c r="D57" s="5">
        <v>155</v>
      </c>
    </row>
    <row r="58" spans="1:4" ht="18" customHeight="1" x14ac:dyDescent="0.15">
      <c r="A58" s="8">
        <v>44</v>
      </c>
      <c r="B58" s="21">
        <v>83</v>
      </c>
      <c r="C58" s="6">
        <v>90</v>
      </c>
      <c r="D58" s="5">
        <v>173</v>
      </c>
    </row>
    <row r="59" spans="1:4" ht="18" customHeight="1" x14ac:dyDescent="0.15">
      <c r="A59" s="8" t="s">
        <v>16</v>
      </c>
      <c r="B59" s="21">
        <v>382</v>
      </c>
      <c r="C59" s="6">
        <v>412</v>
      </c>
      <c r="D59" s="5">
        <v>794</v>
      </c>
    </row>
    <row r="60" spans="1:4" ht="18" customHeight="1" x14ac:dyDescent="0.15">
      <c r="A60" s="8">
        <v>45</v>
      </c>
      <c r="B60" s="21">
        <v>103</v>
      </c>
      <c r="C60" s="6">
        <v>84</v>
      </c>
      <c r="D60" s="5">
        <v>187</v>
      </c>
    </row>
    <row r="61" spans="1:4" ht="18" customHeight="1" x14ac:dyDescent="0.15">
      <c r="A61" s="8">
        <v>46</v>
      </c>
      <c r="B61" s="21">
        <v>85</v>
      </c>
      <c r="C61" s="6">
        <v>86</v>
      </c>
      <c r="D61" s="5">
        <v>171</v>
      </c>
    </row>
    <row r="62" spans="1:4" ht="18" customHeight="1" x14ac:dyDescent="0.15">
      <c r="A62" s="8">
        <v>47</v>
      </c>
      <c r="B62" s="21">
        <v>105</v>
      </c>
      <c r="C62" s="6">
        <v>118</v>
      </c>
      <c r="D62" s="5">
        <v>223</v>
      </c>
    </row>
    <row r="63" spans="1:4" ht="18" customHeight="1" x14ac:dyDescent="0.15">
      <c r="A63" s="8">
        <v>48</v>
      </c>
      <c r="B63" s="21">
        <v>116</v>
      </c>
      <c r="C63" s="6">
        <v>113</v>
      </c>
      <c r="D63" s="5">
        <v>229</v>
      </c>
    </row>
    <row r="64" spans="1:4" ht="18" customHeight="1" x14ac:dyDescent="0.15">
      <c r="A64" s="8">
        <v>49</v>
      </c>
      <c r="B64" s="21">
        <v>118</v>
      </c>
      <c r="C64" s="6">
        <v>126</v>
      </c>
      <c r="D64" s="5">
        <v>244</v>
      </c>
    </row>
    <row r="65" spans="1:4" ht="18" customHeight="1" x14ac:dyDescent="0.15">
      <c r="A65" s="8" t="s">
        <v>15</v>
      </c>
      <c r="B65" s="21">
        <v>527</v>
      </c>
      <c r="C65" s="6">
        <v>527</v>
      </c>
      <c r="D65" s="5">
        <v>1054</v>
      </c>
    </row>
    <row r="66" spans="1:4" ht="18" customHeight="1" x14ac:dyDescent="0.15">
      <c r="A66" s="8">
        <v>50</v>
      </c>
      <c r="B66" s="21">
        <v>106</v>
      </c>
      <c r="C66" s="6">
        <v>94</v>
      </c>
      <c r="D66" s="5">
        <v>200</v>
      </c>
    </row>
    <row r="67" spans="1:4" ht="18" customHeight="1" x14ac:dyDescent="0.15">
      <c r="A67" s="8">
        <v>51</v>
      </c>
      <c r="B67" s="21">
        <v>109</v>
      </c>
      <c r="C67" s="6">
        <v>112</v>
      </c>
      <c r="D67" s="5">
        <v>221</v>
      </c>
    </row>
    <row r="68" spans="1:4" ht="18" customHeight="1" x14ac:dyDescent="0.15">
      <c r="A68" s="8">
        <v>52</v>
      </c>
      <c r="B68" s="21">
        <v>125</v>
      </c>
      <c r="C68" s="6">
        <v>116</v>
      </c>
      <c r="D68" s="5">
        <v>241</v>
      </c>
    </row>
    <row r="69" spans="1:4" ht="18" customHeight="1" x14ac:dyDescent="0.15">
      <c r="A69" s="8">
        <v>53</v>
      </c>
      <c r="B69" s="21">
        <v>109</v>
      </c>
      <c r="C69" s="6">
        <v>113</v>
      </c>
      <c r="D69" s="5">
        <v>222</v>
      </c>
    </row>
    <row r="70" spans="1:4" ht="18" customHeight="1" x14ac:dyDescent="0.15">
      <c r="A70" s="8">
        <v>54</v>
      </c>
      <c r="B70" s="21">
        <v>89</v>
      </c>
      <c r="C70" s="6">
        <v>110</v>
      </c>
      <c r="D70" s="5">
        <v>199</v>
      </c>
    </row>
    <row r="71" spans="1:4" ht="18" customHeight="1" x14ac:dyDescent="0.15">
      <c r="A71" s="8" t="s">
        <v>14</v>
      </c>
      <c r="B71" s="21">
        <v>538</v>
      </c>
      <c r="C71" s="6">
        <v>545</v>
      </c>
      <c r="D71" s="5">
        <v>1083</v>
      </c>
    </row>
    <row r="72" spans="1:4" ht="18" customHeight="1" x14ac:dyDescent="0.15">
      <c r="A72" s="8">
        <v>55</v>
      </c>
      <c r="B72" s="21">
        <v>82</v>
      </c>
      <c r="C72" s="6">
        <v>99</v>
      </c>
      <c r="D72" s="5">
        <v>181</v>
      </c>
    </row>
    <row r="73" spans="1:4" ht="18" customHeight="1" x14ac:dyDescent="0.15">
      <c r="A73" s="8">
        <v>56</v>
      </c>
      <c r="B73" s="21">
        <v>92</v>
      </c>
      <c r="C73" s="6">
        <v>76</v>
      </c>
      <c r="D73" s="5">
        <v>168</v>
      </c>
    </row>
    <row r="74" spans="1:4" ht="18" customHeight="1" x14ac:dyDescent="0.15">
      <c r="A74" s="8">
        <v>57</v>
      </c>
      <c r="B74" s="21">
        <v>94</v>
      </c>
      <c r="C74" s="6">
        <v>86</v>
      </c>
      <c r="D74" s="5">
        <v>180</v>
      </c>
    </row>
    <row r="75" spans="1:4" ht="18" customHeight="1" x14ac:dyDescent="0.15">
      <c r="A75" s="8">
        <v>58</v>
      </c>
      <c r="B75" s="21">
        <v>71</v>
      </c>
      <c r="C75" s="6">
        <v>64</v>
      </c>
      <c r="D75" s="5">
        <v>135</v>
      </c>
    </row>
    <row r="76" spans="1:4" ht="18" customHeight="1" x14ac:dyDescent="0.15">
      <c r="A76" s="8">
        <v>59</v>
      </c>
      <c r="B76" s="21">
        <v>49</v>
      </c>
      <c r="C76" s="6">
        <v>42</v>
      </c>
      <c r="D76" s="5">
        <v>91</v>
      </c>
    </row>
    <row r="77" spans="1:4" ht="18" customHeight="1" x14ac:dyDescent="0.15">
      <c r="A77" s="8" t="s">
        <v>13</v>
      </c>
      <c r="B77" s="21">
        <v>388</v>
      </c>
      <c r="C77" s="6">
        <v>367</v>
      </c>
      <c r="D77" s="5">
        <v>755</v>
      </c>
    </row>
    <row r="78" spans="1:4" ht="18" customHeight="1" x14ac:dyDescent="0.15">
      <c r="A78" s="8">
        <v>60</v>
      </c>
      <c r="B78" s="21">
        <v>61</v>
      </c>
      <c r="C78" s="6">
        <v>80</v>
      </c>
      <c r="D78" s="5">
        <v>141</v>
      </c>
    </row>
    <row r="79" spans="1:4" ht="18" customHeight="1" x14ac:dyDescent="0.15">
      <c r="A79" s="8">
        <v>61</v>
      </c>
      <c r="B79" s="21">
        <v>56</v>
      </c>
      <c r="C79" s="6">
        <v>66</v>
      </c>
      <c r="D79" s="5">
        <v>122</v>
      </c>
    </row>
    <row r="80" spans="1:4" ht="18" customHeight="1" x14ac:dyDescent="0.15">
      <c r="A80" s="8">
        <v>62</v>
      </c>
      <c r="B80" s="21">
        <v>70</v>
      </c>
      <c r="C80" s="6">
        <v>67</v>
      </c>
      <c r="D80" s="5">
        <v>137</v>
      </c>
    </row>
    <row r="81" spans="1:4" ht="18" customHeight="1" x14ac:dyDescent="0.15">
      <c r="A81" s="8">
        <v>63</v>
      </c>
      <c r="B81" s="21">
        <v>66</v>
      </c>
      <c r="C81" s="6">
        <v>58</v>
      </c>
      <c r="D81" s="5">
        <v>124</v>
      </c>
    </row>
    <row r="82" spans="1:4" ht="18" customHeight="1" x14ac:dyDescent="0.15">
      <c r="A82" s="8">
        <v>64</v>
      </c>
      <c r="B82" s="21">
        <v>52</v>
      </c>
      <c r="C82" s="6">
        <v>71</v>
      </c>
      <c r="D82" s="5">
        <v>123</v>
      </c>
    </row>
    <row r="83" spans="1:4" ht="18" customHeight="1" x14ac:dyDescent="0.15">
      <c r="A83" s="8" t="s">
        <v>12</v>
      </c>
      <c r="B83" s="21">
        <v>305</v>
      </c>
      <c r="C83" s="6">
        <v>342</v>
      </c>
      <c r="D83" s="5">
        <v>647</v>
      </c>
    </row>
    <row r="84" spans="1:4" ht="18" customHeight="1" x14ac:dyDescent="0.15">
      <c r="A84" s="8" t="s">
        <v>11</v>
      </c>
      <c r="B84" s="21">
        <v>3988</v>
      </c>
      <c r="C84" s="6">
        <v>3802</v>
      </c>
      <c r="D84" s="5">
        <v>7790</v>
      </c>
    </row>
    <row r="85" spans="1:4" ht="18" customHeight="1" x14ac:dyDescent="0.15">
      <c r="A85" s="8">
        <v>65</v>
      </c>
      <c r="B85" s="21">
        <v>57</v>
      </c>
      <c r="C85" s="6">
        <v>58</v>
      </c>
      <c r="D85" s="5">
        <v>115</v>
      </c>
    </row>
    <row r="86" spans="1:4" ht="18" customHeight="1" x14ac:dyDescent="0.15">
      <c r="A86" s="8">
        <v>66</v>
      </c>
      <c r="B86" s="21">
        <v>59</v>
      </c>
      <c r="C86" s="6">
        <v>47</v>
      </c>
      <c r="D86" s="5">
        <v>106</v>
      </c>
    </row>
    <row r="87" spans="1:4" ht="18" customHeight="1" x14ac:dyDescent="0.15">
      <c r="A87" s="8">
        <v>67</v>
      </c>
      <c r="B87" s="21">
        <v>53</v>
      </c>
      <c r="C87" s="6">
        <v>57</v>
      </c>
      <c r="D87" s="5">
        <v>110</v>
      </c>
    </row>
    <row r="88" spans="1:4" ht="18" customHeight="1" x14ac:dyDescent="0.15">
      <c r="A88" s="8">
        <v>68</v>
      </c>
      <c r="B88" s="21">
        <v>45</v>
      </c>
      <c r="C88" s="6">
        <v>52</v>
      </c>
      <c r="D88" s="5">
        <v>97</v>
      </c>
    </row>
    <row r="89" spans="1:4" ht="18" customHeight="1" x14ac:dyDescent="0.15">
      <c r="A89" s="8">
        <v>69</v>
      </c>
      <c r="B89" s="21">
        <v>49</v>
      </c>
      <c r="C89" s="6">
        <v>50</v>
      </c>
      <c r="D89" s="5">
        <v>99</v>
      </c>
    </row>
    <row r="90" spans="1:4" ht="18" customHeight="1" x14ac:dyDescent="0.15">
      <c r="A90" s="8" t="s">
        <v>10</v>
      </c>
      <c r="B90" s="21">
        <v>263</v>
      </c>
      <c r="C90" s="6">
        <v>264</v>
      </c>
      <c r="D90" s="5">
        <v>527</v>
      </c>
    </row>
    <row r="91" spans="1:4" ht="18" customHeight="1" x14ac:dyDescent="0.15">
      <c r="A91" s="8">
        <v>70</v>
      </c>
      <c r="B91" s="21">
        <v>55</v>
      </c>
      <c r="C91" s="6">
        <v>59</v>
      </c>
      <c r="D91" s="5">
        <v>114</v>
      </c>
    </row>
    <row r="92" spans="1:4" ht="18" customHeight="1" x14ac:dyDescent="0.15">
      <c r="A92" s="8">
        <v>71</v>
      </c>
      <c r="B92" s="21">
        <v>45</v>
      </c>
      <c r="C92" s="6">
        <v>56</v>
      </c>
      <c r="D92" s="5">
        <v>101</v>
      </c>
    </row>
    <row r="93" spans="1:4" ht="18" customHeight="1" x14ac:dyDescent="0.15">
      <c r="A93" s="8">
        <v>72</v>
      </c>
      <c r="B93" s="21">
        <v>48</v>
      </c>
      <c r="C93" s="6">
        <v>62</v>
      </c>
      <c r="D93" s="5">
        <v>110</v>
      </c>
    </row>
    <row r="94" spans="1:4" ht="18" customHeight="1" x14ac:dyDescent="0.15">
      <c r="A94" s="8">
        <v>73</v>
      </c>
      <c r="B94" s="21">
        <v>63</v>
      </c>
      <c r="C94" s="6">
        <v>52</v>
      </c>
      <c r="D94" s="5">
        <v>115</v>
      </c>
    </row>
    <row r="95" spans="1:4" ht="18" customHeight="1" x14ac:dyDescent="0.15">
      <c r="A95" s="8">
        <v>74</v>
      </c>
      <c r="B95" s="21">
        <v>38</v>
      </c>
      <c r="C95" s="6">
        <v>65</v>
      </c>
      <c r="D95" s="5">
        <v>103</v>
      </c>
    </row>
    <row r="96" spans="1:4" ht="18" customHeight="1" x14ac:dyDescent="0.15">
      <c r="A96" s="8" t="s">
        <v>9</v>
      </c>
      <c r="B96" s="21">
        <v>249</v>
      </c>
      <c r="C96" s="6">
        <v>294</v>
      </c>
      <c r="D96" s="5">
        <v>543</v>
      </c>
    </row>
    <row r="97" spans="1:4" ht="18" customHeight="1" x14ac:dyDescent="0.15">
      <c r="A97" s="8">
        <v>75</v>
      </c>
      <c r="B97" s="21">
        <v>52</v>
      </c>
      <c r="C97" s="6">
        <v>66</v>
      </c>
      <c r="D97" s="5">
        <v>118</v>
      </c>
    </row>
    <row r="98" spans="1:4" ht="18" customHeight="1" x14ac:dyDescent="0.15">
      <c r="A98" s="8">
        <v>76</v>
      </c>
      <c r="B98" s="21">
        <v>54</v>
      </c>
      <c r="C98" s="6">
        <v>63</v>
      </c>
      <c r="D98" s="5">
        <v>117</v>
      </c>
    </row>
    <row r="99" spans="1:4" ht="18" customHeight="1" x14ac:dyDescent="0.15">
      <c r="A99" s="8">
        <v>77</v>
      </c>
      <c r="B99" s="21">
        <v>51</v>
      </c>
      <c r="C99" s="6">
        <v>69</v>
      </c>
      <c r="D99" s="5">
        <v>120</v>
      </c>
    </row>
    <row r="100" spans="1:4" ht="18" customHeight="1" x14ac:dyDescent="0.15">
      <c r="A100" s="8">
        <v>78</v>
      </c>
      <c r="B100" s="21">
        <v>55</v>
      </c>
      <c r="C100" s="6">
        <v>85</v>
      </c>
      <c r="D100" s="5">
        <v>140</v>
      </c>
    </row>
    <row r="101" spans="1:4" ht="18" customHeight="1" x14ac:dyDescent="0.15">
      <c r="A101" s="8">
        <v>79</v>
      </c>
      <c r="B101" s="21">
        <v>34</v>
      </c>
      <c r="C101" s="6">
        <v>40</v>
      </c>
      <c r="D101" s="5">
        <v>74</v>
      </c>
    </row>
    <row r="102" spans="1:4" ht="18" customHeight="1" x14ac:dyDescent="0.15">
      <c r="A102" s="8" t="s">
        <v>8</v>
      </c>
      <c r="B102" s="21">
        <v>246</v>
      </c>
      <c r="C102" s="6">
        <v>323</v>
      </c>
      <c r="D102" s="5">
        <v>569</v>
      </c>
    </row>
    <row r="103" spans="1:4" ht="18" customHeight="1" x14ac:dyDescent="0.15">
      <c r="A103" s="8">
        <v>80</v>
      </c>
      <c r="B103" s="21">
        <v>28</v>
      </c>
      <c r="C103" s="6">
        <v>28</v>
      </c>
      <c r="D103" s="5">
        <v>56</v>
      </c>
    </row>
    <row r="104" spans="1:4" ht="18" customHeight="1" x14ac:dyDescent="0.15">
      <c r="A104" s="8">
        <v>81</v>
      </c>
      <c r="B104" s="21">
        <v>31</v>
      </c>
      <c r="C104" s="6">
        <v>50</v>
      </c>
      <c r="D104" s="5">
        <v>81</v>
      </c>
    </row>
    <row r="105" spans="1:4" ht="18" customHeight="1" x14ac:dyDescent="0.15">
      <c r="A105" s="8">
        <v>82</v>
      </c>
      <c r="B105" s="21">
        <v>34</v>
      </c>
      <c r="C105" s="6">
        <v>38</v>
      </c>
      <c r="D105" s="5">
        <v>72</v>
      </c>
    </row>
    <row r="106" spans="1:4" ht="18" customHeight="1" x14ac:dyDescent="0.15">
      <c r="A106" s="8">
        <v>83</v>
      </c>
      <c r="B106" s="21">
        <v>36</v>
      </c>
      <c r="C106" s="6">
        <v>50</v>
      </c>
      <c r="D106" s="5">
        <v>86</v>
      </c>
    </row>
    <row r="107" spans="1:4" ht="18" customHeight="1" x14ac:dyDescent="0.15">
      <c r="A107" s="8">
        <v>84</v>
      </c>
      <c r="B107" s="21">
        <v>27</v>
      </c>
      <c r="C107" s="6">
        <v>34</v>
      </c>
      <c r="D107" s="5">
        <v>61</v>
      </c>
    </row>
    <row r="108" spans="1:4" ht="18" customHeight="1" x14ac:dyDescent="0.15">
      <c r="A108" s="8" t="s">
        <v>7</v>
      </c>
      <c r="B108" s="21">
        <v>156</v>
      </c>
      <c r="C108" s="6">
        <v>200</v>
      </c>
      <c r="D108" s="5">
        <v>356</v>
      </c>
    </row>
    <row r="109" spans="1:4" ht="18" customHeight="1" x14ac:dyDescent="0.15">
      <c r="A109" s="8">
        <v>85</v>
      </c>
      <c r="B109" s="21">
        <v>19</v>
      </c>
      <c r="C109" s="6">
        <v>29</v>
      </c>
      <c r="D109" s="5">
        <v>48</v>
      </c>
    </row>
    <row r="110" spans="1:4" ht="18" customHeight="1" x14ac:dyDescent="0.15">
      <c r="A110" s="8">
        <v>86</v>
      </c>
      <c r="B110" s="21">
        <v>17</v>
      </c>
      <c r="C110" s="6">
        <v>33</v>
      </c>
      <c r="D110" s="5">
        <v>50</v>
      </c>
    </row>
    <row r="111" spans="1:4" ht="18" customHeight="1" x14ac:dyDescent="0.15">
      <c r="A111" s="8">
        <v>87</v>
      </c>
      <c r="B111" s="21">
        <v>17</v>
      </c>
      <c r="C111" s="6">
        <v>23</v>
      </c>
      <c r="D111" s="5">
        <v>40</v>
      </c>
    </row>
    <row r="112" spans="1:4" ht="18" customHeight="1" x14ac:dyDescent="0.15">
      <c r="A112" s="8">
        <v>88</v>
      </c>
      <c r="B112" s="21">
        <v>16</v>
      </c>
      <c r="C112" s="6">
        <v>20</v>
      </c>
      <c r="D112" s="5">
        <v>36</v>
      </c>
    </row>
    <row r="113" spans="1:4" ht="18" customHeight="1" x14ac:dyDescent="0.15">
      <c r="A113" s="8">
        <v>89</v>
      </c>
      <c r="B113" s="21">
        <v>9</v>
      </c>
      <c r="C113" s="6">
        <v>25</v>
      </c>
      <c r="D113" s="5">
        <v>34</v>
      </c>
    </row>
    <row r="114" spans="1:4" ht="18" customHeight="1" x14ac:dyDescent="0.15">
      <c r="A114" s="8" t="s">
        <v>6</v>
      </c>
      <c r="B114" s="21">
        <v>78</v>
      </c>
      <c r="C114" s="6">
        <v>130</v>
      </c>
      <c r="D114" s="5">
        <v>208</v>
      </c>
    </row>
    <row r="115" spans="1:4" ht="18" customHeight="1" x14ac:dyDescent="0.15">
      <c r="A115" s="8">
        <v>90</v>
      </c>
      <c r="B115" s="21">
        <v>12</v>
      </c>
      <c r="C115" s="6">
        <v>27</v>
      </c>
      <c r="D115" s="5">
        <v>39</v>
      </c>
    </row>
    <row r="116" spans="1:4" ht="18" customHeight="1" x14ac:dyDescent="0.15">
      <c r="A116" s="8">
        <v>91</v>
      </c>
      <c r="B116" s="21">
        <v>8</v>
      </c>
      <c r="C116" s="6">
        <v>21</v>
      </c>
      <c r="D116" s="5">
        <v>29</v>
      </c>
    </row>
    <row r="117" spans="1:4" ht="18" customHeight="1" x14ac:dyDescent="0.15">
      <c r="A117" s="8">
        <v>92</v>
      </c>
      <c r="B117" s="21">
        <v>8</v>
      </c>
      <c r="C117" s="6">
        <v>32</v>
      </c>
      <c r="D117" s="5">
        <v>40</v>
      </c>
    </row>
    <row r="118" spans="1:4" ht="18" customHeight="1" x14ac:dyDescent="0.15">
      <c r="A118" s="8">
        <v>93</v>
      </c>
      <c r="B118" s="21">
        <v>1</v>
      </c>
      <c r="C118" s="6">
        <v>27</v>
      </c>
      <c r="D118" s="5">
        <v>28</v>
      </c>
    </row>
    <row r="119" spans="1:4" ht="18" customHeight="1" x14ac:dyDescent="0.15">
      <c r="A119" s="8">
        <v>94</v>
      </c>
      <c r="B119" s="21">
        <v>3</v>
      </c>
      <c r="C119" s="6">
        <v>15</v>
      </c>
      <c r="D119" s="5">
        <v>18</v>
      </c>
    </row>
    <row r="120" spans="1:4" ht="18" customHeight="1" x14ac:dyDescent="0.15">
      <c r="A120" s="8" t="s">
        <v>5</v>
      </c>
      <c r="B120" s="21">
        <v>32</v>
      </c>
      <c r="C120" s="6">
        <v>122</v>
      </c>
      <c r="D120" s="5">
        <v>154</v>
      </c>
    </row>
    <row r="121" spans="1:4" ht="18" customHeight="1" x14ac:dyDescent="0.15">
      <c r="A121" s="8">
        <v>95</v>
      </c>
      <c r="B121" s="21">
        <v>5</v>
      </c>
      <c r="C121" s="6">
        <v>13</v>
      </c>
      <c r="D121" s="5">
        <v>18</v>
      </c>
    </row>
    <row r="122" spans="1:4" ht="18" customHeight="1" x14ac:dyDescent="0.15">
      <c r="A122" s="8">
        <v>96</v>
      </c>
      <c r="B122" s="21">
        <v>2</v>
      </c>
      <c r="C122" s="6">
        <v>6</v>
      </c>
      <c r="D122" s="5">
        <v>8</v>
      </c>
    </row>
    <row r="123" spans="1:4" ht="18" customHeight="1" x14ac:dyDescent="0.15">
      <c r="A123" s="8">
        <v>97</v>
      </c>
      <c r="B123" s="21">
        <v>3</v>
      </c>
      <c r="C123" s="6">
        <v>7</v>
      </c>
      <c r="D123" s="5">
        <v>10</v>
      </c>
    </row>
    <row r="124" spans="1:4" ht="18" customHeight="1" x14ac:dyDescent="0.15">
      <c r="A124" s="8">
        <v>98</v>
      </c>
      <c r="B124" s="21">
        <v>3</v>
      </c>
      <c r="C124" s="6">
        <v>6</v>
      </c>
      <c r="D124" s="5">
        <v>9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14</v>
      </c>
      <c r="C126" s="6">
        <v>35</v>
      </c>
      <c r="D126" s="5">
        <v>49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8</v>
      </c>
      <c r="D128" s="5">
        <v>8</v>
      </c>
    </row>
    <row r="129" spans="1:4" ht="18" customHeight="1" x14ac:dyDescent="0.15">
      <c r="A129" s="8" t="s">
        <v>2</v>
      </c>
      <c r="B129" s="21">
        <v>0</v>
      </c>
      <c r="C129" s="6">
        <v>11</v>
      </c>
      <c r="D129" s="5">
        <v>11</v>
      </c>
    </row>
    <row r="130" spans="1:4" ht="18" customHeight="1" x14ac:dyDescent="0.15">
      <c r="A130" s="8" t="s">
        <v>1</v>
      </c>
      <c r="B130" s="21">
        <v>1038</v>
      </c>
      <c r="C130" s="6">
        <v>1379</v>
      </c>
      <c r="D130" s="5">
        <v>2417</v>
      </c>
    </row>
    <row r="131" spans="1:4" ht="18" customHeight="1" x14ac:dyDescent="0.15">
      <c r="A131" s="4" t="s">
        <v>0</v>
      </c>
      <c r="B131" s="20">
        <v>5861</v>
      </c>
      <c r="C131" s="2">
        <v>5967</v>
      </c>
      <c r="D131" s="1">
        <v>1182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A02AEE-0005-484E-8334-EFAB21BC95F4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3</v>
      </c>
      <c r="D5" s="30">
        <v>3</v>
      </c>
    </row>
    <row r="6" spans="1:4" ht="18" customHeight="1" x14ac:dyDescent="0.15">
      <c r="A6" s="8">
        <v>1</v>
      </c>
      <c r="B6" s="26">
        <v>6</v>
      </c>
      <c r="C6" s="6">
        <v>6</v>
      </c>
      <c r="D6" s="5">
        <v>12</v>
      </c>
    </row>
    <row r="7" spans="1:4" ht="18" customHeight="1" x14ac:dyDescent="0.15">
      <c r="A7" s="8">
        <v>2</v>
      </c>
      <c r="B7" s="26">
        <v>7</v>
      </c>
      <c r="C7" s="6">
        <v>3</v>
      </c>
      <c r="D7" s="5">
        <v>10</v>
      </c>
    </row>
    <row r="8" spans="1:4" ht="18" customHeight="1" x14ac:dyDescent="0.15">
      <c r="A8" s="8">
        <v>3</v>
      </c>
      <c r="B8" s="26">
        <v>7</v>
      </c>
      <c r="C8" s="6">
        <v>2</v>
      </c>
      <c r="D8" s="5">
        <v>9</v>
      </c>
    </row>
    <row r="9" spans="1:4" ht="18" customHeight="1" x14ac:dyDescent="0.15">
      <c r="A9" s="8">
        <v>4</v>
      </c>
      <c r="B9" s="29">
        <v>6</v>
      </c>
      <c r="C9" s="28">
        <v>7</v>
      </c>
      <c r="D9" s="27">
        <v>13</v>
      </c>
    </row>
    <row r="10" spans="1:4" ht="18" customHeight="1" x14ac:dyDescent="0.15">
      <c r="A10" s="8" t="s">
        <v>25</v>
      </c>
      <c r="B10" s="21">
        <v>26</v>
      </c>
      <c r="C10" s="6">
        <v>21</v>
      </c>
      <c r="D10" s="5">
        <v>47</v>
      </c>
    </row>
    <row r="11" spans="1:4" ht="18" customHeight="1" x14ac:dyDescent="0.15">
      <c r="A11" s="8">
        <v>5</v>
      </c>
      <c r="B11" s="26">
        <v>3</v>
      </c>
      <c r="C11" s="6">
        <v>6</v>
      </c>
      <c r="D11" s="5">
        <v>9</v>
      </c>
    </row>
    <row r="12" spans="1:4" ht="18" customHeight="1" x14ac:dyDescent="0.15">
      <c r="A12" s="8">
        <v>6</v>
      </c>
      <c r="B12" s="26">
        <v>7</v>
      </c>
      <c r="C12" s="6">
        <v>6</v>
      </c>
      <c r="D12" s="5">
        <v>13</v>
      </c>
    </row>
    <row r="13" spans="1:4" ht="18" customHeight="1" x14ac:dyDescent="0.15">
      <c r="A13" s="8">
        <v>7</v>
      </c>
      <c r="B13" s="26">
        <v>6</v>
      </c>
      <c r="C13" s="6">
        <v>7</v>
      </c>
      <c r="D13" s="5">
        <v>13</v>
      </c>
    </row>
    <row r="14" spans="1:4" ht="18" customHeight="1" x14ac:dyDescent="0.15">
      <c r="A14" s="8">
        <v>8</v>
      </c>
      <c r="B14" s="26">
        <v>8</v>
      </c>
      <c r="C14" s="6">
        <v>4</v>
      </c>
      <c r="D14" s="5">
        <v>12</v>
      </c>
    </row>
    <row r="15" spans="1:4" ht="18" customHeight="1" x14ac:dyDescent="0.15">
      <c r="A15" s="8">
        <v>9</v>
      </c>
      <c r="B15" s="26">
        <v>8</v>
      </c>
      <c r="C15" s="6">
        <v>9</v>
      </c>
      <c r="D15" s="5">
        <v>17</v>
      </c>
    </row>
    <row r="16" spans="1:4" ht="18" customHeight="1" x14ac:dyDescent="0.15">
      <c r="A16" s="8" t="s">
        <v>24</v>
      </c>
      <c r="B16" s="21">
        <v>32</v>
      </c>
      <c r="C16" s="6">
        <v>32</v>
      </c>
      <c r="D16" s="5">
        <v>64</v>
      </c>
    </row>
    <row r="17" spans="1:4" ht="18" customHeight="1" x14ac:dyDescent="0.15">
      <c r="A17" s="8">
        <v>10</v>
      </c>
      <c r="B17" s="21">
        <v>3</v>
      </c>
      <c r="C17" s="6">
        <v>6</v>
      </c>
      <c r="D17" s="5">
        <v>9</v>
      </c>
    </row>
    <row r="18" spans="1:4" ht="18" customHeight="1" x14ac:dyDescent="0.15">
      <c r="A18" s="8">
        <v>11</v>
      </c>
      <c r="B18" s="21">
        <v>6</v>
      </c>
      <c r="C18" s="6">
        <v>4</v>
      </c>
      <c r="D18" s="5">
        <v>10</v>
      </c>
    </row>
    <row r="19" spans="1:4" ht="18" customHeight="1" x14ac:dyDescent="0.15">
      <c r="A19" s="8">
        <v>12</v>
      </c>
      <c r="B19" s="21">
        <v>2</v>
      </c>
      <c r="C19" s="6">
        <v>5</v>
      </c>
      <c r="D19" s="5">
        <v>7</v>
      </c>
    </row>
    <row r="20" spans="1:4" ht="18" customHeight="1" x14ac:dyDescent="0.15">
      <c r="A20" s="8">
        <v>13</v>
      </c>
      <c r="B20" s="21">
        <v>8</v>
      </c>
      <c r="C20" s="6">
        <v>3</v>
      </c>
      <c r="D20" s="5">
        <v>11</v>
      </c>
    </row>
    <row r="21" spans="1:4" ht="18" customHeight="1" x14ac:dyDescent="0.15">
      <c r="A21" s="8">
        <v>14</v>
      </c>
      <c r="B21" s="21">
        <v>1</v>
      </c>
      <c r="C21" s="6">
        <v>8</v>
      </c>
      <c r="D21" s="5">
        <v>9</v>
      </c>
    </row>
    <row r="22" spans="1:4" ht="18" customHeight="1" x14ac:dyDescent="0.15">
      <c r="A22" s="8" t="s">
        <v>23</v>
      </c>
      <c r="B22" s="21">
        <v>20</v>
      </c>
      <c r="C22" s="6">
        <v>26</v>
      </c>
      <c r="D22" s="5">
        <v>46</v>
      </c>
    </row>
    <row r="23" spans="1:4" ht="18" customHeight="1" x14ac:dyDescent="0.15">
      <c r="A23" s="8" t="s">
        <v>22</v>
      </c>
      <c r="B23" s="21">
        <v>78</v>
      </c>
      <c r="C23" s="6">
        <v>79</v>
      </c>
      <c r="D23" s="5">
        <v>157</v>
      </c>
    </row>
    <row r="24" spans="1:4" ht="18" customHeight="1" x14ac:dyDescent="0.15">
      <c r="A24" s="8">
        <v>15</v>
      </c>
      <c r="B24" s="21">
        <v>5</v>
      </c>
      <c r="C24" s="6">
        <v>1</v>
      </c>
      <c r="D24" s="5">
        <v>6</v>
      </c>
    </row>
    <row r="25" spans="1:4" ht="18" customHeight="1" x14ac:dyDescent="0.15">
      <c r="A25" s="8">
        <v>16</v>
      </c>
      <c r="B25" s="21">
        <v>0</v>
      </c>
      <c r="C25" s="6">
        <v>6</v>
      </c>
      <c r="D25" s="5">
        <v>6</v>
      </c>
    </row>
    <row r="26" spans="1:4" ht="18" customHeight="1" x14ac:dyDescent="0.15">
      <c r="A26" s="8">
        <v>17</v>
      </c>
      <c r="B26" s="21">
        <v>7</v>
      </c>
      <c r="C26" s="6">
        <v>2</v>
      </c>
      <c r="D26" s="5">
        <v>9</v>
      </c>
    </row>
    <row r="27" spans="1:4" ht="18" customHeight="1" x14ac:dyDescent="0.15">
      <c r="A27" s="8">
        <v>18</v>
      </c>
      <c r="B27" s="21">
        <v>4</v>
      </c>
      <c r="C27" s="6">
        <v>4</v>
      </c>
      <c r="D27" s="5">
        <v>8</v>
      </c>
    </row>
    <row r="28" spans="1:4" ht="18" customHeight="1" x14ac:dyDescent="0.15">
      <c r="A28" s="8">
        <v>19</v>
      </c>
      <c r="B28" s="21">
        <v>3</v>
      </c>
      <c r="C28" s="6">
        <v>3</v>
      </c>
      <c r="D28" s="5">
        <v>6</v>
      </c>
    </row>
    <row r="29" spans="1:4" ht="18" customHeight="1" x14ac:dyDescent="0.15">
      <c r="A29" s="8" t="s">
        <v>21</v>
      </c>
      <c r="B29" s="21">
        <v>19</v>
      </c>
      <c r="C29" s="6">
        <v>16</v>
      </c>
      <c r="D29" s="5">
        <v>35</v>
      </c>
    </row>
    <row r="30" spans="1:4" ht="18" customHeight="1" x14ac:dyDescent="0.15">
      <c r="A30" s="8">
        <v>20</v>
      </c>
      <c r="B30" s="21">
        <v>2</v>
      </c>
      <c r="C30" s="6">
        <v>9</v>
      </c>
      <c r="D30" s="5">
        <v>11</v>
      </c>
    </row>
    <row r="31" spans="1:4" ht="18" customHeight="1" x14ac:dyDescent="0.15">
      <c r="A31" s="8">
        <v>21</v>
      </c>
      <c r="B31" s="21">
        <v>4</v>
      </c>
      <c r="C31" s="6">
        <v>4</v>
      </c>
      <c r="D31" s="5">
        <v>8</v>
      </c>
    </row>
    <row r="32" spans="1:4" ht="18" customHeight="1" x14ac:dyDescent="0.15">
      <c r="A32" s="8">
        <v>22</v>
      </c>
      <c r="B32" s="21">
        <v>1</v>
      </c>
      <c r="C32" s="6">
        <v>4</v>
      </c>
      <c r="D32" s="5">
        <v>5</v>
      </c>
    </row>
    <row r="33" spans="1:4" ht="18" customHeight="1" x14ac:dyDescent="0.15">
      <c r="A33" s="8">
        <v>23</v>
      </c>
      <c r="B33" s="21">
        <v>4</v>
      </c>
      <c r="C33" s="6">
        <v>7</v>
      </c>
      <c r="D33" s="5">
        <v>11</v>
      </c>
    </row>
    <row r="34" spans="1:4" ht="18" customHeight="1" x14ac:dyDescent="0.15">
      <c r="A34" s="8">
        <v>24</v>
      </c>
      <c r="B34" s="21">
        <v>2</v>
      </c>
      <c r="C34" s="6">
        <v>5</v>
      </c>
      <c r="D34" s="5">
        <v>7</v>
      </c>
    </row>
    <row r="35" spans="1:4" ht="18" customHeight="1" x14ac:dyDescent="0.15">
      <c r="A35" s="8" t="s">
        <v>20</v>
      </c>
      <c r="B35" s="21">
        <v>13</v>
      </c>
      <c r="C35" s="6">
        <v>29</v>
      </c>
      <c r="D35" s="5">
        <v>42</v>
      </c>
    </row>
    <row r="36" spans="1:4" ht="18" customHeight="1" x14ac:dyDescent="0.15">
      <c r="A36" s="8">
        <v>25</v>
      </c>
      <c r="B36" s="21">
        <v>5</v>
      </c>
      <c r="C36" s="6">
        <v>6</v>
      </c>
      <c r="D36" s="5">
        <v>11</v>
      </c>
    </row>
    <row r="37" spans="1:4" ht="18" customHeight="1" x14ac:dyDescent="0.15">
      <c r="A37" s="8">
        <v>26</v>
      </c>
      <c r="B37" s="21">
        <v>6</v>
      </c>
      <c r="C37" s="6">
        <v>3</v>
      </c>
      <c r="D37" s="5">
        <v>9</v>
      </c>
    </row>
    <row r="38" spans="1:4" ht="18" customHeight="1" x14ac:dyDescent="0.15">
      <c r="A38" s="8">
        <v>27</v>
      </c>
      <c r="B38" s="21">
        <v>5</v>
      </c>
      <c r="C38" s="6">
        <v>5</v>
      </c>
      <c r="D38" s="5">
        <v>10</v>
      </c>
    </row>
    <row r="39" spans="1:4" ht="18" customHeight="1" x14ac:dyDescent="0.15">
      <c r="A39" s="8">
        <v>28</v>
      </c>
      <c r="B39" s="21">
        <v>10</v>
      </c>
      <c r="C39" s="6">
        <v>4</v>
      </c>
      <c r="D39" s="5">
        <v>14</v>
      </c>
    </row>
    <row r="40" spans="1:4" ht="18" customHeight="1" x14ac:dyDescent="0.15">
      <c r="A40" s="8">
        <v>29</v>
      </c>
      <c r="B40" s="21">
        <v>6</v>
      </c>
      <c r="C40" s="6">
        <v>5</v>
      </c>
      <c r="D40" s="5">
        <v>11</v>
      </c>
    </row>
    <row r="41" spans="1:4" ht="18" customHeight="1" x14ac:dyDescent="0.15">
      <c r="A41" s="8" t="s">
        <v>19</v>
      </c>
      <c r="B41" s="21">
        <v>32</v>
      </c>
      <c r="C41" s="6">
        <v>23</v>
      </c>
      <c r="D41" s="5">
        <v>55</v>
      </c>
    </row>
    <row r="42" spans="1:4" ht="18" customHeight="1" x14ac:dyDescent="0.15">
      <c r="A42" s="8">
        <v>30</v>
      </c>
      <c r="B42" s="21">
        <v>8</v>
      </c>
      <c r="C42" s="6">
        <v>3</v>
      </c>
      <c r="D42" s="5">
        <v>11</v>
      </c>
    </row>
    <row r="43" spans="1:4" ht="18" customHeight="1" x14ac:dyDescent="0.15">
      <c r="A43" s="8">
        <v>31</v>
      </c>
      <c r="B43" s="21">
        <v>4</v>
      </c>
      <c r="C43" s="6">
        <v>5</v>
      </c>
      <c r="D43" s="5">
        <v>9</v>
      </c>
    </row>
    <row r="44" spans="1:4" ht="18" customHeight="1" x14ac:dyDescent="0.15">
      <c r="A44" s="8">
        <v>32</v>
      </c>
      <c r="B44" s="21">
        <v>11</v>
      </c>
      <c r="C44" s="6">
        <v>4</v>
      </c>
      <c r="D44" s="5">
        <v>15</v>
      </c>
    </row>
    <row r="45" spans="1:4" ht="18" customHeight="1" x14ac:dyDescent="0.15">
      <c r="A45" s="8">
        <v>33</v>
      </c>
      <c r="B45" s="21">
        <v>7</v>
      </c>
      <c r="C45" s="6">
        <v>4</v>
      </c>
      <c r="D45" s="5">
        <v>11</v>
      </c>
    </row>
    <row r="46" spans="1:4" ht="18" customHeight="1" x14ac:dyDescent="0.15">
      <c r="A46" s="8">
        <v>34</v>
      </c>
      <c r="B46" s="21">
        <v>11</v>
      </c>
      <c r="C46" s="6">
        <v>9</v>
      </c>
      <c r="D46" s="5">
        <v>20</v>
      </c>
    </row>
    <row r="47" spans="1:4" ht="18" customHeight="1" x14ac:dyDescent="0.15">
      <c r="A47" s="8" t="s">
        <v>18</v>
      </c>
      <c r="B47" s="21">
        <v>41</v>
      </c>
      <c r="C47" s="6">
        <v>25</v>
      </c>
      <c r="D47" s="5">
        <v>66</v>
      </c>
    </row>
    <row r="48" spans="1:4" ht="18" customHeight="1" x14ac:dyDescent="0.15">
      <c r="A48" s="8">
        <v>35</v>
      </c>
      <c r="B48" s="21">
        <v>12</v>
      </c>
      <c r="C48" s="6">
        <v>6</v>
      </c>
      <c r="D48" s="5">
        <v>18</v>
      </c>
    </row>
    <row r="49" spans="1:4" ht="18" customHeight="1" x14ac:dyDescent="0.15">
      <c r="A49" s="8">
        <v>36</v>
      </c>
      <c r="B49" s="21">
        <v>8</v>
      </c>
      <c r="C49" s="6">
        <v>7</v>
      </c>
      <c r="D49" s="5">
        <v>15</v>
      </c>
    </row>
    <row r="50" spans="1:4" ht="18" customHeight="1" x14ac:dyDescent="0.15">
      <c r="A50" s="8">
        <v>37</v>
      </c>
      <c r="B50" s="21">
        <v>6</v>
      </c>
      <c r="C50" s="6">
        <v>10</v>
      </c>
      <c r="D50" s="5">
        <v>16</v>
      </c>
    </row>
    <row r="51" spans="1:4" ht="18" customHeight="1" x14ac:dyDescent="0.15">
      <c r="A51" s="8">
        <v>38</v>
      </c>
      <c r="B51" s="21">
        <v>7</v>
      </c>
      <c r="C51" s="6">
        <v>7</v>
      </c>
      <c r="D51" s="5">
        <v>14</v>
      </c>
    </row>
    <row r="52" spans="1:4" ht="18" customHeight="1" x14ac:dyDescent="0.15">
      <c r="A52" s="8">
        <v>39</v>
      </c>
      <c r="B52" s="21">
        <v>6</v>
      </c>
      <c r="C52" s="6">
        <v>11</v>
      </c>
      <c r="D52" s="5">
        <v>17</v>
      </c>
    </row>
    <row r="53" spans="1:4" ht="18" customHeight="1" x14ac:dyDescent="0.15">
      <c r="A53" s="8" t="s">
        <v>17</v>
      </c>
      <c r="B53" s="21">
        <v>39</v>
      </c>
      <c r="C53" s="6">
        <v>41</v>
      </c>
      <c r="D53" s="5">
        <v>80</v>
      </c>
    </row>
    <row r="54" spans="1:4" ht="18" customHeight="1" x14ac:dyDescent="0.15">
      <c r="A54" s="8">
        <v>40</v>
      </c>
      <c r="B54" s="21">
        <v>9</v>
      </c>
      <c r="C54" s="6">
        <v>9</v>
      </c>
      <c r="D54" s="5">
        <v>18</v>
      </c>
    </row>
    <row r="55" spans="1:4" ht="18" customHeight="1" x14ac:dyDescent="0.15">
      <c r="A55" s="8">
        <v>41</v>
      </c>
      <c r="B55" s="21">
        <v>13</v>
      </c>
      <c r="C55" s="6">
        <v>7</v>
      </c>
      <c r="D55" s="5">
        <v>20</v>
      </c>
    </row>
    <row r="56" spans="1:4" ht="18" customHeight="1" x14ac:dyDescent="0.15">
      <c r="A56" s="8">
        <v>42</v>
      </c>
      <c r="B56" s="21">
        <v>9</v>
      </c>
      <c r="C56" s="6">
        <v>9</v>
      </c>
      <c r="D56" s="5">
        <v>18</v>
      </c>
    </row>
    <row r="57" spans="1:4" ht="18" customHeight="1" x14ac:dyDescent="0.15">
      <c r="A57" s="8">
        <v>43</v>
      </c>
      <c r="B57" s="21">
        <v>1</v>
      </c>
      <c r="C57" s="6">
        <v>12</v>
      </c>
      <c r="D57" s="5">
        <v>13</v>
      </c>
    </row>
    <row r="58" spans="1:4" ht="18" customHeight="1" x14ac:dyDescent="0.15">
      <c r="A58" s="8">
        <v>44</v>
      </c>
      <c r="B58" s="21">
        <v>4</v>
      </c>
      <c r="C58" s="6">
        <v>7</v>
      </c>
      <c r="D58" s="5">
        <v>11</v>
      </c>
    </row>
    <row r="59" spans="1:4" ht="18" customHeight="1" x14ac:dyDescent="0.15">
      <c r="A59" s="8" t="s">
        <v>16</v>
      </c>
      <c r="B59" s="21">
        <v>36</v>
      </c>
      <c r="C59" s="6">
        <v>44</v>
      </c>
      <c r="D59" s="5">
        <v>80</v>
      </c>
    </row>
    <row r="60" spans="1:4" ht="18" customHeight="1" x14ac:dyDescent="0.15">
      <c r="A60" s="8">
        <v>45</v>
      </c>
      <c r="B60" s="21">
        <v>10</v>
      </c>
      <c r="C60" s="6">
        <v>3</v>
      </c>
      <c r="D60" s="5">
        <v>13</v>
      </c>
    </row>
    <row r="61" spans="1:4" ht="18" customHeight="1" x14ac:dyDescent="0.15">
      <c r="A61" s="8">
        <v>46</v>
      </c>
      <c r="B61" s="21">
        <v>12</v>
      </c>
      <c r="C61" s="6">
        <v>7</v>
      </c>
      <c r="D61" s="5">
        <v>19</v>
      </c>
    </row>
    <row r="62" spans="1:4" ht="18" customHeight="1" x14ac:dyDescent="0.15">
      <c r="A62" s="8">
        <v>47</v>
      </c>
      <c r="B62" s="21">
        <v>13</v>
      </c>
      <c r="C62" s="6">
        <v>8</v>
      </c>
      <c r="D62" s="5">
        <v>21</v>
      </c>
    </row>
    <row r="63" spans="1:4" ht="18" customHeight="1" x14ac:dyDescent="0.15">
      <c r="A63" s="8">
        <v>48</v>
      </c>
      <c r="B63" s="21">
        <v>8</v>
      </c>
      <c r="C63" s="6">
        <v>6</v>
      </c>
      <c r="D63" s="5">
        <v>14</v>
      </c>
    </row>
    <row r="64" spans="1:4" ht="18" customHeight="1" x14ac:dyDescent="0.15">
      <c r="A64" s="8">
        <v>49</v>
      </c>
      <c r="B64" s="21">
        <v>2</v>
      </c>
      <c r="C64" s="6">
        <v>7</v>
      </c>
      <c r="D64" s="5">
        <v>9</v>
      </c>
    </row>
    <row r="65" spans="1:4" ht="18" customHeight="1" x14ac:dyDescent="0.15">
      <c r="A65" s="8" t="s">
        <v>15</v>
      </c>
      <c r="B65" s="21">
        <v>45</v>
      </c>
      <c r="C65" s="6">
        <v>31</v>
      </c>
      <c r="D65" s="5">
        <v>76</v>
      </c>
    </row>
    <row r="66" spans="1:4" ht="18" customHeight="1" x14ac:dyDescent="0.15">
      <c r="A66" s="8">
        <v>50</v>
      </c>
      <c r="B66" s="21">
        <v>6</v>
      </c>
      <c r="C66" s="6">
        <v>3</v>
      </c>
      <c r="D66" s="5">
        <v>9</v>
      </c>
    </row>
    <row r="67" spans="1:4" ht="18" customHeight="1" x14ac:dyDescent="0.15">
      <c r="A67" s="8">
        <v>51</v>
      </c>
      <c r="B67" s="21">
        <v>10</v>
      </c>
      <c r="C67" s="6">
        <v>11</v>
      </c>
      <c r="D67" s="5">
        <v>21</v>
      </c>
    </row>
    <row r="68" spans="1:4" ht="18" customHeight="1" x14ac:dyDescent="0.15">
      <c r="A68" s="8">
        <v>52</v>
      </c>
      <c r="B68" s="21">
        <v>11</v>
      </c>
      <c r="C68" s="6">
        <v>12</v>
      </c>
      <c r="D68" s="5">
        <v>23</v>
      </c>
    </row>
    <row r="69" spans="1:4" ht="18" customHeight="1" x14ac:dyDescent="0.15">
      <c r="A69" s="8">
        <v>53</v>
      </c>
      <c r="B69" s="21">
        <v>10</v>
      </c>
      <c r="C69" s="6">
        <v>7</v>
      </c>
      <c r="D69" s="5">
        <v>17</v>
      </c>
    </row>
    <row r="70" spans="1:4" ht="18" customHeight="1" x14ac:dyDescent="0.15">
      <c r="A70" s="8">
        <v>54</v>
      </c>
      <c r="B70" s="21">
        <v>6</v>
      </c>
      <c r="C70" s="6">
        <v>11</v>
      </c>
      <c r="D70" s="5">
        <v>17</v>
      </c>
    </row>
    <row r="71" spans="1:4" ht="18" customHeight="1" x14ac:dyDescent="0.15">
      <c r="A71" s="8" t="s">
        <v>14</v>
      </c>
      <c r="B71" s="21">
        <v>43</v>
      </c>
      <c r="C71" s="6">
        <v>44</v>
      </c>
      <c r="D71" s="5">
        <v>87</v>
      </c>
    </row>
    <row r="72" spans="1:4" ht="18" customHeight="1" x14ac:dyDescent="0.15">
      <c r="A72" s="8">
        <v>55</v>
      </c>
      <c r="B72" s="21">
        <v>8</v>
      </c>
      <c r="C72" s="6">
        <v>9</v>
      </c>
      <c r="D72" s="5">
        <v>17</v>
      </c>
    </row>
    <row r="73" spans="1:4" ht="18" customHeight="1" x14ac:dyDescent="0.15">
      <c r="A73" s="8">
        <v>56</v>
      </c>
      <c r="B73" s="21">
        <v>10</v>
      </c>
      <c r="C73" s="6">
        <v>7</v>
      </c>
      <c r="D73" s="5">
        <v>17</v>
      </c>
    </row>
    <row r="74" spans="1:4" ht="18" customHeight="1" x14ac:dyDescent="0.15">
      <c r="A74" s="8">
        <v>57</v>
      </c>
      <c r="B74" s="21">
        <v>10</v>
      </c>
      <c r="C74" s="6">
        <v>13</v>
      </c>
      <c r="D74" s="5">
        <v>23</v>
      </c>
    </row>
    <row r="75" spans="1:4" ht="18" customHeight="1" x14ac:dyDescent="0.15">
      <c r="A75" s="8">
        <v>58</v>
      </c>
      <c r="B75" s="21">
        <v>8</v>
      </c>
      <c r="C75" s="6">
        <v>5</v>
      </c>
      <c r="D75" s="5">
        <v>13</v>
      </c>
    </row>
    <row r="76" spans="1:4" ht="18" customHeight="1" x14ac:dyDescent="0.15">
      <c r="A76" s="8">
        <v>59</v>
      </c>
      <c r="B76" s="21">
        <v>7</v>
      </c>
      <c r="C76" s="6">
        <v>8</v>
      </c>
      <c r="D76" s="5">
        <v>15</v>
      </c>
    </row>
    <row r="77" spans="1:4" ht="18" customHeight="1" x14ac:dyDescent="0.15">
      <c r="A77" s="8" t="s">
        <v>13</v>
      </c>
      <c r="B77" s="21">
        <v>43</v>
      </c>
      <c r="C77" s="6">
        <v>42</v>
      </c>
      <c r="D77" s="5">
        <v>85</v>
      </c>
    </row>
    <row r="78" spans="1:4" ht="18" customHeight="1" x14ac:dyDescent="0.15">
      <c r="A78" s="8">
        <v>60</v>
      </c>
      <c r="B78" s="21">
        <v>10</v>
      </c>
      <c r="C78" s="6">
        <v>12</v>
      </c>
      <c r="D78" s="5">
        <v>22</v>
      </c>
    </row>
    <row r="79" spans="1:4" ht="18" customHeight="1" x14ac:dyDescent="0.15">
      <c r="A79" s="8">
        <v>61</v>
      </c>
      <c r="B79" s="21">
        <v>10</v>
      </c>
      <c r="C79" s="6">
        <v>7</v>
      </c>
      <c r="D79" s="5">
        <v>17</v>
      </c>
    </row>
    <row r="80" spans="1:4" ht="18" customHeight="1" x14ac:dyDescent="0.15">
      <c r="A80" s="8">
        <v>62</v>
      </c>
      <c r="B80" s="21">
        <v>12</v>
      </c>
      <c r="C80" s="6">
        <v>13</v>
      </c>
      <c r="D80" s="5">
        <v>25</v>
      </c>
    </row>
    <row r="81" spans="1:4" ht="18" customHeight="1" x14ac:dyDescent="0.15">
      <c r="A81" s="8">
        <v>63</v>
      </c>
      <c r="B81" s="21">
        <v>7</v>
      </c>
      <c r="C81" s="6">
        <v>13</v>
      </c>
      <c r="D81" s="5">
        <v>20</v>
      </c>
    </row>
    <row r="82" spans="1:4" ht="18" customHeight="1" x14ac:dyDescent="0.15">
      <c r="A82" s="8">
        <v>64</v>
      </c>
      <c r="B82" s="21">
        <v>3</v>
      </c>
      <c r="C82" s="6">
        <v>13</v>
      </c>
      <c r="D82" s="5">
        <v>16</v>
      </c>
    </row>
    <row r="83" spans="1:4" ht="18" customHeight="1" x14ac:dyDescent="0.15">
      <c r="A83" s="8" t="s">
        <v>12</v>
      </c>
      <c r="B83" s="21">
        <v>42</v>
      </c>
      <c r="C83" s="6">
        <v>58</v>
      </c>
      <c r="D83" s="5">
        <v>100</v>
      </c>
    </row>
    <row r="84" spans="1:4" ht="18" customHeight="1" x14ac:dyDescent="0.15">
      <c r="A84" s="8" t="s">
        <v>11</v>
      </c>
      <c r="B84" s="21">
        <v>353</v>
      </c>
      <c r="C84" s="6">
        <v>353</v>
      </c>
      <c r="D84" s="5">
        <v>706</v>
      </c>
    </row>
    <row r="85" spans="1:4" ht="18" customHeight="1" x14ac:dyDescent="0.15">
      <c r="A85" s="8">
        <v>65</v>
      </c>
      <c r="B85" s="21">
        <v>13</v>
      </c>
      <c r="C85" s="6">
        <v>12</v>
      </c>
      <c r="D85" s="5">
        <v>25</v>
      </c>
    </row>
    <row r="86" spans="1:4" ht="18" customHeight="1" x14ac:dyDescent="0.15">
      <c r="A86" s="8">
        <v>66</v>
      </c>
      <c r="B86" s="21">
        <v>13</v>
      </c>
      <c r="C86" s="6">
        <v>13</v>
      </c>
      <c r="D86" s="5">
        <v>26</v>
      </c>
    </row>
    <row r="87" spans="1:4" ht="18" customHeight="1" x14ac:dyDescent="0.15">
      <c r="A87" s="8">
        <v>67</v>
      </c>
      <c r="B87" s="21">
        <v>10</v>
      </c>
      <c r="C87" s="6">
        <v>8</v>
      </c>
      <c r="D87" s="5">
        <v>18</v>
      </c>
    </row>
    <row r="88" spans="1:4" ht="18" customHeight="1" x14ac:dyDescent="0.15">
      <c r="A88" s="8">
        <v>68</v>
      </c>
      <c r="B88" s="21">
        <v>9</v>
      </c>
      <c r="C88" s="6">
        <v>6</v>
      </c>
      <c r="D88" s="5">
        <v>15</v>
      </c>
    </row>
    <row r="89" spans="1:4" ht="18" customHeight="1" x14ac:dyDescent="0.15">
      <c r="A89" s="8">
        <v>69</v>
      </c>
      <c r="B89" s="21">
        <v>12</v>
      </c>
      <c r="C89" s="6">
        <v>9</v>
      </c>
      <c r="D89" s="5">
        <v>21</v>
      </c>
    </row>
    <row r="90" spans="1:4" ht="18" customHeight="1" x14ac:dyDescent="0.15">
      <c r="A90" s="8" t="s">
        <v>10</v>
      </c>
      <c r="B90" s="21">
        <v>57</v>
      </c>
      <c r="C90" s="6">
        <v>48</v>
      </c>
      <c r="D90" s="5">
        <v>105</v>
      </c>
    </row>
    <row r="91" spans="1:4" ht="18" customHeight="1" x14ac:dyDescent="0.15">
      <c r="A91" s="8">
        <v>70</v>
      </c>
      <c r="B91" s="21">
        <v>10</v>
      </c>
      <c r="C91" s="6">
        <v>14</v>
      </c>
      <c r="D91" s="5">
        <v>24</v>
      </c>
    </row>
    <row r="92" spans="1:4" ht="18" customHeight="1" x14ac:dyDescent="0.15">
      <c r="A92" s="8">
        <v>71</v>
      </c>
      <c r="B92" s="21">
        <v>9</v>
      </c>
      <c r="C92" s="6">
        <v>11</v>
      </c>
      <c r="D92" s="5">
        <v>20</v>
      </c>
    </row>
    <row r="93" spans="1:4" ht="18" customHeight="1" x14ac:dyDescent="0.15">
      <c r="A93" s="8">
        <v>72</v>
      </c>
      <c r="B93" s="21">
        <v>14</v>
      </c>
      <c r="C93" s="6">
        <v>6</v>
      </c>
      <c r="D93" s="5">
        <v>20</v>
      </c>
    </row>
    <row r="94" spans="1:4" ht="18" customHeight="1" x14ac:dyDescent="0.15">
      <c r="A94" s="8">
        <v>73</v>
      </c>
      <c r="B94" s="21">
        <v>8</v>
      </c>
      <c r="C94" s="6">
        <v>15</v>
      </c>
      <c r="D94" s="5">
        <v>23</v>
      </c>
    </row>
    <row r="95" spans="1:4" ht="18" customHeight="1" x14ac:dyDescent="0.15">
      <c r="A95" s="8">
        <v>74</v>
      </c>
      <c r="B95" s="21">
        <v>13</v>
      </c>
      <c r="C95" s="6">
        <v>10</v>
      </c>
      <c r="D95" s="5">
        <v>23</v>
      </c>
    </row>
    <row r="96" spans="1:4" ht="18" customHeight="1" x14ac:dyDescent="0.15">
      <c r="A96" s="8" t="s">
        <v>9</v>
      </c>
      <c r="B96" s="21">
        <v>54</v>
      </c>
      <c r="C96" s="6">
        <v>56</v>
      </c>
      <c r="D96" s="5">
        <v>110</v>
      </c>
    </row>
    <row r="97" spans="1:4" ht="18" customHeight="1" x14ac:dyDescent="0.15">
      <c r="A97" s="8">
        <v>75</v>
      </c>
      <c r="B97" s="21">
        <v>6</v>
      </c>
      <c r="C97" s="6">
        <v>12</v>
      </c>
      <c r="D97" s="5">
        <v>18</v>
      </c>
    </row>
    <row r="98" spans="1:4" ht="18" customHeight="1" x14ac:dyDescent="0.15">
      <c r="A98" s="8">
        <v>76</v>
      </c>
      <c r="B98" s="21">
        <v>11</v>
      </c>
      <c r="C98" s="6">
        <v>10</v>
      </c>
      <c r="D98" s="5">
        <v>21</v>
      </c>
    </row>
    <row r="99" spans="1:4" ht="18" customHeight="1" x14ac:dyDescent="0.15">
      <c r="A99" s="8">
        <v>77</v>
      </c>
      <c r="B99" s="21">
        <v>11</v>
      </c>
      <c r="C99" s="6">
        <v>9</v>
      </c>
      <c r="D99" s="5">
        <v>20</v>
      </c>
    </row>
    <row r="100" spans="1:4" ht="18" customHeight="1" x14ac:dyDescent="0.15">
      <c r="A100" s="8">
        <v>78</v>
      </c>
      <c r="B100" s="21">
        <v>10</v>
      </c>
      <c r="C100" s="6">
        <v>16</v>
      </c>
      <c r="D100" s="5">
        <v>26</v>
      </c>
    </row>
    <row r="101" spans="1:4" ht="18" customHeight="1" x14ac:dyDescent="0.15">
      <c r="A101" s="8">
        <v>79</v>
      </c>
      <c r="B101" s="21">
        <v>4</v>
      </c>
      <c r="C101" s="6">
        <v>4</v>
      </c>
      <c r="D101" s="5">
        <v>8</v>
      </c>
    </row>
    <row r="102" spans="1:4" ht="18" customHeight="1" x14ac:dyDescent="0.15">
      <c r="A102" s="8" t="s">
        <v>8</v>
      </c>
      <c r="B102" s="21">
        <v>42</v>
      </c>
      <c r="C102" s="6">
        <v>51</v>
      </c>
      <c r="D102" s="5">
        <v>93</v>
      </c>
    </row>
    <row r="103" spans="1:4" ht="18" customHeight="1" x14ac:dyDescent="0.15">
      <c r="A103" s="8">
        <v>80</v>
      </c>
      <c r="B103" s="21">
        <v>6</v>
      </c>
      <c r="C103" s="6">
        <v>7</v>
      </c>
      <c r="D103" s="5">
        <v>13</v>
      </c>
    </row>
    <row r="104" spans="1:4" ht="18" customHeight="1" x14ac:dyDescent="0.15">
      <c r="A104" s="8">
        <v>81</v>
      </c>
      <c r="B104" s="21">
        <v>7</v>
      </c>
      <c r="C104" s="6">
        <v>8</v>
      </c>
      <c r="D104" s="5">
        <v>15</v>
      </c>
    </row>
    <row r="105" spans="1:4" ht="18" customHeight="1" x14ac:dyDescent="0.15">
      <c r="A105" s="8">
        <v>82</v>
      </c>
      <c r="B105" s="21">
        <v>7</v>
      </c>
      <c r="C105" s="6">
        <v>17</v>
      </c>
      <c r="D105" s="5">
        <v>24</v>
      </c>
    </row>
    <row r="106" spans="1:4" ht="18" customHeight="1" x14ac:dyDescent="0.15">
      <c r="A106" s="8">
        <v>83</v>
      </c>
      <c r="B106" s="21">
        <v>6</v>
      </c>
      <c r="C106" s="6">
        <v>9</v>
      </c>
      <c r="D106" s="5">
        <v>15</v>
      </c>
    </row>
    <row r="107" spans="1:4" ht="18" customHeight="1" x14ac:dyDescent="0.15">
      <c r="A107" s="8">
        <v>84</v>
      </c>
      <c r="B107" s="21">
        <v>4</v>
      </c>
      <c r="C107" s="6">
        <v>5</v>
      </c>
      <c r="D107" s="5">
        <v>9</v>
      </c>
    </row>
    <row r="108" spans="1:4" ht="18" customHeight="1" x14ac:dyDescent="0.15">
      <c r="A108" s="8" t="s">
        <v>7</v>
      </c>
      <c r="B108" s="21">
        <v>30</v>
      </c>
      <c r="C108" s="6">
        <v>46</v>
      </c>
      <c r="D108" s="5">
        <v>76</v>
      </c>
    </row>
    <row r="109" spans="1:4" ht="18" customHeight="1" x14ac:dyDescent="0.15">
      <c r="A109" s="8">
        <v>85</v>
      </c>
      <c r="B109" s="21">
        <v>5</v>
      </c>
      <c r="C109" s="6">
        <v>11</v>
      </c>
      <c r="D109" s="5">
        <v>16</v>
      </c>
    </row>
    <row r="110" spans="1:4" ht="18" customHeight="1" x14ac:dyDescent="0.15">
      <c r="A110" s="8">
        <v>86</v>
      </c>
      <c r="B110" s="21">
        <v>5</v>
      </c>
      <c r="C110" s="6">
        <v>8</v>
      </c>
      <c r="D110" s="5">
        <v>13</v>
      </c>
    </row>
    <row r="111" spans="1:4" ht="18" customHeight="1" x14ac:dyDescent="0.15">
      <c r="A111" s="8">
        <v>87</v>
      </c>
      <c r="B111" s="21">
        <v>0</v>
      </c>
      <c r="C111" s="6">
        <v>4</v>
      </c>
      <c r="D111" s="5">
        <v>4</v>
      </c>
    </row>
    <row r="112" spans="1:4" ht="18" customHeight="1" x14ac:dyDescent="0.15">
      <c r="A112" s="8">
        <v>88</v>
      </c>
      <c r="B112" s="21">
        <v>4</v>
      </c>
      <c r="C112" s="6">
        <v>8</v>
      </c>
      <c r="D112" s="5">
        <v>12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18</v>
      </c>
      <c r="C114" s="6">
        <v>37</v>
      </c>
      <c r="D114" s="5">
        <v>55</v>
      </c>
    </row>
    <row r="115" spans="1:4" ht="18" customHeight="1" x14ac:dyDescent="0.15">
      <c r="A115" s="8">
        <v>90</v>
      </c>
      <c r="B115" s="21">
        <v>8</v>
      </c>
      <c r="C115" s="6">
        <v>6</v>
      </c>
      <c r="D115" s="5">
        <v>14</v>
      </c>
    </row>
    <row r="116" spans="1:4" ht="18" customHeight="1" x14ac:dyDescent="0.15">
      <c r="A116" s="8">
        <v>91</v>
      </c>
      <c r="B116" s="21">
        <v>1</v>
      </c>
      <c r="C116" s="6">
        <v>8</v>
      </c>
      <c r="D116" s="5">
        <v>9</v>
      </c>
    </row>
    <row r="117" spans="1:4" ht="18" customHeight="1" x14ac:dyDescent="0.15">
      <c r="A117" s="8">
        <v>92</v>
      </c>
      <c r="B117" s="21">
        <v>3</v>
      </c>
      <c r="C117" s="6">
        <v>8</v>
      </c>
      <c r="D117" s="5">
        <v>11</v>
      </c>
    </row>
    <row r="118" spans="1:4" ht="18" customHeight="1" x14ac:dyDescent="0.15">
      <c r="A118" s="8">
        <v>93</v>
      </c>
      <c r="B118" s="21">
        <v>2</v>
      </c>
      <c r="C118" s="6">
        <v>3</v>
      </c>
      <c r="D118" s="5">
        <v>5</v>
      </c>
    </row>
    <row r="119" spans="1:4" ht="18" customHeight="1" x14ac:dyDescent="0.15">
      <c r="A119" s="8">
        <v>94</v>
      </c>
      <c r="B119" s="21">
        <v>3</v>
      </c>
      <c r="C119" s="6">
        <v>5</v>
      </c>
      <c r="D119" s="5">
        <v>8</v>
      </c>
    </row>
    <row r="120" spans="1:4" ht="18" customHeight="1" x14ac:dyDescent="0.15">
      <c r="A120" s="8" t="s">
        <v>5</v>
      </c>
      <c r="B120" s="21">
        <v>17</v>
      </c>
      <c r="C120" s="6">
        <v>30</v>
      </c>
      <c r="D120" s="5">
        <v>47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0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19</v>
      </c>
      <c r="C130" s="6">
        <v>280</v>
      </c>
      <c r="D130" s="5">
        <v>499</v>
      </c>
    </row>
    <row r="131" spans="1:4" ht="18" customHeight="1" x14ac:dyDescent="0.15">
      <c r="A131" s="4" t="s">
        <v>0</v>
      </c>
      <c r="B131" s="20">
        <v>650</v>
      </c>
      <c r="C131" s="2">
        <v>712</v>
      </c>
      <c r="D131" s="1">
        <v>13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0801F7-F48E-474F-81E6-0EB2AB72745C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4</v>
      </c>
      <c r="C5" s="31">
        <v>6</v>
      </c>
      <c r="D5" s="30">
        <v>10</v>
      </c>
    </row>
    <row r="6" spans="1:4" ht="18" customHeight="1" x14ac:dyDescent="0.15">
      <c r="A6" s="8">
        <v>1</v>
      </c>
      <c r="B6" s="26">
        <v>4</v>
      </c>
      <c r="C6" s="6">
        <v>6</v>
      </c>
      <c r="D6" s="5">
        <v>10</v>
      </c>
    </row>
    <row r="7" spans="1:4" ht="18" customHeight="1" x14ac:dyDescent="0.15">
      <c r="A7" s="8">
        <v>2</v>
      </c>
      <c r="B7" s="26">
        <v>7</v>
      </c>
      <c r="C7" s="6">
        <v>7</v>
      </c>
      <c r="D7" s="5">
        <v>14</v>
      </c>
    </row>
    <row r="8" spans="1:4" ht="18" customHeight="1" x14ac:dyDescent="0.15">
      <c r="A8" s="8">
        <v>3</v>
      </c>
      <c r="B8" s="26">
        <v>9</v>
      </c>
      <c r="C8" s="6">
        <v>8</v>
      </c>
      <c r="D8" s="5">
        <v>17</v>
      </c>
    </row>
    <row r="9" spans="1:4" ht="18" customHeight="1" x14ac:dyDescent="0.15">
      <c r="A9" s="8">
        <v>4</v>
      </c>
      <c r="B9" s="29">
        <v>4</v>
      </c>
      <c r="C9" s="28">
        <v>13</v>
      </c>
      <c r="D9" s="27">
        <v>17</v>
      </c>
    </row>
    <row r="10" spans="1:4" ht="18" customHeight="1" x14ac:dyDescent="0.15">
      <c r="A10" s="8" t="s">
        <v>25</v>
      </c>
      <c r="B10" s="21">
        <v>28</v>
      </c>
      <c r="C10" s="6">
        <v>40</v>
      </c>
      <c r="D10" s="5">
        <v>68</v>
      </c>
    </row>
    <row r="11" spans="1:4" ht="18" customHeight="1" x14ac:dyDescent="0.15">
      <c r="A11" s="8">
        <v>5</v>
      </c>
      <c r="B11" s="26">
        <v>13</v>
      </c>
      <c r="C11" s="6">
        <v>12</v>
      </c>
      <c r="D11" s="5">
        <v>25</v>
      </c>
    </row>
    <row r="12" spans="1:4" ht="18" customHeight="1" x14ac:dyDescent="0.15">
      <c r="A12" s="8">
        <v>6</v>
      </c>
      <c r="B12" s="26">
        <v>9</v>
      </c>
      <c r="C12" s="6">
        <v>11</v>
      </c>
      <c r="D12" s="5">
        <v>20</v>
      </c>
    </row>
    <row r="13" spans="1:4" ht="18" customHeight="1" x14ac:dyDescent="0.15">
      <c r="A13" s="8">
        <v>7</v>
      </c>
      <c r="B13" s="26">
        <v>10</v>
      </c>
      <c r="C13" s="6">
        <v>13</v>
      </c>
      <c r="D13" s="5">
        <v>23</v>
      </c>
    </row>
    <row r="14" spans="1:4" ht="18" customHeight="1" x14ac:dyDescent="0.15">
      <c r="A14" s="8">
        <v>8</v>
      </c>
      <c r="B14" s="26">
        <v>15</v>
      </c>
      <c r="C14" s="6">
        <v>14</v>
      </c>
      <c r="D14" s="5">
        <v>29</v>
      </c>
    </row>
    <row r="15" spans="1:4" ht="18" customHeight="1" x14ac:dyDescent="0.15">
      <c r="A15" s="8">
        <v>9</v>
      </c>
      <c r="B15" s="26">
        <v>17</v>
      </c>
      <c r="C15" s="6">
        <v>14</v>
      </c>
      <c r="D15" s="5">
        <v>31</v>
      </c>
    </row>
    <row r="16" spans="1:4" ht="18" customHeight="1" x14ac:dyDescent="0.15">
      <c r="A16" s="8" t="s">
        <v>24</v>
      </c>
      <c r="B16" s="21">
        <v>64</v>
      </c>
      <c r="C16" s="6">
        <v>64</v>
      </c>
      <c r="D16" s="5">
        <v>128</v>
      </c>
    </row>
    <row r="17" spans="1:4" ht="18" customHeight="1" x14ac:dyDescent="0.15">
      <c r="A17" s="8">
        <v>10</v>
      </c>
      <c r="B17" s="21">
        <v>13</v>
      </c>
      <c r="C17" s="6">
        <v>10</v>
      </c>
      <c r="D17" s="5">
        <v>23</v>
      </c>
    </row>
    <row r="18" spans="1:4" ht="18" customHeight="1" x14ac:dyDescent="0.15">
      <c r="A18" s="8">
        <v>11</v>
      </c>
      <c r="B18" s="21">
        <v>12</v>
      </c>
      <c r="C18" s="6">
        <v>10</v>
      </c>
      <c r="D18" s="5">
        <v>22</v>
      </c>
    </row>
    <row r="19" spans="1:4" ht="18" customHeight="1" x14ac:dyDescent="0.15">
      <c r="A19" s="8">
        <v>12</v>
      </c>
      <c r="B19" s="21">
        <v>14</v>
      </c>
      <c r="C19" s="6">
        <v>15</v>
      </c>
      <c r="D19" s="5">
        <v>29</v>
      </c>
    </row>
    <row r="20" spans="1:4" ht="18" customHeight="1" x14ac:dyDescent="0.15">
      <c r="A20" s="8">
        <v>13</v>
      </c>
      <c r="B20" s="21">
        <v>10</v>
      </c>
      <c r="C20" s="6">
        <v>11</v>
      </c>
      <c r="D20" s="5">
        <v>21</v>
      </c>
    </row>
    <row r="21" spans="1:4" ht="18" customHeight="1" x14ac:dyDescent="0.15">
      <c r="A21" s="8">
        <v>14</v>
      </c>
      <c r="B21" s="21">
        <v>12</v>
      </c>
      <c r="C21" s="6">
        <v>10</v>
      </c>
      <c r="D21" s="5">
        <v>22</v>
      </c>
    </row>
    <row r="22" spans="1:4" ht="18" customHeight="1" x14ac:dyDescent="0.15">
      <c r="A22" s="8" t="s">
        <v>23</v>
      </c>
      <c r="B22" s="21">
        <v>61</v>
      </c>
      <c r="C22" s="6">
        <v>56</v>
      </c>
      <c r="D22" s="5">
        <v>117</v>
      </c>
    </row>
    <row r="23" spans="1:4" ht="18" customHeight="1" x14ac:dyDescent="0.15">
      <c r="A23" s="8" t="s">
        <v>22</v>
      </c>
      <c r="B23" s="21">
        <v>153</v>
      </c>
      <c r="C23" s="6">
        <v>160</v>
      </c>
      <c r="D23" s="5">
        <v>313</v>
      </c>
    </row>
    <row r="24" spans="1:4" ht="18" customHeight="1" x14ac:dyDescent="0.15">
      <c r="A24" s="8">
        <v>15</v>
      </c>
      <c r="B24" s="21">
        <v>10</v>
      </c>
      <c r="C24" s="6">
        <v>8</v>
      </c>
      <c r="D24" s="5">
        <v>18</v>
      </c>
    </row>
    <row r="25" spans="1:4" ht="18" customHeight="1" x14ac:dyDescent="0.15">
      <c r="A25" s="8">
        <v>16</v>
      </c>
      <c r="B25" s="21">
        <v>4</v>
      </c>
      <c r="C25" s="6">
        <v>7</v>
      </c>
      <c r="D25" s="5">
        <v>11</v>
      </c>
    </row>
    <row r="26" spans="1:4" ht="18" customHeight="1" x14ac:dyDescent="0.15">
      <c r="A26" s="8">
        <v>17</v>
      </c>
      <c r="B26" s="21">
        <v>4</v>
      </c>
      <c r="C26" s="6">
        <v>7</v>
      </c>
      <c r="D26" s="5">
        <v>11</v>
      </c>
    </row>
    <row r="27" spans="1:4" ht="18" customHeight="1" x14ac:dyDescent="0.15">
      <c r="A27" s="8">
        <v>18</v>
      </c>
      <c r="B27" s="21">
        <v>10</v>
      </c>
      <c r="C27" s="6">
        <v>7</v>
      </c>
      <c r="D27" s="5">
        <v>17</v>
      </c>
    </row>
    <row r="28" spans="1:4" ht="18" customHeight="1" x14ac:dyDescent="0.15">
      <c r="A28" s="8">
        <v>19</v>
      </c>
      <c r="B28" s="21">
        <v>8</v>
      </c>
      <c r="C28" s="6">
        <v>3</v>
      </c>
      <c r="D28" s="5">
        <v>11</v>
      </c>
    </row>
    <row r="29" spans="1:4" ht="18" customHeight="1" x14ac:dyDescent="0.15">
      <c r="A29" s="8" t="s">
        <v>21</v>
      </c>
      <c r="B29" s="21">
        <v>36</v>
      </c>
      <c r="C29" s="6">
        <v>32</v>
      </c>
      <c r="D29" s="5">
        <v>68</v>
      </c>
    </row>
    <row r="30" spans="1:4" ht="18" customHeight="1" x14ac:dyDescent="0.15">
      <c r="A30" s="8">
        <v>20</v>
      </c>
      <c r="B30" s="21">
        <v>3</v>
      </c>
      <c r="C30" s="6">
        <v>5</v>
      </c>
      <c r="D30" s="5">
        <v>8</v>
      </c>
    </row>
    <row r="31" spans="1:4" ht="18" customHeight="1" x14ac:dyDescent="0.15">
      <c r="A31" s="8">
        <v>21</v>
      </c>
      <c r="B31" s="21">
        <v>6</v>
      </c>
      <c r="C31" s="6">
        <v>8</v>
      </c>
      <c r="D31" s="5">
        <v>14</v>
      </c>
    </row>
    <row r="32" spans="1:4" ht="18" customHeight="1" x14ac:dyDescent="0.15">
      <c r="A32" s="8">
        <v>22</v>
      </c>
      <c r="B32" s="21">
        <v>8</v>
      </c>
      <c r="C32" s="6">
        <v>6</v>
      </c>
      <c r="D32" s="5">
        <v>14</v>
      </c>
    </row>
    <row r="33" spans="1:4" ht="18" customHeight="1" x14ac:dyDescent="0.15">
      <c r="A33" s="8">
        <v>23</v>
      </c>
      <c r="B33" s="21">
        <v>7</v>
      </c>
      <c r="C33" s="6">
        <v>8</v>
      </c>
      <c r="D33" s="5">
        <v>15</v>
      </c>
    </row>
    <row r="34" spans="1:4" ht="18" customHeight="1" x14ac:dyDescent="0.15">
      <c r="A34" s="8">
        <v>24</v>
      </c>
      <c r="B34" s="21">
        <v>10</v>
      </c>
      <c r="C34" s="6">
        <v>6</v>
      </c>
      <c r="D34" s="5">
        <v>16</v>
      </c>
    </row>
    <row r="35" spans="1:4" ht="18" customHeight="1" x14ac:dyDescent="0.15">
      <c r="A35" s="8" t="s">
        <v>20</v>
      </c>
      <c r="B35" s="21">
        <v>34</v>
      </c>
      <c r="C35" s="6">
        <v>33</v>
      </c>
      <c r="D35" s="5">
        <v>67</v>
      </c>
    </row>
    <row r="36" spans="1:4" ht="18" customHeight="1" x14ac:dyDescent="0.15">
      <c r="A36" s="8">
        <v>25</v>
      </c>
      <c r="B36" s="21">
        <v>8</v>
      </c>
      <c r="C36" s="6">
        <v>4</v>
      </c>
      <c r="D36" s="5">
        <v>12</v>
      </c>
    </row>
    <row r="37" spans="1:4" ht="18" customHeight="1" x14ac:dyDescent="0.15">
      <c r="A37" s="8">
        <v>26</v>
      </c>
      <c r="B37" s="21">
        <v>10</v>
      </c>
      <c r="C37" s="6">
        <v>9</v>
      </c>
      <c r="D37" s="5">
        <v>19</v>
      </c>
    </row>
    <row r="38" spans="1:4" ht="18" customHeight="1" x14ac:dyDescent="0.15">
      <c r="A38" s="8">
        <v>27</v>
      </c>
      <c r="B38" s="21">
        <v>4</v>
      </c>
      <c r="C38" s="6">
        <v>7</v>
      </c>
      <c r="D38" s="5">
        <v>11</v>
      </c>
    </row>
    <row r="39" spans="1:4" ht="18" customHeight="1" x14ac:dyDescent="0.15">
      <c r="A39" s="8">
        <v>28</v>
      </c>
      <c r="B39" s="21">
        <v>8</v>
      </c>
      <c r="C39" s="6">
        <v>6</v>
      </c>
      <c r="D39" s="5">
        <v>14</v>
      </c>
    </row>
    <row r="40" spans="1:4" ht="18" customHeight="1" x14ac:dyDescent="0.15">
      <c r="A40" s="8">
        <v>29</v>
      </c>
      <c r="B40" s="21">
        <v>4</v>
      </c>
      <c r="C40" s="6">
        <v>10</v>
      </c>
      <c r="D40" s="5">
        <v>14</v>
      </c>
    </row>
    <row r="41" spans="1:4" ht="18" customHeight="1" x14ac:dyDescent="0.15">
      <c r="A41" s="8" t="s">
        <v>19</v>
      </c>
      <c r="B41" s="21">
        <v>34</v>
      </c>
      <c r="C41" s="6">
        <v>36</v>
      </c>
      <c r="D41" s="5">
        <v>70</v>
      </c>
    </row>
    <row r="42" spans="1:4" ht="18" customHeight="1" x14ac:dyDescent="0.15">
      <c r="A42" s="8">
        <v>30</v>
      </c>
      <c r="B42" s="21">
        <v>11</v>
      </c>
      <c r="C42" s="6">
        <v>7</v>
      </c>
      <c r="D42" s="5">
        <v>18</v>
      </c>
    </row>
    <row r="43" spans="1:4" ht="18" customHeight="1" x14ac:dyDescent="0.15">
      <c r="A43" s="8">
        <v>31</v>
      </c>
      <c r="B43" s="21">
        <v>9</v>
      </c>
      <c r="C43" s="6">
        <v>8</v>
      </c>
      <c r="D43" s="5">
        <v>17</v>
      </c>
    </row>
    <row r="44" spans="1:4" ht="18" customHeight="1" x14ac:dyDescent="0.15">
      <c r="A44" s="8">
        <v>32</v>
      </c>
      <c r="B44" s="21">
        <v>7</v>
      </c>
      <c r="C44" s="6">
        <v>10</v>
      </c>
      <c r="D44" s="5">
        <v>17</v>
      </c>
    </row>
    <row r="45" spans="1:4" ht="18" customHeight="1" x14ac:dyDescent="0.15">
      <c r="A45" s="8">
        <v>33</v>
      </c>
      <c r="B45" s="21">
        <v>11</v>
      </c>
      <c r="C45" s="6">
        <v>6</v>
      </c>
      <c r="D45" s="5">
        <v>17</v>
      </c>
    </row>
    <row r="46" spans="1:4" ht="18" customHeight="1" x14ac:dyDescent="0.15">
      <c r="A46" s="8">
        <v>34</v>
      </c>
      <c r="B46" s="21">
        <v>12</v>
      </c>
      <c r="C46" s="6">
        <v>14</v>
      </c>
      <c r="D46" s="5">
        <v>26</v>
      </c>
    </row>
    <row r="47" spans="1:4" ht="18" customHeight="1" x14ac:dyDescent="0.15">
      <c r="A47" s="8" t="s">
        <v>18</v>
      </c>
      <c r="B47" s="21">
        <v>50</v>
      </c>
      <c r="C47" s="6">
        <v>45</v>
      </c>
      <c r="D47" s="5">
        <v>95</v>
      </c>
    </row>
    <row r="48" spans="1:4" ht="18" customHeight="1" x14ac:dyDescent="0.15">
      <c r="A48" s="8">
        <v>35</v>
      </c>
      <c r="B48" s="21">
        <v>13</v>
      </c>
      <c r="C48" s="6">
        <v>8</v>
      </c>
      <c r="D48" s="5">
        <v>21</v>
      </c>
    </row>
    <row r="49" spans="1:4" ht="18" customHeight="1" x14ac:dyDescent="0.15">
      <c r="A49" s="8">
        <v>36</v>
      </c>
      <c r="B49" s="21">
        <v>17</v>
      </c>
      <c r="C49" s="6">
        <v>11</v>
      </c>
      <c r="D49" s="5">
        <v>28</v>
      </c>
    </row>
    <row r="50" spans="1:4" ht="18" customHeight="1" x14ac:dyDescent="0.15">
      <c r="A50" s="8">
        <v>37</v>
      </c>
      <c r="B50" s="21">
        <v>15</v>
      </c>
      <c r="C50" s="6">
        <v>21</v>
      </c>
      <c r="D50" s="5">
        <v>36</v>
      </c>
    </row>
    <row r="51" spans="1:4" ht="18" customHeight="1" x14ac:dyDescent="0.15">
      <c r="A51" s="8">
        <v>38</v>
      </c>
      <c r="B51" s="21">
        <v>12</v>
      </c>
      <c r="C51" s="6">
        <v>14</v>
      </c>
      <c r="D51" s="5">
        <v>26</v>
      </c>
    </row>
    <row r="52" spans="1:4" ht="18" customHeight="1" x14ac:dyDescent="0.15">
      <c r="A52" s="8">
        <v>39</v>
      </c>
      <c r="B52" s="21">
        <v>18</v>
      </c>
      <c r="C52" s="6">
        <v>14</v>
      </c>
      <c r="D52" s="5">
        <v>32</v>
      </c>
    </row>
    <row r="53" spans="1:4" ht="18" customHeight="1" x14ac:dyDescent="0.15">
      <c r="A53" s="8" t="s">
        <v>17</v>
      </c>
      <c r="B53" s="21">
        <v>75</v>
      </c>
      <c r="C53" s="6">
        <v>68</v>
      </c>
      <c r="D53" s="5">
        <v>143</v>
      </c>
    </row>
    <row r="54" spans="1:4" ht="18" customHeight="1" x14ac:dyDescent="0.15">
      <c r="A54" s="8">
        <v>40</v>
      </c>
      <c r="B54" s="21">
        <v>16</v>
      </c>
      <c r="C54" s="6">
        <v>17</v>
      </c>
      <c r="D54" s="5">
        <v>33</v>
      </c>
    </row>
    <row r="55" spans="1:4" ht="18" customHeight="1" x14ac:dyDescent="0.15">
      <c r="A55" s="8">
        <v>41</v>
      </c>
      <c r="B55" s="21">
        <v>18</v>
      </c>
      <c r="C55" s="6">
        <v>13</v>
      </c>
      <c r="D55" s="5">
        <v>31</v>
      </c>
    </row>
    <row r="56" spans="1:4" ht="18" customHeight="1" x14ac:dyDescent="0.15">
      <c r="A56" s="8">
        <v>42</v>
      </c>
      <c r="B56" s="21">
        <v>14</v>
      </c>
      <c r="C56" s="6">
        <v>16</v>
      </c>
      <c r="D56" s="5">
        <v>30</v>
      </c>
    </row>
    <row r="57" spans="1:4" ht="18" customHeight="1" x14ac:dyDescent="0.15">
      <c r="A57" s="8">
        <v>43</v>
      </c>
      <c r="B57" s="21">
        <v>18</v>
      </c>
      <c r="C57" s="6">
        <v>13</v>
      </c>
      <c r="D57" s="5">
        <v>31</v>
      </c>
    </row>
    <row r="58" spans="1:4" ht="18" customHeight="1" x14ac:dyDescent="0.15">
      <c r="A58" s="8">
        <v>44</v>
      </c>
      <c r="B58" s="21">
        <v>18</v>
      </c>
      <c r="C58" s="6">
        <v>10</v>
      </c>
      <c r="D58" s="5">
        <v>28</v>
      </c>
    </row>
    <row r="59" spans="1:4" ht="18" customHeight="1" x14ac:dyDescent="0.15">
      <c r="A59" s="8" t="s">
        <v>16</v>
      </c>
      <c r="B59" s="21">
        <v>84</v>
      </c>
      <c r="C59" s="6">
        <v>69</v>
      </c>
      <c r="D59" s="5">
        <v>153</v>
      </c>
    </row>
    <row r="60" spans="1:4" ht="18" customHeight="1" x14ac:dyDescent="0.15">
      <c r="A60" s="8">
        <v>45</v>
      </c>
      <c r="B60" s="21">
        <v>13</v>
      </c>
      <c r="C60" s="6">
        <v>13</v>
      </c>
      <c r="D60" s="5">
        <v>26</v>
      </c>
    </row>
    <row r="61" spans="1:4" ht="18" customHeight="1" x14ac:dyDescent="0.15">
      <c r="A61" s="8">
        <v>46</v>
      </c>
      <c r="B61" s="21">
        <v>15</v>
      </c>
      <c r="C61" s="6">
        <v>9</v>
      </c>
      <c r="D61" s="5">
        <v>24</v>
      </c>
    </row>
    <row r="62" spans="1:4" ht="18" customHeight="1" x14ac:dyDescent="0.15">
      <c r="A62" s="8">
        <v>47</v>
      </c>
      <c r="B62" s="21">
        <v>19</v>
      </c>
      <c r="C62" s="6">
        <v>8</v>
      </c>
      <c r="D62" s="5">
        <v>27</v>
      </c>
    </row>
    <row r="63" spans="1:4" ht="18" customHeight="1" x14ac:dyDescent="0.15">
      <c r="A63" s="8">
        <v>48</v>
      </c>
      <c r="B63" s="21">
        <v>8</v>
      </c>
      <c r="C63" s="6">
        <v>8</v>
      </c>
      <c r="D63" s="5">
        <v>16</v>
      </c>
    </row>
    <row r="64" spans="1:4" ht="18" customHeight="1" x14ac:dyDescent="0.15">
      <c r="A64" s="8">
        <v>49</v>
      </c>
      <c r="B64" s="21">
        <v>20</v>
      </c>
      <c r="C64" s="6">
        <v>14</v>
      </c>
      <c r="D64" s="5">
        <v>34</v>
      </c>
    </row>
    <row r="65" spans="1:4" ht="18" customHeight="1" x14ac:dyDescent="0.15">
      <c r="A65" s="8" t="s">
        <v>15</v>
      </c>
      <c r="B65" s="21">
        <v>75</v>
      </c>
      <c r="C65" s="6">
        <v>52</v>
      </c>
      <c r="D65" s="5">
        <v>127</v>
      </c>
    </row>
    <row r="66" spans="1:4" ht="18" customHeight="1" x14ac:dyDescent="0.15">
      <c r="A66" s="8">
        <v>50</v>
      </c>
      <c r="B66" s="21">
        <v>12</v>
      </c>
      <c r="C66" s="6">
        <v>10</v>
      </c>
      <c r="D66" s="5">
        <v>22</v>
      </c>
    </row>
    <row r="67" spans="1:4" ht="18" customHeight="1" x14ac:dyDescent="0.15">
      <c r="A67" s="8">
        <v>51</v>
      </c>
      <c r="B67" s="21">
        <v>13</v>
      </c>
      <c r="C67" s="6">
        <v>14</v>
      </c>
      <c r="D67" s="5">
        <v>27</v>
      </c>
    </row>
    <row r="68" spans="1:4" ht="18" customHeight="1" x14ac:dyDescent="0.15">
      <c r="A68" s="8">
        <v>52</v>
      </c>
      <c r="B68" s="21">
        <v>16</v>
      </c>
      <c r="C68" s="6">
        <v>16</v>
      </c>
      <c r="D68" s="5">
        <v>32</v>
      </c>
    </row>
    <row r="69" spans="1:4" ht="18" customHeight="1" x14ac:dyDescent="0.15">
      <c r="A69" s="8">
        <v>53</v>
      </c>
      <c r="B69" s="21">
        <v>12</v>
      </c>
      <c r="C69" s="6">
        <v>7</v>
      </c>
      <c r="D69" s="5">
        <v>19</v>
      </c>
    </row>
    <row r="70" spans="1:4" ht="18" customHeight="1" x14ac:dyDescent="0.15">
      <c r="A70" s="8">
        <v>54</v>
      </c>
      <c r="B70" s="21">
        <v>18</v>
      </c>
      <c r="C70" s="6">
        <v>13</v>
      </c>
      <c r="D70" s="5">
        <v>31</v>
      </c>
    </row>
    <row r="71" spans="1:4" ht="18" customHeight="1" x14ac:dyDescent="0.15">
      <c r="A71" s="8" t="s">
        <v>14</v>
      </c>
      <c r="B71" s="21">
        <v>71</v>
      </c>
      <c r="C71" s="6">
        <v>60</v>
      </c>
      <c r="D71" s="5">
        <v>131</v>
      </c>
    </row>
    <row r="72" spans="1:4" ht="18" customHeight="1" x14ac:dyDescent="0.15">
      <c r="A72" s="8">
        <v>55</v>
      </c>
      <c r="B72" s="21">
        <v>13</v>
      </c>
      <c r="C72" s="6">
        <v>17</v>
      </c>
      <c r="D72" s="5">
        <v>30</v>
      </c>
    </row>
    <row r="73" spans="1:4" ht="18" customHeight="1" x14ac:dyDescent="0.15">
      <c r="A73" s="8">
        <v>56</v>
      </c>
      <c r="B73" s="21">
        <v>10</v>
      </c>
      <c r="C73" s="6">
        <v>8</v>
      </c>
      <c r="D73" s="5">
        <v>18</v>
      </c>
    </row>
    <row r="74" spans="1:4" ht="18" customHeight="1" x14ac:dyDescent="0.15">
      <c r="A74" s="8">
        <v>57</v>
      </c>
      <c r="B74" s="21">
        <v>7</v>
      </c>
      <c r="C74" s="6">
        <v>17</v>
      </c>
      <c r="D74" s="5">
        <v>24</v>
      </c>
    </row>
    <row r="75" spans="1:4" ht="18" customHeight="1" x14ac:dyDescent="0.15">
      <c r="A75" s="8">
        <v>58</v>
      </c>
      <c r="B75" s="21">
        <v>10</v>
      </c>
      <c r="C75" s="6">
        <v>14</v>
      </c>
      <c r="D75" s="5">
        <v>24</v>
      </c>
    </row>
    <row r="76" spans="1:4" ht="18" customHeight="1" x14ac:dyDescent="0.15">
      <c r="A76" s="8">
        <v>59</v>
      </c>
      <c r="B76" s="21">
        <v>10</v>
      </c>
      <c r="C76" s="6">
        <v>5</v>
      </c>
      <c r="D76" s="5">
        <v>15</v>
      </c>
    </row>
    <row r="77" spans="1:4" ht="18" customHeight="1" x14ac:dyDescent="0.15">
      <c r="A77" s="8" t="s">
        <v>13</v>
      </c>
      <c r="B77" s="21">
        <v>50</v>
      </c>
      <c r="C77" s="6">
        <v>61</v>
      </c>
      <c r="D77" s="5">
        <v>111</v>
      </c>
    </row>
    <row r="78" spans="1:4" ht="18" customHeight="1" x14ac:dyDescent="0.15">
      <c r="A78" s="8">
        <v>60</v>
      </c>
      <c r="B78" s="21">
        <v>14</v>
      </c>
      <c r="C78" s="6">
        <v>15</v>
      </c>
      <c r="D78" s="5">
        <v>29</v>
      </c>
    </row>
    <row r="79" spans="1:4" ht="18" customHeight="1" x14ac:dyDescent="0.15">
      <c r="A79" s="8">
        <v>61</v>
      </c>
      <c r="B79" s="21">
        <v>8</v>
      </c>
      <c r="C79" s="6">
        <v>10</v>
      </c>
      <c r="D79" s="5">
        <v>18</v>
      </c>
    </row>
    <row r="80" spans="1:4" ht="18" customHeight="1" x14ac:dyDescent="0.15">
      <c r="A80" s="8">
        <v>62</v>
      </c>
      <c r="B80" s="21">
        <v>10</v>
      </c>
      <c r="C80" s="6">
        <v>17</v>
      </c>
      <c r="D80" s="5">
        <v>27</v>
      </c>
    </row>
    <row r="81" spans="1:4" ht="18" customHeight="1" x14ac:dyDescent="0.15">
      <c r="A81" s="8">
        <v>63</v>
      </c>
      <c r="B81" s="21">
        <v>17</v>
      </c>
      <c r="C81" s="6">
        <v>11</v>
      </c>
      <c r="D81" s="5">
        <v>28</v>
      </c>
    </row>
    <row r="82" spans="1:4" ht="18" customHeight="1" x14ac:dyDescent="0.15">
      <c r="A82" s="8">
        <v>64</v>
      </c>
      <c r="B82" s="21">
        <v>8</v>
      </c>
      <c r="C82" s="6">
        <v>20</v>
      </c>
      <c r="D82" s="5">
        <v>28</v>
      </c>
    </row>
    <row r="83" spans="1:4" ht="18" customHeight="1" x14ac:dyDescent="0.15">
      <c r="A83" s="8" t="s">
        <v>12</v>
      </c>
      <c r="B83" s="21">
        <v>57</v>
      </c>
      <c r="C83" s="6">
        <v>73</v>
      </c>
      <c r="D83" s="5">
        <v>130</v>
      </c>
    </row>
    <row r="84" spans="1:4" ht="18" customHeight="1" x14ac:dyDescent="0.15">
      <c r="A84" s="8" t="s">
        <v>11</v>
      </c>
      <c r="B84" s="21">
        <v>566</v>
      </c>
      <c r="C84" s="6">
        <v>529</v>
      </c>
      <c r="D84" s="5">
        <v>1095</v>
      </c>
    </row>
    <row r="85" spans="1:4" ht="18" customHeight="1" x14ac:dyDescent="0.15">
      <c r="A85" s="8">
        <v>65</v>
      </c>
      <c r="B85" s="21">
        <v>10</v>
      </c>
      <c r="C85" s="6">
        <v>22</v>
      </c>
      <c r="D85" s="5">
        <v>32</v>
      </c>
    </row>
    <row r="86" spans="1:4" ht="18" customHeight="1" x14ac:dyDescent="0.15">
      <c r="A86" s="8">
        <v>66</v>
      </c>
      <c r="B86" s="21">
        <v>22</v>
      </c>
      <c r="C86" s="6">
        <v>15</v>
      </c>
      <c r="D86" s="5">
        <v>37</v>
      </c>
    </row>
    <row r="87" spans="1:4" ht="18" customHeight="1" x14ac:dyDescent="0.15">
      <c r="A87" s="8">
        <v>67</v>
      </c>
      <c r="B87" s="21">
        <v>20</v>
      </c>
      <c r="C87" s="6">
        <v>17</v>
      </c>
      <c r="D87" s="5">
        <v>37</v>
      </c>
    </row>
    <row r="88" spans="1:4" ht="18" customHeight="1" x14ac:dyDescent="0.15">
      <c r="A88" s="8">
        <v>68</v>
      </c>
      <c r="B88" s="21">
        <v>16</v>
      </c>
      <c r="C88" s="6">
        <v>14</v>
      </c>
      <c r="D88" s="5">
        <v>30</v>
      </c>
    </row>
    <row r="89" spans="1:4" ht="18" customHeight="1" x14ac:dyDescent="0.15">
      <c r="A89" s="8">
        <v>69</v>
      </c>
      <c r="B89" s="21">
        <v>19</v>
      </c>
      <c r="C89" s="6">
        <v>15</v>
      </c>
      <c r="D89" s="5">
        <v>34</v>
      </c>
    </row>
    <row r="90" spans="1:4" ht="18" customHeight="1" x14ac:dyDescent="0.15">
      <c r="A90" s="8" t="s">
        <v>10</v>
      </c>
      <c r="B90" s="21">
        <v>87</v>
      </c>
      <c r="C90" s="6">
        <v>83</v>
      </c>
      <c r="D90" s="5">
        <v>170</v>
      </c>
    </row>
    <row r="91" spans="1:4" ht="18" customHeight="1" x14ac:dyDescent="0.15">
      <c r="A91" s="8">
        <v>70</v>
      </c>
      <c r="B91" s="21">
        <v>14</v>
      </c>
      <c r="C91" s="6">
        <v>20</v>
      </c>
      <c r="D91" s="5">
        <v>34</v>
      </c>
    </row>
    <row r="92" spans="1:4" ht="18" customHeight="1" x14ac:dyDescent="0.15">
      <c r="A92" s="8">
        <v>71</v>
      </c>
      <c r="B92" s="21">
        <v>11</v>
      </c>
      <c r="C92" s="6">
        <v>14</v>
      </c>
      <c r="D92" s="5">
        <v>25</v>
      </c>
    </row>
    <row r="93" spans="1:4" ht="18" customHeight="1" x14ac:dyDescent="0.15">
      <c r="A93" s="8">
        <v>72</v>
      </c>
      <c r="B93" s="21">
        <v>7</v>
      </c>
      <c r="C93" s="6">
        <v>16</v>
      </c>
      <c r="D93" s="5">
        <v>23</v>
      </c>
    </row>
    <row r="94" spans="1:4" ht="18" customHeight="1" x14ac:dyDescent="0.15">
      <c r="A94" s="8">
        <v>73</v>
      </c>
      <c r="B94" s="21">
        <v>25</v>
      </c>
      <c r="C94" s="6">
        <v>19</v>
      </c>
      <c r="D94" s="5">
        <v>44</v>
      </c>
    </row>
    <row r="95" spans="1:4" ht="18" customHeight="1" x14ac:dyDescent="0.15">
      <c r="A95" s="8">
        <v>74</v>
      </c>
      <c r="B95" s="21">
        <v>13</v>
      </c>
      <c r="C95" s="6">
        <v>26</v>
      </c>
      <c r="D95" s="5">
        <v>39</v>
      </c>
    </row>
    <row r="96" spans="1:4" ht="18" customHeight="1" x14ac:dyDescent="0.15">
      <c r="A96" s="8" t="s">
        <v>9</v>
      </c>
      <c r="B96" s="21">
        <v>70</v>
      </c>
      <c r="C96" s="6">
        <v>95</v>
      </c>
      <c r="D96" s="5">
        <v>165</v>
      </c>
    </row>
    <row r="97" spans="1:4" ht="18" customHeight="1" x14ac:dyDescent="0.15">
      <c r="A97" s="8">
        <v>75</v>
      </c>
      <c r="B97" s="21">
        <v>17</v>
      </c>
      <c r="C97" s="6">
        <v>14</v>
      </c>
      <c r="D97" s="5">
        <v>31</v>
      </c>
    </row>
    <row r="98" spans="1:4" ht="18" customHeight="1" x14ac:dyDescent="0.15">
      <c r="A98" s="8">
        <v>76</v>
      </c>
      <c r="B98" s="21">
        <v>21</v>
      </c>
      <c r="C98" s="6">
        <v>17</v>
      </c>
      <c r="D98" s="5">
        <v>38</v>
      </c>
    </row>
    <row r="99" spans="1:4" ht="18" customHeight="1" x14ac:dyDescent="0.15">
      <c r="A99" s="8">
        <v>77</v>
      </c>
      <c r="B99" s="21">
        <v>28</v>
      </c>
      <c r="C99" s="6">
        <v>27</v>
      </c>
      <c r="D99" s="5">
        <v>55</v>
      </c>
    </row>
    <row r="100" spans="1:4" ht="18" customHeight="1" x14ac:dyDescent="0.15">
      <c r="A100" s="8">
        <v>78</v>
      </c>
      <c r="B100" s="21">
        <v>19</v>
      </c>
      <c r="C100" s="6">
        <v>18</v>
      </c>
      <c r="D100" s="5">
        <v>37</v>
      </c>
    </row>
    <row r="101" spans="1:4" ht="18" customHeight="1" x14ac:dyDescent="0.15">
      <c r="A101" s="8">
        <v>79</v>
      </c>
      <c r="B101" s="21">
        <v>10</v>
      </c>
      <c r="C101" s="6">
        <v>12</v>
      </c>
      <c r="D101" s="5">
        <v>22</v>
      </c>
    </row>
    <row r="102" spans="1:4" ht="18" customHeight="1" x14ac:dyDescent="0.15">
      <c r="A102" s="8" t="s">
        <v>8</v>
      </c>
      <c r="B102" s="21">
        <v>95</v>
      </c>
      <c r="C102" s="6">
        <v>88</v>
      </c>
      <c r="D102" s="5">
        <v>183</v>
      </c>
    </row>
    <row r="103" spans="1:4" ht="18" customHeight="1" x14ac:dyDescent="0.15">
      <c r="A103" s="8">
        <v>80</v>
      </c>
      <c r="B103" s="21">
        <v>3</v>
      </c>
      <c r="C103" s="6">
        <v>10</v>
      </c>
      <c r="D103" s="5">
        <v>13</v>
      </c>
    </row>
    <row r="104" spans="1:4" ht="18" customHeight="1" x14ac:dyDescent="0.15">
      <c r="A104" s="8">
        <v>81</v>
      </c>
      <c r="B104" s="21">
        <v>11</v>
      </c>
      <c r="C104" s="6">
        <v>18</v>
      </c>
      <c r="D104" s="5">
        <v>29</v>
      </c>
    </row>
    <row r="105" spans="1:4" ht="18" customHeight="1" x14ac:dyDescent="0.15">
      <c r="A105" s="8">
        <v>82</v>
      </c>
      <c r="B105" s="21">
        <v>12</v>
      </c>
      <c r="C105" s="6">
        <v>10</v>
      </c>
      <c r="D105" s="5">
        <v>22</v>
      </c>
    </row>
    <row r="106" spans="1:4" ht="18" customHeight="1" x14ac:dyDescent="0.15">
      <c r="A106" s="8">
        <v>83</v>
      </c>
      <c r="B106" s="21">
        <v>15</v>
      </c>
      <c r="C106" s="6">
        <v>4</v>
      </c>
      <c r="D106" s="5">
        <v>19</v>
      </c>
    </row>
    <row r="107" spans="1:4" ht="18" customHeight="1" x14ac:dyDescent="0.15">
      <c r="A107" s="8">
        <v>84</v>
      </c>
      <c r="B107" s="21">
        <v>10</v>
      </c>
      <c r="C107" s="6">
        <v>13</v>
      </c>
      <c r="D107" s="5">
        <v>23</v>
      </c>
    </row>
    <row r="108" spans="1:4" ht="18" customHeight="1" x14ac:dyDescent="0.15">
      <c r="A108" s="8" t="s">
        <v>7</v>
      </c>
      <c r="B108" s="21">
        <v>51</v>
      </c>
      <c r="C108" s="6">
        <v>55</v>
      </c>
      <c r="D108" s="5">
        <v>106</v>
      </c>
    </row>
    <row r="109" spans="1:4" ht="18" customHeight="1" x14ac:dyDescent="0.15">
      <c r="A109" s="8">
        <v>85</v>
      </c>
      <c r="B109" s="21">
        <v>5</v>
      </c>
      <c r="C109" s="6">
        <v>15</v>
      </c>
      <c r="D109" s="5">
        <v>20</v>
      </c>
    </row>
    <row r="110" spans="1:4" ht="18" customHeight="1" x14ac:dyDescent="0.15">
      <c r="A110" s="8">
        <v>86</v>
      </c>
      <c r="B110" s="21">
        <v>6</v>
      </c>
      <c r="C110" s="6">
        <v>8</v>
      </c>
      <c r="D110" s="5">
        <v>14</v>
      </c>
    </row>
    <row r="111" spans="1:4" ht="18" customHeight="1" x14ac:dyDescent="0.15">
      <c r="A111" s="8">
        <v>87</v>
      </c>
      <c r="B111" s="21">
        <v>3</v>
      </c>
      <c r="C111" s="6">
        <v>9</v>
      </c>
      <c r="D111" s="5">
        <v>12</v>
      </c>
    </row>
    <row r="112" spans="1:4" ht="18" customHeight="1" x14ac:dyDescent="0.15">
      <c r="A112" s="8">
        <v>88</v>
      </c>
      <c r="B112" s="21">
        <v>8</v>
      </c>
      <c r="C112" s="6">
        <v>11</v>
      </c>
      <c r="D112" s="5">
        <v>19</v>
      </c>
    </row>
    <row r="113" spans="1:4" ht="18" customHeight="1" x14ac:dyDescent="0.15">
      <c r="A113" s="8">
        <v>89</v>
      </c>
      <c r="B113" s="21">
        <v>5</v>
      </c>
      <c r="C113" s="6">
        <v>5</v>
      </c>
      <c r="D113" s="5">
        <v>10</v>
      </c>
    </row>
    <row r="114" spans="1:4" ht="18" customHeight="1" x14ac:dyDescent="0.15">
      <c r="A114" s="8" t="s">
        <v>6</v>
      </c>
      <c r="B114" s="21">
        <v>27</v>
      </c>
      <c r="C114" s="6">
        <v>48</v>
      </c>
      <c r="D114" s="5">
        <v>75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0</v>
      </c>
      <c r="C117" s="6">
        <v>13</v>
      </c>
      <c r="D117" s="5">
        <v>13</v>
      </c>
    </row>
    <row r="118" spans="1:4" ht="18" customHeight="1" x14ac:dyDescent="0.15">
      <c r="A118" s="8">
        <v>93</v>
      </c>
      <c r="B118" s="21">
        <v>0</v>
      </c>
      <c r="C118" s="6">
        <v>4</v>
      </c>
      <c r="D118" s="5">
        <v>4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6</v>
      </c>
      <c r="C120" s="6">
        <v>32</v>
      </c>
      <c r="D120" s="5">
        <v>38</v>
      </c>
    </row>
    <row r="121" spans="1:4" ht="18" customHeight="1" x14ac:dyDescent="0.15">
      <c r="A121" s="8">
        <v>95</v>
      </c>
      <c r="B121" s="21">
        <v>0</v>
      </c>
      <c r="C121" s="6">
        <v>7</v>
      </c>
      <c r="D121" s="5">
        <v>7</v>
      </c>
    </row>
    <row r="122" spans="1:4" ht="18" customHeight="1" x14ac:dyDescent="0.15">
      <c r="A122" s="8">
        <v>96</v>
      </c>
      <c r="B122" s="21">
        <v>0</v>
      </c>
      <c r="C122" s="6">
        <v>4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5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37</v>
      </c>
      <c r="C130" s="6">
        <v>418</v>
      </c>
      <c r="D130" s="5">
        <v>755</v>
      </c>
    </row>
    <row r="131" spans="1:4" ht="18" customHeight="1" x14ac:dyDescent="0.15">
      <c r="A131" s="4" t="s">
        <v>0</v>
      </c>
      <c r="B131" s="20">
        <v>1056</v>
      </c>
      <c r="C131" s="2">
        <v>1107</v>
      </c>
      <c r="D131" s="1">
        <v>21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9BD853-2DAB-4C35-978F-E6070BE46B7F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0</v>
      </c>
      <c r="C5" s="31">
        <v>8</v>
      </c>
      <c r="D5" s="30">
        <v>18</v>
      </c>
    </row>
    <row r="6" spans="1:4" ht="18" customHeight="1" x14ac:dyDescent="0.15">
      <c r="A6" s="8">
        <v>1</v>
      </c>
      <c r="B6" s="26">
        <v>11</v>
      </c>
      <c r="C6" s="6">
        <v>10</v>
      </c>
      <c r="D6" s="5">
        <v>21</v>
      </c>
    </row>
    <row r="7" spans="1:4" ht="18" customHeight="1" x14ac:dyDescent="0.15">
      <c r="A7" s="8">
        <v>2</v>
      </c>
      <c r="B7" s="26">
        <v>12</v>
      </c>
      <c r="C7" s="6">
        <v>12</v>
      </c>
      <c r="D7" s="5">
        <v>24</v>
      </c>
    </row>
    <row r="8" spans="1:4" ht="18" customHeight="1" x14ac:dyDescent="0.15">
      <c r="A8" s="8">
        <v>3</v>
      </c>
      <c r="B8" s="26">
        <v>19</v>
      </c>
      <c r="C8" s="6">
        <v>12</v>
      </c>
      <c r="D8" s="5">
        <v>31</v>
      </c>
    </row>
    <row r="9" spans="1:4" ht="18" customHeight="1" x14ac:dyDescent="0.15">
      <c r="A9" s="8">
        <v>4</v>
      </c>
      <c r="B9" s="29">
        <v>23</v>
      </c>
      <c r="C9" s="28">
        <v>16</v>
      </c>
      <c r="D9" s="27">
        <v>39</v>
      </c>
    </row>
    <row r="10" spans="1:4" ht="18" customHeight="1" x14ac:dyDescent="0.15">
      <c r="A10" s="8" t="s">
        <v>25</v>
      </c>
      <c r="B10" s="21">
        <v>75</v>
      </c>
      <c r="C10" s="6">
        <v>58</v>
      </c>
      <c r="D10" s="5">
        <v>133</v>
      </c>
    </row>
    <row r="11" spans="1:4" ht="18" customHeight="1" x14ac:dyDescent="0.15">
      <c r="A11" s="8">
        <v>5</v>
      </c>
      <c r="B11" s="26">
        <v>15</v>
      </c>
      <c r="C11" s="6">
        <v>13</v>
      </c>
      <c r="D11" s="5">
        <v>28</v>
      </c>
    </row>
    <row r="12" spans="1:4" ht="18" customHeight="1" x14ac:dyDescent="0.15">
      <c r="A12" s="8">
        <v>6</v>
      </c>
      <c r="B12" s="26">
        <v>28</v>
      </c>
      <c r="C12" s="6">
        <v>16</v>
      </c>
      <c r="D12" s="5">
        <v>44</v>
      </c>
    </row>
    <row r="13" spans="1:4" ht="18" customHeight="1" x14ac:dyDescent="0.15">
      <c r="A13" s="8">
        <v>7</v>
      </c>
      <c r="B13" s="26">
        <v>27</v>
      </c>
      <c r="C13" s="6">
        <v>18</v>
      </c>
      <c r="D13" s="5">
        <v>45</v>
      </c>
    </row>
    <row r="14" spans="1:4" ht="18" customHeight="1" x14ac:dyDescent="0.15">
      <c r="A14" s="8">
        <v>8</v>
      </c>
      <c r="B14" s="26">
        <v>16</v>
      </c>
      <c r="C14" s="6">
        <v>14</v>
      </c>
      <c r="D14" s="5">
        <v>30</v>
      </c>
    </row>
    <row r="15" spans="1:4" ht="18" customHeight="1" x14ac:dyDescent="0.15">
      <c r="A15" s="8">
        <v>9</v>
      </c>
      <c r="B15" s="26">
        <v>16</v>
      </c>
      <c r="C15" s="6">
        <v>17</v>
      </c>
      <c r="D15" s="5">
        <v>33</v>
      </c>
    </row>
    <row r="16" spans="1:4" ht="18" customHeight="1" x14ac:dyDescent="0.15">
      <c r="A16" s="8" t="s">
        <v>24</v>
      </c>
      <c r="B16" s="21">
        <v>102</v>
      </c>
      <c r="C16" s="6">
        <v>78</v>
      </c>
      <c r="D16" s="5">
        <v>180</v>
      </c>
    </row>
    <row r="17" spans="1:4" ht="18" customHeight="1" x14ac:dyDescent="0.15">
      <c r="A17" s="8">
        <v>10</v>
      </c>
      <c r="B17" s="21">
        <v>21</v>
      </c>
      <c r="C17" s="6">
        <v>14</v>
      </c>
      <c r="D17" s="5">
        <v>35</v>
      </c>
    </row>
    <row r="18" spans="1:4" ht="18" customHeight="1" x14ac:dyDescent="0.15">
      <c r="A18" s="8">
        <v>11</v>
      </c>
      <c r="B18" s="21">
        <v>24</v>
      </c>
      <c r="C18" s="6">
        <v>14</v>
      </c>
      <c r="D18" s="5">
        <v>38</v>
      </c>
    </row>
    <row r="19" spans="1:4" ht="18" customHeight="1" x14ac:dyDescent="0.15">
      <c r="A19" s="8">
        <v>12</v>
      </c>
      <c r="B19" s="21">
        <v>19</v>
      </c>
      <c r="C19" s="6">
        <v>14</v>
      </c>
      <c r="D19" s="5">
        <v>33</v>
      </c>
    </row>
    <row r="20" spans="1:4" ht="18" customHeight="1" x14ac:dyDescent="0.15">
      <c r="A20" s="8">
        <v>13</v>
      </c>
      <c r="B20" s="21">
        <v>18</v>
      </c>
      <c r="C20" s="6">
        <v>12</v>
      </c>
      <c r="D20" s="5">
        <v>30</v>
      </c>
    </row>
    <row r="21" spans="1:4" ht="18" customHeight="1" x14ac:dyDescent="0.15">
      <c r="A21" s="8">
        <v>14</v>
      </c>
      <c r="B21" s="21">
        <v>9</v>
      </c>
      <c r="C21" s="6">
        <v>16</v>
      </c>
      <c r="D21" s="5">
        <v>25</v>
      </c>
    </row>
    <row r="22" spans="1:4" ht="18" customHeight="1" x14ac:dyDescent="0.15">
      <c r="A22" s="8" t="s">
        <v>23</v>
      </c>
      <c r="B22" s="21">
        <v>91</v>
      </c>
      <c r="C22" s="6">
        <v>70</v>
      </c>
      <c r="D22" s="5">
        <v>161</v>
      </c>
    </row>
    <row r="23" spans="1:4" ht="18" customHeight="1" x14ac:dyDescent="0.15">
      <c r="A23" s="8" t="s">
        <v>22</v>
      </c>
      <c r="B23" s="21">
        <v>268</v>
      </c>
      <c r="C23" s="6">
        <v>206</v>
      </c>
      <c r="D23" s="5">
        <v>474</v>
      </c>
    </row>
    <row r="24" spans="1:4" ht="18" customHeight="1" x14ac:dyDescent="0.15">
      <c r="A24" s="8">
        <v>15</v>
      </c>
      <c r="B24" s="21">
        <v>17</v>
      </c>
      <c r="C24" s="6">
        <v>21</v>
      </c>
      <c r="D24" s="5">
        <v>38</v>
      </c>
    </row>
    <row r="25" spans="1:4" ht="18" customHeight="1" x14ac:dyDescent="0.15">
      <c r="A25" s="8">
        <v>16</v>
      </c>
      <c r="B25" s="21">
        <v>14</v>
      </c>
      <c r="C25" s="6">
        <v>18</v>
      </c>
      <c r="D25" s="5">
        <v>32</v>
      </c>
    </row>
    <row r="26" spans="1:4" ht="18" customHeight="1" x14ac:dyDescent="0.15">
      <c r="A26" s="8">
        <v>17</v>
      </c>
      <c r="B26" s="21">
        <v>14</v>
      </c>
      <c r="C26" s="6">
        <v>16</v>
      </c>
      <c r="D26" s="5">
        <v>30</v>
      </c>
    </row>
    <row r="27" spans="1:4" ht="18" customHeight="1" x14ac:dyDescent="0.15">
      <c r="A27" s="8">
        <v>18</v>
      </c>
      <c r="B27" s="21">
        <v>20</v>
      </c>
      <c r="C27" s="6">
        <v>16</v>
      </c>
      <c r="D27" s="5">
        <v>36</v>
      </c>
    </row>
    <row r="28" spans="1:4" ht="18" customHeight="1" x14ac:dyDescent="0.15">
      <c r="A28" s="8">
        <v>19</v>
      </c>
      <c r="B28" s="21">
        <v>19</v>
      </c>
      <c r="C28" s="6">
        <v>18</v>
      </c>
      <c r="D28" s="5">
        <v>37</v>
      </c>
    </row>
    <row r="29" spans="1:4" ht="18" customHeight="1" x14ac:dyDescent="0.15">
      <c r="A29" s="8" t="s">
        <v>21</v>
      </c>
      <c r="B29" s="21">
        <v>84</v>
      </c>
      <c r="C29" s="6">
        <v>89</v>
      </c>
      <c r="D29" s="5">
        <v>173</v>
      </c>
    </row>
    <row r="30" spans="1:4" ht="18" customHeight="1" x14ac:dyDescent="0.15">
      <c r="A30" s="8">
        <v>20</v>
      </c>
      <c r="B30" s="21">
        <v>13</v>
      </c>
      <c r="C30" s="6">
        <v>13</v>
      </c>
      <c r="D30" s="5">
        <v>26</v>
      </c>
    </row>
    <row r="31" spans="1:4" ht="18" customHeight="1" x14ac:dyDescent="0.15">
      <c r="A31" s="8">
        <v>21</v>
      </c>
      <c r="B31" s="21">
        <v>19</v>
      </c>
      <c r="C31" s="6">
        <v>11</v>
      </c>
      <c r="D31" s="5">
        <v>30</v>
      </c>
    </row>
    <row r="32" spans="1:4" ht="18" customHeight="1" x14ac:dyDescent="0.15">
      <c r="A32" s="8">
        <v>22</v>
      </c>
      <c r="B32" s="21">
        <v>15</v>
      </c>
      <c r="C32" s="6">
        <v>12</v>
      </c>
      <c r="D32" s="5">
        <v>27</v>
      </c>
    </row>
    <row r="33" spans="1:4" ht="18" customHeight="1" x14ac:dyDescent="0.15">
      <c r="A33" s="8">
        <v>23</v>
      </c>
      <c r="B33" s="21">
        <v>27</v>
      </c>
      <c r="C33" s="6">
        <v>21</v>
      </c>
      <c r="D33" s="5">
        <v>48</v>
      </c>
    </row>
    <row r="34" spans="1:4" ht="18" customHeight="1" x14ac:dyDescent="0.15">
      <c r="A34" s="8">
        <v>24</v>
      </c>
      <c r="B34" s="21">
        <v>16</v>
      </c>
      <c r="C34" s="6">
        <v>13</v>
      </c>
      <c r="D34" s="5">
        <v>29</v>
      </c>
    </row>
    <row r="35" spans="1:4" ht="18" customHeight="1" x14ac:dyDescent="0.15">
      <c r="A35" s="8" t="s">
        <v>20</v>
      </c>
      <c r="B35" s="21">
        <v>90</v>
      </c>
      <c r="C35" s="6">
        <v>70</v>
      </c>
      <c r="D35" s="5">
        <v>160</v>
      </c>
    </row>
    <row r="36" spans="1:4" ht="18" customHeight="1" x14ac:dyDescent="0.15">
      <c r="A36" s="8">
        <v>25</v>
      </c>
      <c r="B36" s="21">
        <v>21</v>
      </c>
      <c r="C36" s="6">
        <v>14</v>
      </c>
      <c r="D36" s="5">
        <v>35</v>
      </c>
    </row>
    <row r="37" spans="1:4" ht="18" customHeight="1" x14ac:dyDescent="0.15">
      <c r="A37" s="8">
        <v>26</v>
      </c>
      <c r="B37" s="21">
        <v>11</v>
      </c>
      <c r="C37" s="6">
        <v>21</v>
      </c>
      <c r="D37" s="5">
        <v>32</v>
      </c>
    </row>
    <row r="38" spans="1:4" ht="18" customHeight="1" x14ac:dyDescent="0.15">
      <c r="A38" s="8">
        <v>27</v>
      </c>
      <c r="B38" s="21">
        <v>15</v>
      </c>
      <c r="C38" s="6">
        <v>31</v>
      </c>
      <c r="D38" s="5">
        <v>46</v>
      </c>
    </row>
    <row r="39" spans="1:4" ht="18" customHeight="1" x14ac:dyDescent="0.15">
      <c r="A39" s="8">
        <v>28</v>
      </c>
      <c r="B39" s="21">
        <v>15</v>
      </c>
      <c r="C39" s="6">
        <v>13</v>
      </c>
      <c r="D39" s="5">
        <v>28</v>
      </c>
    </row>
    <row r="40" spans="1:4" ht="18" customHeight="1" x14ac:dyDescent="0.15">
      <c r="A40" s="8">
        <v>29</v>
      </c>
      <c r="B40" s="21">
        <v>16</v>
      </c>
      <c r="C40" s="6">
        <v>20</v>
      </c>
      <c r="D40" s="5">
        <v>36</v>
      </c>
    </row>
    <row r="41" spans="1:4" ht="18" customHeight="1" x14ac:dyDescent="0.15">
      <c r="A41" s="8" t="s">
        <v>19</v>
      </c>
      <c r="B41" s="21">
        <v>78</v>
      </c>
      <c r="C41" s="6">
        <v>99</v>
      </c>
      <c r="D41" s="5">
        <v>177</v>
      </c>
    </row>
    <row r="42" spans="1:4" ht="18" customHeight="1" x14ac:dyDescent="0.15">
      <c r="A42" s="8">
        <v>30</v>
      </c>
      <c r="B42" s="21">
        <v>23</v>
      </c>
      <c r="C42" s="6">
        <v>24</v>
      </c>
      <c r="D42" s="5">
        <v>47</v>
      </c>
    </row>
    <row r="43" spans="1:4" ht="18" customHeight="1" x14ac:dyDescent="0.15">
      <c r="A43" s="8">
        <v>31</v>
      </c>
      <c r="B43" s="21">
        <v>17</v>
      </c>
      <c r="C43" s="6">
        <v>16</v>
      </c>
      <c r="D43" s="5">
        <v>33</v>
      </c>
    </row>
    <row r="44" spans="1:4" ht="18" customHeight="1" x14ac:dyDescent="0.15">
      <c r="A44" s="8">
        <v>32</v>
      </c>
      <c r="B44" s="21">
        <v>15</v>
      </c>
      <c r="C44" s="6">
        <v>23</v>
      </c>
      <c r="D44" s="5">
        <v>38</v>
      </c>
    </row>
    <row r="45" spans="1:4" ht="18" customHeight="1" x14ac:dyDescent="0.15">
      <c r="A45" s="8">
        <v>33</v>
      </c>
      <c r="B45" s="21">
        <v>13</v>
      </c>
      <c r="C45" s="6">
        <v>22</v>
      </c>
      <c r="D45" s="5">
        <v>35</v>
      </c>
    </row>
    <row r="46" spans="1:4" ht="18" customHeight="1" x14ac:dyDescent="0.15">
      <c r="A46" s="8">
        <v>34</v>
      </c>
      <c r="B46" s="21">
        <v>20</v>
      </c>
      <c r="C46" s="6">
        <v>16</v>
      </c>
      <c r="D46" s="5">
        <v>36</v>
      </c>
    </row>
    <row r="47" spans="1:4" ht="18" customHeight="1" x14ac:dyDescent="0.15">
      <c r="A47" s="8" t="s">
        <v>18</v>
      </c>
      <c r="B47" s="21">
        <v>88</v>
      </c>
      <c r="C47" s="6">
        <v>101</v>
      </c>
      <c r="D47" s="5">
        <v>189</v>
      </c>
    </row>
    <row r="48" spans="1:4" ht="18" customHeight="1" x14ac:dyDescent="0.15">
      <c r="A48" s="8">
        <v>35</v>
      </c>
      <c r="B48" s="21">
        <v>27</v>
      </c>
      <c r="C48" s="6">
        <v>22</v>
      </c>
      <c r="D48" s="5">
        <v>49</v>
      </c>
    </row>
    <row r="49" spans="1:4" ht="18" customHeight="1" x14ac:dyDescent="0.15">
      <c r="A49" s="8">
        <v>36</v>
      </c>
      <c r="B49" s="21">
        <v>33</v>
      </c>
      <c r="C49" s="6">
        <v>16</v>
      </c>
      <c r="D49" s="5">
        <v>49</v>
      </c>
    </row>
    <row r="50" spans="1:4" ht="18" customHeight="1" x14ac:dyDescent="0.15">
      <c r="A50" s="8">
        <v>37</v>
      </c>
      <c r="B50" s="21">
        <v>17</v>
      </c>
      <c r="C50" s="6">
        <v>21</v>
      </c>
      <c r="D50" s="5">
        <v>38</v>
      </c>
    </row>
    <row r="51" spans="1:4" ht="18" customHeight="1" x14ac:dyDescent="0.15">
      <c r="A51" s="8">
        <v>38</v>
      </c>
      <c r="B51" s="21">
        <v>31</v>
      </c>
      <c r="C51" s="6">
        <v>17</v>
      </c>
      <c r="D51" s="5">
        <v>48</v>
      </c>
    </row>
    <row r="52" spans="1:4" ht="18" customHeight="1" x14ac:dyDescent="0.15">
      <c r="A52" s="8">
        <v>39</v>
      </c>
      <c r="B52" s="21">
        <v>24</v>
      </c>
      <c r="C52" s="6">
        <v>27</v>
      </c>
      <c r="D52" s="5">
        <v>51</v>
      </c>
    </row>
    <row r="53" spans="1:4" ht="18" customHeight="1" x14ac:dyDescent="0.15">
      <c r="A53" s="8" t="s">
        <v>17</v>
      </c>
      <c r="B53" s="21">
        <v>132</v>
      </c>
      <c r="C53" s="6">
        <v>103</v>
      </c>
      <c r="D53" s="5">
        <v>235</v>
      </c>
    </row>
    <row r="54" spans="1:4" ht="18" customHeight="1" x14ac:dyDescent="0.15">
      <c r="A54" s="8">
        <v>40</v>
      </c>
      <c r="B54" s="21">
        <v>29</v>
      </c>
      <c r="C54" s="6">
        <v>32</v>
      </c>
      <c r="D54" s="5">
        <v>61</v>
      </c>
    </row>
    <row r="55" spans="1:4" ht="18" customHeight="1" x14ac:dyDescent="0.15">
      <c r="A55" s="8">
        <v>41</v>
      </c>
      <c r="B55" s="21">
        <v>18</v>
      </c>
      <c r="C55" s="6">
        <v>16</v>
      </c>
      <c r="D55" s="5">
        <v>34</v>
      </c>
    </row>
    <row r="56" spans="1:4" ht="18" customHeight="1" x14ac:dyDescent="0.15">
      <c r="A56" s="8">
        <v>42</v>
      </c>
      <c r="B56" s="21">
        <v>21</v>
      </c>
      <c r="C56" s="6">
        <v>23</v>
      </c>
      <c r="D56" s="5">
        <v>44</v>
      </c>
    </row>
    <row r="57" spans="1:4" ht="18" customHeight="1" x14ac:dyDescent="0.15">
      <c r="A57" s="8">
        <v>43</v>
      </c>
      <c r="B57" s="21">
        <v>28</v>
      </c>
      <c r="C57" s="6">
        <v>26</v>
      </c>
      <c r="D57" s="5">
        <v>54</v>
      </c>
    </row>
    <row r="58" spans="1:4" ht="18" customHeight="1" x14ac:dyDescent="0.15">
      <c r="A58" s="8">
        <v>44</v>
      </c>
      <c r="B58" s="21">
        <v>25</v>
      </c>
      <c r="C58" s="6">
        <v>20</v>
      </c>
      <c r="D58" s="5">
        <v>45</v>
      </c>
    </row>
    <row r="59" spans="1:4" ht="18" customHeight="1" x14ac:dyDescent="0.15">
      <c r="A59" s="8" t="s">
        <v>16</v>
      </c>
      <c r="B59" s="21">
        <v>121</v>
      </c>
      <c r="C59" s="6">
        <v>117</v>
      </c>
      <c r="D59" s="5">
        <v>238</v>
      </c>
    </row>
    <row r="60" spans="1:4" ht="18" customHeight="1" x14ac:dyDescent="0.15">
      <c r="A60" s="8">
        <v>45</v>
      </c>
      <c r="B60" s="21">
        <v>20</v>
      </c>
      <c r="C60" s="6">
        <v>24</v>
      </c>
      <c r="D60" s="5">
        <v>44</v>
      </c>
    </row>
    <row r="61" spans="1:4" ht="18" customHeight="1" x14ac:dyDescent="0.15">
      <c r="A61" s="8">
        <v>46</v>
      </c>
      <c r="B61" s="21">
        <v>33</v>
      </c>
      <c r="C61" s="6">
        <v>29</v>
      </c>
      <c r="D61" s="5">
        <v>62</v>
      </c>
    </row>
    <row r="62" spans="1:4" ht="18" customHeight="1" x14ac:dyDescent="0.15">
      <c r="A62" s="8">
        <v>47</v>
      </c>
      <c r="B62" s="21">
        <v>31</v>
      </c>
      <c r="C62" s="6">
        <v>28</v>
      </c>
      <c r="D62" s="5">
        <v>59</v>
      </c>
    </row>
    <row r="63" spans="1:4" ht="18" customHeight="1" x14ac:dyDescent="0.15">
      <c r="A63" s="8">
        <v>48</v>
      </c>
      <c r="B63" s="21">
        <v>40</v>
      </c>
      <c r="C63" s="6">
        <v>21</v>
      </c>
      <c r="D63" s="5">
        <v>61</v>
      </c>
    </row>
    <row r="64" spans="1:4" ht="18" customHeight="1" x14ac:dyDescent="0.15">
      <c r="A64" s="8">
        <v>49</v>
      </c>
      <c r="B64" s="21">
        <v>31</v>
      </c>
      <c r="C64" s="6">
        <v>26</v>
      </c>
      <c r="D64" s="5">
        <v>57</v>
      </c>
    </row>
    <row r="65" spans="1:4" ht="18" customHeight="1" x14ac:dyDescent="0.15">
      <c r="A65" s="8" t="s">
        <v>15</v>
      </c>
      <c r="B65" s="21">
        <v>155</v>
      </c>
      <c r="C65" s="6">
        <v>128</v>
      </c>
      <c r="D65" s="5">
        <v>283</v>
      </c>
    </row>
    <row r="66" spans="1:4" ht="18" customHeight="1" x14ac:dyDescent="0.15">
      <c r="A66" s="8">
        <v>50</v>
      </c>
      <c r="B66" s="21">
        <v>32</v>
      </c>
      <c r="C66" s="6">
        <v>39</v>
      </c>
      <c r="D66" s="5">
        <v>71</v>
      </c>
    </row>
    <row r="67" spans="1:4" ht="18" customHeight="1" x14ac:dyDescent="0.15">
      <c r="A67" s="8">
        <v>51</v>
      </c>
      <c r="B67" s="21">
        <v>38</v>
      </c>
      <c r="C67" s="6">
        <v>36</v>
      </c>
      <c r="D67" s="5">
        <v>74</v>
      </c>
    </row>
    <row r="68" spans="1:4" ht="18" customHeight="1" x14ac:dyDescent="0.15">
      <c r="A68" s="8">
        <v>52</v>
      </c>
      <c r="B68" s="21">
        <v>27</v>
      </c>
      <c r="C68" s="6">
        <v>22</v>
      </c>
      <c r="D68" s="5">
        <v>49</v>
      </c>
    </row>
    <row r="69" spans="1:4" ht="18" customHeight="1" x14ac:dyDescent="0.15">
      <c r="A69" s="8">
        <v>53</v>
      </c>
      <c r="B69" s="21">
        <v>23</v>
      </c>
      <c r="C69" s="6">
        <v>18</v>
      </c>
      <c r="D69" s="5">
        <v>41</v>
      </c>
    </row>
    <row r="70" spans="1:4" ht="18" customHeight="1" x14ac:dyDescent="0.15">
      <c r="A70" s="8">
        <v>54</v>
      </c>
      <c r="B70" s="21">
        <v>16</v>
      </c>
      <c r="C70" s="6">
        <v>23</v>
      </c>
      <c r="D70" s="5">
        <v>39</v>
      </c>
    </row>
    <row r="71" spans="1:4" ht="18" customHeight="1" x14ac:dyDescent="0.15">
      <c r="A71" s="8" t="s">
        <v>14</v>
      </c>
      <c r="B71" s="21">
        <v>136</v>
      </c>
      <c r="C71" s="6">
        <v>138</v>
      </c>
      <c r="D71" s="5">
        <v>274</v>
      </c>
    </row>
    <row r="72" spans="1:4" ht="18" customHeight="1" x14ac:dyDescent="0.15">
      <c r="A72" s="8">
        <v>55</v>
      </c>
      <c r="B72" s="21">
        <v>19</v>
      </c>
      <c r="C72" s="6">
        <v>26</v>
      </c>
      <c r="D72" s="5">
        <v>45</v>
      </c>
    </row>
    <row r="73" spans="1:4" ht="18" customHeight="1" x14ac:dyDescent="0.15">
      <c r="A73" s="8">
        <v>56</v>
      </c>
      <c r="B73" s="21">
        <v>19</v>
      </c>
      <c r="C73" s="6">
        <v>23</v>
      </c>
      <c r="D73" s="5">
        <v>42</v>
      </c>
    </row>
    <row r="74" spans="1:4" ht="18" customHeight="1" x14ac:dyDescent="0.15">
      <c r="A74" s="8">
        <v>57</v>
      </c>
      <c r="B74" s="21">
        <v>16</v>
      </c>
      <c r="C74" s="6">
        <v>20</v>
      </c>
      <c r="D74" s="5">
        <v>36</v>
      </c>
    </row>
    <row r="75" spans="1:4" ht="18" customHeight="1" x14ac:dyDescent="0.15">
      <c r="A75" s="8">
        <v>58</v>
      </c>
      <c r="B75" s="21">
        <v>15</v>
      </c>
      <c r="C75" s="6">
        <v>18</v>
      </c>
      <c r="D75" s="5">
        <v>33</v>
      </c>
    </row>
    <row r="76" spans="1:4" ht="18" customHeight="1" x14ac:dyDescent="0.15">
      <c r="A76" s="8">
        <v>59</v>
      </c>
      <c r="B76" s="21">
        <v>20</v>
      </c>
      <c r="C76" s="6">
        <v>11</v>
      </c>
      <c r="D76" s="5">
        <v>31</v>
      </c>
    </row>
    <row r="77" spans="1:4" ht="18" customHeight="1" x14ac:dyDescent="0.15">
      <c r="A77" s="8" t="s">
        <v>13</v>
      </c>
      <c r="B77" s="21">
        <v>89</v>
      </c>
      <c r="C77" s="6">
        <v>98</v>
      </c>
      <c r="D77" s="5">
        <v>187</v>
      </c>
    </row>
    <row r="78" spans="1:4" ht="18" customHeight="1" x14ac:dyDescent="0.15">
      <c r="A78" s="8">
        <v>60</v>
      </c>
      <c r="B78" s="21">
        <v>16</v>
      </c>
      <c r="C78" s="6">
        <v>23</v>
      </c>
      <c r="D78" s="5">
        <v>39</v>
      </c>
    </row>
    <row r="79" spans="1:4" ht="18" customHeight="1" x14ac:dyDescent="0.15">
      <c r="A79" s="8">
        <v>61</v>
      </c>
      <c r="B79" s="21">
        <v>24</v>
      </c>
      <c r="C79" s="6">
        <v>14</v>
      </c>
      <c r="D79" s="5">
        <v>38</v>
      </c>
    </row>
    <row r="80" spans="1:4" ht="18" customHeight="1" x14ac:dyDescent="0.15">
      <c r="A80" s="8">
        <v>62</v>
      </c>
      <c r="B80" s="21">
        <v>19</v>
      </c>
      <c r="C80" s="6">
        <v>24</v>
      </c>
      <c r="D80" s="5">
        <v>43</v>
      </c>
    </row>
    <row r="81" spans="1:4" ht="18" customHeight="1" x14ac:dyDescent="0.15">
      <c r="A81" s="8">
        <v>63</v>
      </c>
      <c r="B81" s="21">
        <v>19</v>
      </c>
      <c r="C81" s="6">
        <v>15</v>
      </c>
      <c r="D81" s="5">
        <v>34</v>
      </c>
    </row>
    <row r="82" spans="1:4" ht="18" customHeight="1" x14ac:dyDescent="0.15">
      <c r="A82" s="8">
        <v>64</v>
      </c>
      <c r="B82" s="21">
        <v>14</v>
      </c>
      <c r="C82" s="6">
        <v>20</v>
      </c>
      <c r="D82" s="5">
        <v>34</v>
      </c>
    </row>
    <row r="83" spans="1:4" ht="18" customHeight="1" x14ac:dyDescent="0.15">
      <c r="A83" s="8" t="s">
        <v>12</v>
      </c>
      <c r="B83" s="21">
        <v>92</v>
      </c>
      <c r="C83" s="6">
        <v>96</v>
      </c>
      <c r="D83" s="5">
        <v>188</v>
      </c>
    </row>
    <row r="84" spans="1:4" ht="18" customHeight="1" x14ac:dyDescent="0.15">
      <c r="A84" s="8" t="s">
        <v>11</v>
      </c>
      <c r="B84" s="21">
        <v>1065</v>
      </c>
      <c r="C84" s="6">
        <v>1039</v>
      </c>
      <c r="D84" s="5">
        <v>2104</v>
      </c>
    </row>
    <row r="85" spans="1:4" ht="18" customHeight="1" x14ac:dyDescent="0.15">
      <c r="A85" s="8">
        <v>65</v>
      </c>
      <c r="B85" s="21">
        <v>16</v>
      </c>
      <c r="C85" s="6">
        <v>23</v>
      </c>
      <c r="D85" s="5">
        <v>39</v>
      </c>
    </row>
    <row r="86" spans="1:4" ht="18" customHeight="1" x14ac:dyDescent="0.15">
      <c r="A86" s="8">
        <v>66</v>
      </c>
      <c r="B86" s="21">
        <v>17</v>
      </c>
      <c r="C86" s="6">
        <v>16</v>
      </c>
      <c r="D86" s="5">
        <v>33</v>
      </c>
    </row>
    <row r="87" spans="1:4" ht="18" customHeight="1" x14ac:dyDescent="0.15">
      <c r="A87" s="8">
        <v>67</v>
      </c>
      <c r="B87" s="21">
        <v>7</v>
      </c>
      <c r="C87" s="6">
        <v>28</v>
      </c>
      <c r="D87" s="5">
        <v>35</v>
      </c>
    </row>
    <row r="88" spans="1:4" ht="18" customHeight="1" x14ac:dyDescent="0.15">
      <c r="A88" s="8">
        <v>68</v>
      </c>
      <c r="B88" s="21">
        <v>15</v>
      </c>
      <c r="C88" s="6">
        <v>26</v>
      </c>
      <c r="D88" s="5">
        <v>41</v>
      </c>
    </row>
    <row r="89" spans="1:4" ht="18" customHeight="1" x14ac:dyDescent="0.15">
      <c r="A89" s="8">
        <v>69</v>
      </c>
      <c r="B89" s="21">
        <v>31</v>
      </c>
      <c r="C89" s="6">
        <v>23</v>
      </c>
      <c r="D89" s="5">
        <v>54</v>
      </c>
    </row>
    <row r="90" spans="1:4" ht="18" customHeight="1" x14ac:dyDescent="0.15">
      <c r="A90" s="8" t="s">
        <v>10</v>
      </c>
      <c r="B90" s="21">
        <v>86</v>
      </c>
      <c r="C90" s="6">
        <v>116</v>
      </c>
      <c r="D90" s="5">
        <v>202</v>
      </c>
    </row>
    <row r="91" spans="1:4" ht="18" customHeight="1" x14ac:dyDescent="0.15">
      <c r="A91" s="8">
        <v>70</v>
      </c>
      <c r="B91" s="21">
        <v>15</v>
      </c>
      <c r="C91" s="6">
        <v>28</v>
      </c>
      <c r="D91" s="5">
        <v>43</v>
      </c>
    </row>
    <row r="92" spans="1:4" ht="18" customHeight="1" x14ac:dyDescent="0.15">
      <c r="A92" s="8">
        <v>71</v>
      </c>
      <c r="B92" s="21">
        <v>17</v>
      </c>
      <c r="C92" s="6">
        <v>22</v>
      </c>
      <c r="D92" s="5">
        <v>39</v>
      </c>
    </row>
    <row r="93" spans="1:4" ht="18" customHeight="1" x14ac:dyDescent="0.15">
      <c r="A93" s="8">
        <v>72</v>
      </c>
      <c r="B93" s="21">
        <v>32</v>
      </c>
      <c r="C93" s="6">
        <v>26</v>
      </c>
      <c r="D93" s="5">
        <v>58</v>
      </c>
    </row>
    <row r="94" spans="1:4" ht="18" customHeight="1" x14ac:dyDescent="0.15">
      <c r="A94" s="8">
        <v>73</v>
      </c>
      <c r="B94" s="21">
        <v>30</v>
      </c>
      <c r="C94" s="6">
        <v>31</v>
      </c>
      <c r="D94" s="5">
        <v>61</v>
      </c>
    </row>
    <row r="95" spans="1:4" ht="18" customHeight="1" x14ac:dyDescent="0.15">
      <c r="A95" s="8">
        <v>74</v>
      </c>
      <c r="B95" s="21">
        <v>20</v>
      </c>
      <c r="C95" s="6">
        <v>35</v>
      </c>
      <c r="D95" s="5">
        <v>55</v>
      </c>
    </row>
    <row r="96" spans="1:4" ht="18" customHeight="1" x14ac:dyDescent="0.15">
      <c r="A96" s="8" t="s">
        <v>9</v>
      </c>
      <c r="B96" s="21">
        <v>114</v>
      </c>
      <c r="C96" s="6">
        <v>142</v>
      </c>
      <c r="D96" s="5">
        <v>256</v>
      </c>
    </row>
    <row r="97" spans="1:4" ht="18" customHeight="1" x14ac:dyDescent="0.15">
      <c r="A97" s="8">
        <v>75</v>
      </c>
      <c r="B97" s="21">
        <v>29</v>
      </c>
      <c r="C97" s="6">
        <v>28</v>
      </c>
      <c r="D97" s="5">
        <v>57</v>
      </c>
    </row>
    <row r="98" spans="1:4" ht="18" customHeight="1" x14ac:dyDescent="0.15">
      <c r="A98" s="8">
        <v>76</v>
      </c>
      <c r="B98" s="21">
        <v>44</v>
      </c>
      <c r="C98" s="6">
        <v>34</v>
      </c>
      <c r="D98" s="5">
        <v>78</v>
      </c>
    </row>
    <row r="99" spans="1:4" ht="18" customHeight="1" x14ac:dyDescent="0.15">
      <c r="A99" s="8">
        <v>77</v>
      </c>
      <c r="B99" s="21">
        <v>29</v>
      </c>
      <c r="C99" s="6">
        <v>33</v>
      </c>
      <c r="D99" s="5">
        <v>62</v>
      </c>
    </row>
    <row r="100" spans="1:4" ht="18" customHeight="1" x14ac:dyDescent="0.15">
      <c r="A100" s="8">
        <v>78</v>
      </c>
      <c r="B100" s="21">
        <v>30</v>
      </c>
      <c r="C100" s="6">
        <v>38</v>
      </c>
      <c r="D100" s="5">
        <v>68</v>
      </c>
    </row>
    <row r="101" spans="1:4" ht="18" customHeight="1" x14ac:dyDescent="0.15">
      <c r="A101" s="8">
        <v>79</v>
      </c>
      <c r="B101" s="21">
        <v>20</v>
      </c>
      <c r="C101" s="6">
        <v>20</v>
      </c>
      <c r="D101" s="5">
        <v>40</v>
      </c>
    </row>
    <row r="102" spans="1:4" ht="18" customHeight="1" x14ac:dyDescent="0.15">
      <c r="A102" s="8" t="s">
        <v>8</v>
      </c>
      <c r="B102" s="21">
        <v>152</v>
      </c>
      <c r="C102" s="6">
        <v>153</v>
      </c>
      <c r="D102" s="5">
        <v>305</v>
      </c>
    </row>
    <row r="103" spans="1:4" ht="18" customHeight="1" x14ac:dyDescent="0.15">
      <c r="A103" s="8">
        <v>80</v>
      </c>
      <c r="B103" s="21">
        <v>11</v>
      </c>
      <c r="C103" s="6">
        <v>12</v>
      </c>
      <c r="D103" s="5">
        <v>23</v>
      </c>
    </row>
    <row r="104" spans="1:4" ht="18" customHeight="1" x14ac:dyDescent="0.15">
      <c r="A104" s="8">
        <v>81</v>
      </c>
      <c r="B104" s="21">
        <v>17</v>
      </c>
      <c r="C104" s="6">
        <v>21</v>
      </c>
      <c r="D104" s="5">
        <v>38</v>
      </c>
    </row>
    <row r="105" spans="1:4" ht="18" customHeight="1" x14ac:dyDescent="0.15">
      <c r="A105" s="8">
        <v>82</v>
      </c>
      <c r="B105" s="21">
        <v>10</v>
      </c>
      <c r="C105" s="6">
        <v>12</v>
      </c>
      <c r="D105" s="5">
        <v>22</v>
      </c>
    </row>
    <row r="106" spans="1:4" ht="18" customHeight="1" x14ac:dyDescent="0.15">
      <c r="A106" s="8">
        <v>83</v>
      </c>
      <c r="B106" s="21">
        <v>16</v>
      </c>
      <c r="C106" s="6">
        <v>18</v>
      </c>
      <c r="D106" s="5">
        <v>34</v>
      </c>
    </row>
    <row r="107" spans="1:4" ht="18" customHeight="1" x14ac:dyDescent="0.15">
      <c r="A107" s="8">
        <v>84</v>
      </c>
      <c r="B107" s="21">
        <v>14</v>
      </c>
      <c r="C107" s="6">
        <v>15</v>
      </c>
      <c r="D107" s="5">
        <v>29</v>
      </c>
    </row>
    <row r="108" spans="1:4" ht="18" customHeight="1" x14ac:dyDescent="0.15">
      <c r="A108" s="8" t="s">
        <v>7</v>
      </c>
      <c r="B108" s="21">
        <v>68</v>
      </c>
      <c r="C108" s="6">
        <v>78</v>
      </c>
      <c r="D108" s="5">
        <v>146</v>
      </c>
    </row>
    <row r="109" spans="1:4" ht="18" customHeight="1" x14ac:dyDescent="0.15">
      <c r="A109" s="8">
        <v>85</v>
      </c>
      <c r="B109" s="21">
        <v>10</v>
      </c>
      <c r="C109" s="6">
        <v>13</v>
      </c>
      <c r="D109" s="5">
        <v>23</v>
      </c>
    </row>
    <row r="110" spans="1:4" ht="18" customHeight="1" x14ac:dyDescent="0.15">
      <c r="A110" s="8">
        <v>86</v>
      </c>
      <c r="B110" s="21">
        <v>9</v>
      </c>
      <c r="C110" s="6">
        <v>12</v>
      </c>
      <c r="D110" s="5">
        <v>21</v>
      </c>
    </row>
    <row r="111" spans="1:4" ht="18" customHeight="1" x14ac:dyDescent="0.15">
      <c r="A111" s="8">
        <v>87</v>
      </c>
      <c r="B111" s="21">
        <v>6</v>
      </c>
      <c r="C111" s="6">
        <v>8</v>
      </c>
      <c r="D111" s="5">
        <v>14</v>
      </c>
    </row>
    <row r="112" spans="1:4" ht="18" customHeight="1" x14ac:dyDescent="0.15">
      <c r="A112" s="8">
        <v>88</v>
      </c>
      <c r="B112" s="21">
        <v>3</v>
      </c>
      <c r="C112" s="6">
        <v>6</v>
      </c>
      <c r="D112" s="5">
        <v>9</v>
      </c>
    </row>
    <row r="113" spans="1:4" ht="18" customHeight="1" x14ac:dyDescent="0.15">
      <c r="A113" s="8">
        <v>89</v>
      </c>
      <c r="B113" s="21">
        <v>6</v>
      </c>
      <c r="C113" s="6">
        <v>8</v>
      </c>
      <c r="D113" s="5">
        <v>14</v>
      </c>
    </row>
    <row r="114" spans="1:4" ht="18" customHeight="1" x14ac:dyDescent="0.15">
      <c r="A114" s="8" t="s">
        <v>6</v>
      </c>
      <c r="B114" s="21">
        <v>34</v>
      </c>
      <c r="C114" s="6">
        <v>47</v>
      </c>
      <c r="D114" s="5">
        <v>81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0</v>
      </c>
      <c r="C117" s="6">
        <v>9</v>
      </c>
      <c r="D117" s="5">
        <v>9</v>
      </c>
    </row>
    <row r="118" spans="1:4" ht="18" customHeight="1" x14ac:dyDescent="0.15">
      <c r="A118" s="8">
        <v>93</v>
      </c>
      <c r="B118" s="21">
        <v>0</v>
      </c>
      <c r="C118" s="6">
        <v>7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2</v>
      </c>
      <c r="D119" s="5">
        <v>3</v>
      </c>
    </row>
    <row r="120" spans="1:4" ht="18" customHeight="1" x14ac:dyDescent="0.15">
      <c r="A120" s="8" t="s">
        <v>5</v>
      </c>
      <c r="B120" s="21">
        <v>9</v>
      </c>
      <c r="C120" s="6">
        <v>32</v>
      </c>
      <c r="D120" s="5">
        <v>41</v>
      </c>
    </row>
    <row r="121" spans="1:4" ht="18" customHeight="1" x14ac:dyDescent="0.15">
      <c r="A121" s="8">
        <v>95</v>
      </c>
      <c r="B121" s="21">
        <v>3</v>
      </c>
      <c r="C121" s="6">
        <v>2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2</v>
      </c>
      <c r="C123" s="6">
        <v>1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6</v>
      </c>
      <c r="C126" s="6">
        <v>9</v>
      </c>
      <c r="D126" s="5">
        <v>15</v>
      </c>
    </row>
    <row r="127" spans="1:4" ht="18" customHeight="1" x14ac:dyDescent="0.15">
      <c r="A127" s="8">
        <v>100</v>
      </c>
      <c r="B127" s="21">
        <v>1</v>
      </c>
      <c r="C127" s="6">
        <v>1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1</v>
      </c>
      <c r="C129" s="6">
        <v>1</v>
      </c>
      <c r="D129" s="5">
        <v>2</v>
      </c>
    </row>
    <row r="130" spans="1:4" ht="18" customHeight="1" x14ac:dyDescent="0.15">
      <c r="A130" s="8" t="s">
        <v>1</v>
      </c>
      <c r="B130" s="21">
        <v>470</v>
      </c>
      <c r="C130" s="6">
        <v>578</v>
      </c>
      <c r="D130" s="5">
        <v>1048</v>
      </c>
    </row>
    <row r="131" spans="1:4" ht="18" customHeight="1" x14ac:dyDescent="0.15">
      <c r="A131" s="4" t="s">
        <v>0</v>
      </c>
      <c r="B131" s="20">
        <v>1803</v>
      </c>
      <c r="C131" s="2">
        <v>1823</v>
      </c>
      <c r="D131" s="1">
        <v>362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3C1375-0C7F-4589-9F77-4FD3B8C24B09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</v>
      </c>
      <c r="C5" s="31">
        <v>10</v>
      </c>
      <c r="D5" s="30">
        <v>19</v>
      </c>
    </row>
    <row r="6" spans="1:4" ht="18" customHeight="1" x14ac:dyDescent="0.15">
      <c r="A6" s="8">
        <v>1</v>
      </c>
      <c r="B6" s="26">
        <v>5</v>
      </c>
      <c r="C6" s="6">
        <v>7</v>
      </c>
      <c r="D6" s="5">
        <v>12</v>
      </c>
    </row>
    <row r="7" spans="1:4" ht="18" customHeight="1" x14ac:dyDescent="0.15">
      <c r="A7" s="8">
        <v>2</v>
      </c>
      <c r="B7" s="26">
        <v>7</v>
      </c>
      <c r="C7" s="6">
        <v>9</v>
      </c>
      <c r="D7" s="5">
        <v>16</v>
      </c>
    </row>
    <row r="8" spans="1:4" ht="18" customHeight="1" x14ac:dyDescent="0.15">
      <c r="A8" s="8">
        <v>3</v>
      </c>
      <c r="B8" s="26">
        <v>8</v>
      </c>
      <c r="C8" s="6">
        <v>13</v>
      </c>
      <c r="D8" s="5">
        <v>21</v>
      </c>
    </row>
    <row r="9" spans="1:4" ht="18" customHeight="1" x14ac:dyDescent="0.15">
      <c r="A9" s="8">
        <v>4</v>
      </c>
      <c r="B9" s="29">
        <v>10</v>
      </c>
      <c r="C9" s="28">
        <v>10</v>
      </c>
      <c r="D9" s="27">
        <v>20</v>
      </c>
    </row>
    <row r="10" spans="1:4" ht="18" customHeight="1" x14ac:dyDescent="0.15">
      <c r="A10" s="8" t="s">
        <v>25</v>
      </c>
      <c r="B10" s="21">
        <v>39</v>
      </c>
      <c r="C10" s="6">
        <v>49</v>
      </c>
      <c r="D10" s="5">
        <v>88</v>
      </c>
    </row>
    <row r="11" spans="1:4" ht="18" customHeight="1" x14ac:dyDescent="0.15">
      <c r="A11" s="8">
        <v>5</v>
      </c>
      <c r="B11" s="26">
        <v>7</v>
      </c>
      <c r="C11" s="6">
        <v>15</v>
      </c>
      <c r="D11" s="5">
        <v>22</v>
      </c>
    </row>
    <row r="12" spans="1:4" ht="18" customHeight="1" x14ac:dyDescent="0.15">
      <c r="A12" s="8">
        <v>6</v>
      </c>
      <c r="B12" s="26">
        <v>15</v>
      </c>
      <c r="C12" s="6">
        <v>7</v>
      </c>
      <c r="D12" s="5">
        <v>22</v>
      </c>
    </row>
    <row r="13" spans="1:4" ht="18" customHeight="1" x14ac:dyDescent="0.15">
      <c r="A13" s="8">
        <v>7</v>
      </c>
      <c r="B13" s="26">
        <v>12</v>
      </c>
      <c r="C13" s="6">
        <v>10</v>
      </c>
      <c r="D13" s="5">
        <v>22</v>
      </c>
    </row>
    <row r="14" spans="1:4" ht="18" customHeight="1" x14ac:dyDescent="0.15">
      <c r="A14" s="8">
        <v>8</v>
      </c>
      <c r="B14" s="26">
        <v>10</v>
      </c>
      <c r="C14" s="6">
        <v>13</v>
      </c>
      <c r="D14" s="5">
        <v>23</v>
      </c>
    </row>
    <row r="15" spans="1:4" ht="18" customHeight="1" x14ac:dyDescent="0.15">
      <c r="A15" s="8">
        <v>9</v>
      </c>
      <c r="B15" s="26">
        <v>13</v>
      </c>
      <c r="C15" s="6">
        <v>18</v>
      </c>
      <c r="D15" s="5">
        <v>31</v>
      </c>
    </row>
    <row r="16" spans="1:4" ht="18" customHeight="1" x14ac:dyDescent="0.15">
      <c r="A16" s="8" t="s">
        <v>24</v>
      </c>
      <c r="B16" s="21">
        <v>57</v>
      </c>
      <c r="C16" s="6">
        <v>63</v>
      </c>
      <c r="D16" s="5">
        <v>120</v>
      </c>
    </row>
    <row r="17" spans="1:4" ht="18" customHeight="1" x14ac:dyDescent="0.15">
      <c r="A17" s="8">
        <v>10</v>
      </c>
      <c r="B17" s="21">
        <v>18</v>
      </c>
      <c r="C17" s="6">
        <v>9</v>
      </c>
      <c r="D17" s="5">
        <v>27</v>
      </c>
    </row>
    <row r="18" spans="1:4" ht="18" customHeight="1" x14ac:dyDescent="0.15">
      <c r="A18" s="8">
        <v>11</v>
      </c>
      <c r="B18" s="21">
        <v>15</v>
      </c>
      <c r="C18" s="6">
        <v>12</v>
      </c>
      <c r="D18" s="5">
        <v>27</v>
      </c>
    </row>
    <row r="19" spans="1:4" ht="18" customHeight="1" x14ac:dyDescent="0.15">
      <c r="A19" s="8">
        <v>12</v>
      </c>
      <c r="B19" s="21">
        <v>16</v>
      </c>
      <c r="C19" s="6">
        <v>19</v>
      </c>
      <c r="D19" s="5">
        <v>35</v>
      </c>
    </row>
    <row r="20" spans="1:4" ht="18" customHeight="1" x14ac:dyDescent="0.15">
      <c r="A20" s="8">
        <v>13</v>
      </c>
      <c r="B20" s="21">
        <v>14</v>
      </c>
      <c r="C20" s="6">
        <v>21</v>
      </c>
      <c r="D20" s="5">
        <v>35</v>
      </c>
    </row>
    <row r="21" spans="1:4" ht="18" customHeight="1" x14ac:dyDescent="0.15">
      <c r="A21" s="8">
        <v>14</v>
      </c>
      <c r="B21" s="21">
        <v>21</v>
      </c>
      <c r="C21" s="6">
        <v>13</v>
      </c>
      <c r="D21" s="5">
        <v>34</v>
      </c>
    </row>
    <row r="22" spans="1:4" ht="18" customHeight="1" x14ac:dyDescent="0.15">
      <c r="A22" s="8" t="s">
        <v>23</v>
      </c>
      <c r="B22" s="21">
        <v>84</v>
      </c>
      <c r="C22" s="6">
        <v>74</v>
      </c>
      <c r="D22" s="5">
        <v>158</v>
      </c>
    </row>
    <row r="23" spans="1:4" ht="18" customHeight="1" x14ac:dyDescent="0.15">
      <c r="A23" s="8" t="s">
        <v>22</v>
      </c>
      <c r="B23" s="21">
        <v>180</v>
      </c>
      <c r="C23" s="6">
        <v>186</v>
      </c>
      <c r="D23" s="5">
        <v>366</v>
      </c>
    </row>
    <row r="24" spans="1:4" ht="18" customHeight="1" x14ac:dyDescent="0.15">
      <c r="A24" s="8">
        <v>15</v>
      </c>
      <c r="B24" s="21">
        <v>15</v>
      </c>
      <c r="C24" s="6">
        <v>22</v>
      </c>
      <c r="D24" s="5">
        <v>37</v>
      </c>
    </row>
    <row r="25" spans="1:4" ht="18" customHeight="1" x14ac:dyDescent="0.15">
      <c r="A25" s="8">
        <v>16</v>
      </c>
      <c r="B25" s="21">
        <v>19</v>
      </c>
      <c r="C25" s="6">
        <v>14</v>
      </c>
      <c r="D25" s="5">
        <v>33</v>
      </c>
    </row>
    <row r="26" spans="1:4" ht="18" customHeight="1" x14ac:dyDescent="0.15">
      <c r="A26" s="8">
        <v>17</v>
      </c>
      <c r="B26" s="21">
        <v>27</v>
      </c>
      <c r="C26" s="6">
        <v>13</v>
      </c>
      <c r="D26" s="5">
        <v>40</v>
      </c>
    </row>
    <row r="27" spans="1:4" ht="18" customHeight="1" x14ac:dyDescent="0.15">
      <c r="A27" s="8">
        <v>18</v>
      </c>
      <c r="B27" s="21">
        <v>14</v>
      </c>
      <c r="C27" s="6">
        <v>15</v>
      </c>
      <c r="D27" s="5">
        <v>29</v>
      </c>
    </row>
    <row r="28" spans="1:4" ht="18" customHeight="1" x14ac:dyDescent="0.15">
      <c r="A28" s="8">
        <v>19</v>
      </c>
      <c r="B28" s="21">
        <v>20</v>
      </c>
      <c r="C28" s="6">
        <v>16</v>
      </c>
      <c r="D28" s="5">
        <v>36</v>
      </c>
    </row>
    <row r="29" spans="1:4" ht="18" customHeight="1" x14ac:dyDescent="0.15">
      <c r="A29" s="8" t="s">
        <v>21</v>
      </c>
      <c r="B29" s="21">
        <v>95</v>
      </c>
      <c r="C29" s="6">
        <v>80</v>
      </c>
      <c r="D29" s="5">
        <v>175</v>
      </c>
    </row>
    <row r="30" spans="1:4" ht="18" customHeight="1" x14ac:dyDescent="0.15">
      <c r="A30" s="8">
        <v>20</v>
      </c>
      <c r="B30" s="21">
        <v>21</v>
      </c>
      <c r="C30" s="6">
        <v>13</v>
      </c>
      <c r="D30" s="5">
        <v>34</v>
      </c>
    </row>
    <row r="31" spans="1:4" ht="18" customHeight="1" x14ac:dyDescent="0.15">
      <c r="A31" s="8">
        <v>21</v>
      </c>
      <c r="B31" s="21">
        <v>28</v>
      </c>
      <c r="C31" s="6">
        <v>12</v>
      </c>
      <c r="D31" s="5">
        <v>40</v>
      </c>
    </row>
    <row r="32" spans="1:4" ht="18" customHeight="1" x14ac:dyDescent="0.15">
      <c r="A32" s="8">
        <v>22</v>
      </c>
      <c r="B32" s="21">
        <v>14</v>
      </c>
      <c r="C32" s="6">
        <v>9</v>
      </c>
      <c r="D32" s="5">
        <v>23</v>
      </c>
    </row>
    <row r="33" spans="1:4" ht="18" customHeight="1" x14ac:dyDescent="0.15">
      <c r="A33" s="8">
        <v>23</v>
      </c>
      <c r="B33" s="21">
        <v>13</v>
      </c>
      <c r="C33" s="6">
        <v>11</v>
      </c>
      <c r="D33" s="5">
        <v>24</v>
      </c>
    </row>
    <row r="34" spans="1:4" ht="18" customHeight="1" x14ac:dyDescent="0.15">
      <c r="A34" s="8">
        <v>24</v>
      </c>
      <c r="B34" s="21">
        <v>12</v>
      </c>
      <c r="C34" s="6">
        <v>19</v>
      </c>
      <c r="D34" s="5">
        <v>31</v>
      </c>
    </row>
    <row r="35" spans="1:4" ht="18" customHeight="1" x14ac:dyDescent="0.15">
      <c r="A35" s="8" t="s">
        <v>20</v>
      </c>
      <c r="B35" s="21">
        <v>88</v>
      </c>
      <c r="C35" s="6">
        <v>64</v>
      </c>
      <c r="D35" s="5">
        <v>152</v>
      </c>
    </row>
    <row r="36" spans="1:4" ht="18" customHeight="1" x14ac:dyDescent="0.15">
      <c r="A36" s="8">
        <v>25</v>
      </c>
      <c r="B36" s="21">
        <v>18</v>
      </c>
      <c r="C36" s="6">
        <v>13</v>
      </c>
      <c r="D36" s="5">
        <v>31</v>
      </c>
    </row>
    <row r="37" spans="1:4" ht="18" customHeight="1" x14ac:dyDescent="0.15">
      <c r="A37" s="8">
        <v>26</v>
      </c>
      <c r="B37" s="21">
        <v>10</v>
      </c>
      <c r="C37" s="6">
        <v>12</v>
      </c>
      <c r="D37" s="5">
        <v>22</v>
      </c>
    </row>
    <row r="38" spans="1:4" ht="18" customHeight="1" x14ac:dyDescent="0.15">
      <c r="A38" s="8">
        <v>27</v>
      </c>
      <c r="B38" s="21">
        <v>9</v>
      </c>
      <c r="C38" s="6">
        <v>15</v>
      </c>
      <c r="D38" s="5">
        <v>24</v>
      </c>
    </row>
    <row r="39" spans="1:4" ht="18" customHeight="1" x14ac:dyDescent="0.15">
      <c r="A39" s="8">
        <v>28</v>
      </c>
      <c r="B39" s="21">
        <v>19</v>
      </c>
      <c r="C39" s="6">
        <v>18</v>
      </c>
      <c r="D39" s="5">
        <v>37</v>
      </c>
    </row>
    <row r="40" spans="1:4" ht="18" customHeight="1" x14ac:dyDescent="0.15">
      <c r="A40" s="8">
        <v>29</v>
      </c>
      <c r="B40" s="21">
        <v>15</v>
      </c>
      <c r="C40" s="6">
        <v>19</v>
      </c>
      <c r="D40" s="5">
        <v>34</v>
      </c>
    </row>
    <row r="41" spans="1:4" ht="18" customHeight="1" x14ac:dyDescent="0.15">
      <c r="A41" s="8" t="s">
        <v>19</v>
      </c>
      <c r="B41" s="21">
        <v>71</v>
      </c>
      <c r="C41" s="6">
        <v>77</v>
      </c>
      <c r="D41" s="5">
        <v>148</v>
      </c>
    </row>
    <row r="42" spans="1:4" ht="18" customHeight="1" x14ac:dyDescent="0.15">
      <c r="A42" s="8">
        <v>30</v>
      </c>
      <c r="B42" s="21">
        <v>12</v>
      </c>
      <c r="C42" s="6">
        <v>9</v>
      </c>
      <c r="D42" s="5">
        <v>21</v>
      </c>
    </row>
    <row r="43" spans="1:4" ht="18" customHeight="1" x14ac:dyDescent="0.15">
      <c r="A43" s="8">
        <v>31</v>
      </c>
      <c r="B43" s="21">
        <v>21</v>
      </c>
      <c r="C43" s="6">
        <v>15</v>
      </c>
      <c r="D43" s="5">
        <v>36</v>
      </c>
    </row>
    <row r="44" spans="1:4" ht="18" customHeight="1" x14ac:dyDescent="0.15">
      <c r="A44" s="8">
        <v>32</v>
      </c>
      <c r="B44" s="21">
        <v>13</v>
      </c>
      <c r="C44" s="6">
        <v>13</v>
      </c>
      <c r="D44" s="5">
        <v>26</v>
      </c>
    </row>
    <row r="45" spans="1:4" ht="18" customHeight="1" x14ac:dyDescent="0.15">
      <c r="A45" s="8">
        <v>33</v>
      </c>
      <c r="B45" s="21">
        <v>18</v>
      </c>
      <c r="C45" s="6">
        <v>13</v>
      </c>
      <c r="D45" s="5">
        <v>31</v>
      </c>
    </row>
    <row r="46" spans="1:4" ht="18" customHeight="1" x14ac:dyDescent="0.15">
      <c r="A46" s="8">
        <v>34</v>
      </c>
      <c r="B46" s="21">
        <v>14</v>
      </c>
      <c r="C46" s="6">
        <v>13</v>
      </c>
      <c r="D46" s="5">
        <v>27</v>
      </c>
    </row>
    <row r="47" spans="1:4" ht="18" customHeight="1" x14ac:dyDescent="0.15">
      <c r="A47" s="8" t="s">
        <v>18</v>
      </c>
      <c r="B47" s="21">
        <v>78</v>
      </c>
      <c r="C47" s="6">
        <v>63</v>
      </c>
      <c r="D47" s="5">
        <v>141</v>
      </c>
    </row>
    <row r="48" spans="1:4" ht="18" customHeight="1" x14ac:dyDescent="0.15">
      <c r="A48" s="8">
        <v>35</v>
      </c>
      <c r="B48" s="21">
        <v>14</v>
      </c>
      <c r="C48" s="6">
        <v>16</v>
      </c>
      <c r="D48" s="5">
        <v>30</v>
      </c>
    </row>
    <row r="49" spans="1:4" ht="18" customHeight="1" x14ac:dyDescent="0.15">
      <c r="A49" s="8">
        <v>36</v>
      </c>
      <c r="B49" s="21">
        <v>17</v>
      </c>
      <c r="C49" s="6">
        <v>14</v>
      </c>
      <c r="D49" s="5">
        <v>31</v>
      </c>
    </row>
    <row r="50" spans="1:4" ht="18" customHeight="1" x14ac:dyDescent="0.15">
      <c r="A50" s="8">
        <v>37</v>
      </c>
      <c r="B50" s="21">
        <v>17</v>
      </c>
      <c r="C50" s="6">
        <v>22</v>
      </c>
      <c r="D50" s="5">
        <v>39</v>
      </c>
    </row>
    <row r="51" spans="1:4" ht="18" customHeight="1" x14ac:dyDescent="0.15">
      <c r="A51" s="8">
        <v>38</v>
      </c>
      <c r="B51" s="21">
        <v>19</v>
      </c>
      <c r="C51" s="6">
        <v>17</v>
      </c>
      <c r="D51" s="5">
        <v>36</v>
      </c>
    </row>
    <row r="52" spans="1:4" ht="18" customHeight="1" x14ac:dyDescent="0.15">
      <c r="A52" s="8">
        <v>39</v>
      </c>
      <c r="B52" s="21">
        <v>24</v>
      </c>
      <c r="C52" s="6">
        <v>21</v>
      </c>
      <c r="D52" s="5">
        <v>45</v>
      </c>
    </row>
    <row r="53" spans="1:4" ht="18" customHeight="1" x14ac:dyDescent="0.15">
      <c r="A53" s="8" t="s">
        <v>17</v>
      </c>
      <c r="B53" s="21">
        <v>91</v>
      </c>
      <c r="C53" s="6">
        <v>90</v>
      </c>
      <c r="D53" s="5">
        <v>181</v>
      </c>
    </row>
    <row r="54" spans="1:4" ht="18" customHeight="1" x14ac:dyDescent="0.15">
      <c r="A54" s="8">
        <v>40</v>
      </c>
      <c r="B54" s="21">
        <v>22</v>
      </c>
      <c r="C54" s="6">
        <v>18</v>
      </c>
      <c r="D54" s="5">
        <v>40</v>
      </c>
    </row>
    <row r="55" spans="1:4" ht="18" customHeight="1" x14ac:dyDescent="0.15">
      <c r="A55" s="8">
        <v>41</v>
      </c>
      <c r="B55" s="21">
        <v>15</v>
      </c>
      <c r="C55" s="6">
        <v>19</v>
      </c>
      <c r="D55" s="5">
        <v>34</v>
      </c>
    </row>
    <row r="56" spans="1:4" ht="18" customHeight="1" x14ac:dyDescent="0.15">
      <c r="A56" s="8">
        <v>42</v>
      </c>
      <c r="B56" s="21">
        <v>17</v>
      </c>
      <c r="C56" s="6">
        <v>14</v>
      </c>
      <c r="D56" s="5">
        <v>31</v>
      </c>
    </row>
    <row r="57" spans="1:4" ht="18" customHeight="1" x14ac:dyDescent="0.15">
      <c r="A57" s="8">
        <v>43</v>
      </c>
      <c r="B57" s="21">
        <v>16</v>
      </c>
      <c r="C57" s="6">
        <v>14</v>
      </c>
      <c r="D57" s="5">
        <v>30</v>
      </c>
    </row>
    <row r="58" spans="1:4" ht="18" customHeight="1" x14ac:dyDescent="0.15">
      <c r="A58" s="8">
        <v>44</v>
      </c>
      <c r="B58" s="21">
        <v>23</v>
      </c>
      <c r="C58" s="6">
        <v>23</v>
      </c>
      <c r="D58" s="5">
        <v>46</v>
      </c>
    </row>
    <row r="59" spans="1:4" ht="18" customHeight="1" x14ac:dyDescent="0.15">
      <c r="A59" s="8" t="s">
        <v>16</v>
      </c>
      <c r="B59" s="21">
        <v>93</v>
      </c>
      <c r="C59" s="6">
        <v>88</v>
      </c>
      <c r="D59" s="5">
        <v>181</v>
      </c>
    </row>
    <row r="60" spans="1:4" ht="18" customHeight="1" x14ac:dyDescent="0.15">
      <c r="A60" s="8">
        <v>45</v>
      </c>
      <c r="B60" s="21">
        <v>23</v>
      </c>
      <c r="C60" s="6">
        <v>18</v>
      </c>
      <c r="D60" s="5">
        <v>41</v>
      </c>
    </row>
    <row r="61" spans="1:4" ht="18" customHeight="1" x14ac:dyDescent="0.15">
      <c r="A61" s="8">
        <v>46</v>
      </c>
      <c r="B61" s="21">
        <v>24</v>
      </c>
      <c r="C61" s="6">
        <v>22</v>
      </c>
      <c r="D61" s="5">
        <v>46</v>
      </c>
    </row>
    <row r="62" spans="1:4" ht="18" customHeight="1" x14ac:dyDescent="0.15">
      <c r="A62" s="8">
        <v>47</v>
      </c>
      <c r="B62" s="21">
        <v>29</v>
      </c>
      <c r="C62" s="6">
        <v>21</v>
      </c>
      <c r="D62" s="5">
        <v>50</v>
      </c>
    </row>
    <row r="63" spans="1:4" ht="18" customHeight="1" x14ac:dyDescent="0.15">
      <c r="A63" s="8">
        <v>48</v>
      </c>
      <c r="B63" s="21">
        <v>25</v>
      </c>
      <c r="C63" s="6">
        <v>24</v>
      </c>
      <c r="D63" s="5">
        <v>49</v>
      </c>
    </row>
    <row r="64" spans="1:4" ht="18" customHeight="1" x14ac:dyDescent="0.15">
      <c r="A64" s="8">
        <v>49</v>
      </c>
      <c r="B64" s="21">
        <v>22</v>
      </c>
      <c r="C64" s="6">
        <v>25</v>
      </c>
      <c r="D64" s="5">
        <v>47</v>
      </c>
    </row>
    <row r="65" spans="1:4" ht="18" customHeight="1" x14ac:dyDescent="0.15">
      <c r="A65" s="8" t="s">
        <v>15</v>
      </c>
      <c r="B65" s="21">
        <v>123</v>
      </c>
      <c r="C65" s="6">
        <v>110</v>
      </c>
      <c r="D65" s="5">
        <v>233</v>
      </c>
    </row>
    <row r="66" spans="1:4" ht="18" customHeight="1" x14ac:dyDescent="0.15">
      <c r="A66" s="8">
        <v>50</v>
      </c>
      <c r="B66" s="21">
        <v>25</v>
      </c>
      <c r="C66" s="6">
        <v>26</v>
      </c>
      <c r="D66" s="5">
        <v>51</v>
      </c>
    </row>
    <row r="67" spans="1:4" ht="18" customHeight="1" x14ac:dyDescent="0.15">
      <c r="A67" s="8">
        <v>51</v>
      </c>
      <c r="B67" s="21">
        <v>26</v>
      </c>
      <c r="C67" s="6">
        <v>43</v>
      </c>
      <c r="D67" s="5">
        <v>69</v>
      </c>
    </row>
    <row r="68" spans="1:4" ht="18" customHeight="1" x14ac:dyDescent="0.15">
      <c r="A68" s="8">
        <v>52</v>
      </c>
      <c r="B68" s="21">
        <v>20</v>
      </c>
      <c r="C68" s="6">
        <v>22</v>
      </c>
      <c r="D68" s="5">
        <v>42</v>
      </c>
    </row>
    <row r="69" spans="1:4" ht="18" customHeight="1" x14ac:dyDescent="0.15">
      <c r="A69" s="8">
        <v>53</v>
      </c>
      <c r="B69" s="21">
        <v>31</v>
      </c>
      <c r="C69" s="6">
        <v>24</v>
      </c>
      <c r="D69" s="5">
        <v>55</v>
      </c>
    </row>
    <row r="70" spans="1:4" ht="18" customHeight="1" x14ac:dyDescent="0.15">
      <c r="A70" s="8">
        <v>54</v>
      </c>
      <c r="B70" s="21">
        <v>28</v>
      </c>
      <c r="C70" s="6">
        <v>30</v>
      </c>
      <c r="D70" s="5">
        <v>58</v>
      </c>
    </row>
    <row r="71" spans="1:4" ht="18" customHeight="1" x14ac:dyDescent="0.15">
      <c r="A71" s="8" t="s">
        <v>14</v>
      </c>
      <c r="B71" s="21">
        <v>130</v>
      </c>
      <c r="C71" s="6">
        <v>145</v>
      </c>
      <c r="D71" s="5">
        <v>275</v>
      </c>
    </row>
    <row r="72" spans="1:4" ht="18" customHeight="1" x14ac:dyDescent="0.15">
      <c r="A72" s="8">
        <v>55</v>
      </c>
      <c r="B72" s="21">
        <v>25</v>
      </c>
      <c r="C72" s="6">
        <v>16</v>
      </c>
      <c r="D72" s="5">
        <v>41</v>
      </c>
    </row>
    <row r="73" spans="1:4" ht="18" customHeight="1" x14ac:dyDescent="0.15">
      <c r="A73" s="8">
        <v>56</v>
      </c>
      <c r="B73" s="21">
        <v>31</v>
      </c>
      <c r="C73" s="6">
        <v>30</v>
      </c>
      <c r="D73" s="5">
        <v>61</v>
      </c>
    </row>
    <row r="74" spans="1:4" ht="18" customHeight="1" x14ac:dyDescent="0.15">
      <c r="A74" s="8">
        <v>57</v>
      </c>
      <c r="B74" s="21">
        <v>25</v>
      </c>
      <c r="C74" s="6">
        <v>25</v>
      </c>
      <c r="D74" s="5">
        <v>50</v>
      </c>
    </row>
    <row r="75" spans="1:4" ht="18" customHeight="1" x14ac:dyDescent="0.15">
      <c r="A75" s="8">
        <v>58</v>
      </c>
      <c r="B75" s="21">
        <v>27</v>
      </c>
      <c r="C75" s="6">
        <v>32</v>
      </c>
      <c r="D75" s="5">
        <v>59</v>
      </c>
    </row>
    <row r="76" spans="1:4" ht="18" customHeight="1" x14ac:dyDescent="0.15">
      <c r="A76" s="8">
        <v>59</v>
      </c>
      <c r="B76" s="21">
        <v>23</v>
      </c>
      <c r="C76" s="6">
        <v>15</v>
      </c>
      <c r="D76" s="5">
        <v>38</v>
      </c>
    </row>
    <row r="77" spans="1:4" ht="18" customHeight="1" x14ac:dyDescent="0.15">
      <c r="A77" s="8" t="s">
        <v>13</v>
      </c>
      <c r="B77" s="21">
        <v>131</v>
      </c>
      <c r="C77" s="6">
        <v>118</v>
      </c>
      <c r="D77" s="5">
        <v>249</v>
      </c>
    </row>
    <row r="78" spans="1:4" ht="18" customHeight="1" x14ac:dyDescent="0.15">
      <c r="A78" s="8">
        <v>60</v>
      </c>
      <c r="B78" s="21">
        <v>28</v>
      </c>
      <c r="C78" s="6">
        <v>27</v>
      </c>
      <c r="D78" s="5">
        <v>55</v>
      </c>
    </row>
    <row r="79" spans="1:4" ht="18" customHeight="1" x14ac:dyDescent="0.15">
      <c r="A79" s="8">
        <v>61</v>
      </c>
      <c r="B79" s="21">
        <v>30</v>
      </c>
      <c r="C79" s="6">
        <v>24</v>
      </c>
      <c r="D79" s="5">
        <v>54</v>
      </c>
    </row>
    <row r="80" spans="1:4" ht="18" customHeight="1" x14ac:dyDescent="0.15">
      <c r="A80" s="8">
        <v>62</v>
      </c>
      <c r="B80" s="21">
        <v>24</v>
      </c>
      <c r="C80" s="6">
        <v>39</v>
      </c>
      <c r="D80" s="5">
        <v>63</v>
      </c>
    </row>
    <row r="81" spans="1:4" ht="18" customHeight="1" x14ac:dyDescent="0.15">
      <c r="A81" s="8">
        <v>63</v>
      </c>
      <c r="B81" s="21">
        <v>24</v>
      </c>
      <c r="C81" s="6">
        <v>27</v>
      </c>
      <c r="D81" s="5">
        <v>51</v>
      </c>
    </row>
    <row r="82" spans="1:4" ht="18" customHeight="1" x14ac:dyDescent="0.15">
      <c r="A82" s="8">
        <v>64</v>
      </c>
      <c r="B82" s="21">
        <v>20</v>
      </c>
      <c r="C82" s="6">
        <v>29</v>
      </c>
      <c r="D82" s="5">
        <v>49</v>
      </c>
    </row>
    <row r="83" spans="1:4" ht="18" customHeight="1" x14ac:dyDescent="0.15">
      <c r="A83" s="8" t="s">
        <v>12</v>
      </c>
      <c r="B83" s="21">
        <v>126</v>
      </c>
      <c r="C83" s="6">
        <v>146</v>
      </c>
      <c r="D83" s="5">
        <v>272</v>
      </c>
    </row>
    <row r="84" spans="1:4" ht="18" customHeight="1" x14ac:dyDescent="0.15">
      <c r="A84" s="8" t="s">
        <v>11</v>
      </c>
      <c r="B84" s="21">
        <v>1026</v>
      </c>
      <c r="C84" s="6">
        <v>981</v>
      </c>
      <c r="D84" s="5">
        <v>2007</v>
      </c>
    </row>
    <row r="85" spans="1:4" ht="18" customHeight="1" x14ac:dyDescent="0.15">
      <c r="A85" s="8">
        <v>65</v>
      </c>
      <c r="B85" s="21">
        <v>24</v>
      </c>
      <c r="C85" s="6">
        <v>17</v>
      </c>
      <c r="D85" s="5">
        <v>41</v>
      </c>
    </row>
    <row r="86" spans="1:4" ht="18" customHeight="1" x14ac:dyDescent="0.15">
      <c r="A86" s="8">
        <v>66</v>
      </c>
      <c r="B86" s="21">
        <v>26</v>
      </c>
      <c r="C86" s="6">
        <v>19</v>
      </c>
      <c r="D86" s="5">
        <v>45</v>
      </c>
    </row>
    <row r="87" spans="1:4" ht="18" customHeight="1" x14ac:dyDescent="0.15">
      <c r="A87" s="8">
        <v>67</v>
      </c>
      <c r="B87" s="21">
        <v>23</v>
      </c>
      <c r="C87" s="6">
        <v>21</v>
      </c>
      <c r="D87" s="5">
        <v>44</v>
      </c>
    </row>
    <row r="88" spans="1:4" ht="18" customHeight="1" x14ac:dyDescent="0.15">
      <c r="A88" s="8">
        <v>68</v>
      </c>
      <c r="B88" s="21">
        <v>18</v>
      </c>
      <c r="C88" s="6">
        <v>38</v>
      </c>
      <c r="D88" s="5">
        <v>56</v>
      </c>
    </row>
    <row r="89" spans="1:4" ht="18" customHeight="1" x14ac:dyDescent="0.15">
      <c r="A89" s="8">
        <v>69</v>
      </c>
      <c r="B89" s="21">
        <v>28</v>
      </c>
      <c r="C89" s="6">
        <v>19</v>
      </c>
      <c r="D89" s="5">
        <v>47</v>
      </c>
    </row>
    <row r="90" spans="1:4" ht="18" customHeight="1" x14ac:dyDescent="0.15">
      <c r="A90" s="8" t="s">
        <v>10</v>
      </c>
      <c r="B90" s="21">
        <v>119</v>
      </c>
      <c r="C90" s="6">
        <v>114</v>
      </c>
      <c r="D90" s="5">
        <v>233</v>
      </c>
    </row>
    <row r="91" spans="1:4" ht="18" customHeight="1" x14ac:dyDescent="0.15">
      <c r="A91" s="8">
        <v>70</v>
      </c>
      <c r="B91" s="21">
        <v>25</v>
      </c>
      <c r="C91" s="6">
        <v>35</v>
      </c>
      <c r="D91" s="5">
        <v>60</v>
      </c>
    </row>
    <row r="92" spans="1:4" ht="18" customHeight="1" x14ac:dyDescent="0.15">
      <c r="A92" s="8">
        <v>71</v>
      </c>
      <c r="B92" s="21">
        <v>32</v>
      </c>
      <c r="C92" s="6">
        <v>27</v>
      </c>
      <c r="D92" s="5">
        <v>59</v>
      </c>
    </row>
    <row r="93" spans="1:4" ht="18" customHeight="1" x14ac:dyDescent="0.15">
      <c r="A93" s="8">
        <v>72</v>
      </c>
      <c r="B93" s="21">
        <v>13</v>
      </c>
      <c r="C93" s="6">
        <v>35</v>
      </c>
      <c r="D93" s="5">
        <v>48</v>
      </c>
    </row>
    <row r="94" spans="1:4" ht="18" customHeight="1" x14ac:dyDescent="0.15">
      <c r="A94" s="8">
        <v>73</v>
      </c>
      <c r="B94" s="21">
        <v>35</v>
      </c>
      <c r="C94" s="6">
        <v>26</v>
      </c>
      <c r="D94" s="5">
        <v>61</v>
      </c>
    </row>
    <row r="95" spans="1:4" ht="18" customHeight="1" x14ac:dyDescent="0.15">
      <c r="A95" s="8">
        <v>74</v>
      </c>
      <c r="B95" s="21">
        <v>32</v>
      </c>
      <c r="C95" s="6">
        <v>24</v>
      </c>
      <c r="D95" s="5">
        <v>56</v>
      </c>
    </row>
    <row r="96" spans="1:4" ht="18" customHeight="1" x14ac:dyDescent="0.15">
      <c r="A96" s="8" t="s">
        <v>9</v>
      </c>
      <c r="B96" s="21">
        <v>137</v>
      </c>
      <c r="C96" s="6">
        <v>147</v>
      </c>
      <c r="D96" s="5">
        <v>284</v>
      </c>
    </row>
    <row r="97" spans="1:4" ht="18" customHeight="1" x14ac:dyDescent="0.15">
      <c r="A97" s="8">
        <v>75</v>
      </c>
      <c r="B97" s="21">
        <v>29</v>
      </c>
      <c r="C97" s="6">
        <v>28</v>
      </c>
      <c r="D97" s="5">
        <v>57</v>
      </c>
    </row>
    <row r="98" spans="1:4" ht="18" customHeight="1" x14ac:dyDescent="0.15">
      <c r="A98" s="8">
        <v>76</v>
      </c>
      <c r="B98" s="21">
        <v>26</v>
      </c>
      <c r="C98" s="6">
        <v>42</v>
      </c>
      <c r="D98" s="5">
        <v>68</v>
      </c>
    </row>
    <row r="99" spans="1:4" ht="18" customHeight="1" x14ac:dyDescent="0.15">
      <c r="A99" s="8">
        <v>77</v>
      </c>
      <c r="B99" s="21">
        <v>35</v>
      </c>
      <c r="C99" s="6">
        <v>37</v>
      </c>
      <c r="D99" s="5">
        <v>72</v>
      </c>
    </row>
    <row r="100" spans="1:4" ht="18" customHeight="1" x14ac:dyDescent="0.15">
      <c r="A100" s="8">
        <v>78</v>
      </c>
      <c r="B100" s="21">
        <v>35</v>
      </c>
      <c r="C100" s="6">
        <v>32</v>
      </c>
      <c r="D100" s="5">
        <v>67</v>
      </c>
    </row>
    <row r="101" spans="1:4" ht="18" customHeight="1" x14ac:dyDescent="0.15">
      <c r="A101" s="8">
        <v>79</v>
      </c>
      <c r="B101" s="21">
        <v>21</v>
      </c>
      <c r="C101" s="6">
        <v>21</v>
      </c>
      <c r="D101" s="5">
        <v>42</v>
      </c>
    </row>
    <row r="102" spans="1:4" ht="18" customHeight="1" x14ac:dyDescent="0.15">
      <c r="A102" s="8" t="s">
        <v>8</v>
      </c>
      <c r="B102" s="21">
        <v>146</v>
      </c>
      <c r="C102" s="6">
        <v>160</v>
      </c>
      <c r="D102" s="5">
        <v>306</v>
      </c>
    </row>
    <row r="103" spans="1:4" ht="18" customHeight="1" x14ac:dyDescent="0.15">
      <c r="A103" s="8">
        <v>80</v>
      </c>
      <c r="B103" s="21">
        <v>17</v>
      </c>
      <c r="C103" s="6">
        <v>20</v>
      </c>
      <c r="D103" s="5">
        <v>37</v>
      </c>
    </row>
    <row r="104" spans="1:4" ht="18" customHeight="1" x14ac:dyDescent="0.15">
      <c r="A104" s="8">
        <v>81</v>
      </c>
      <c r="B104" s="21">
        <v>19</v>
      </c>
      <c r="C104" s="6">
        <v>23</v>
      </c>
      <c r="D104" s="5">
        <v>42</v>
      </c>
    </row>
    <row r="105" spans="1:4" ht="18" customHeight="1" x14ac:dyDescent="0.15">
      <c r="A105" s="8">
        <v>82</v>
      </c>
      <c r="B105" s="21">
        <v>15</v>
      </c>
      <c r="C105" s="6">
        <v>23</v>
      </c>
      <c r="D105" s="5">
        <v>38</v>
      </c>
    </row>
    <row r="106" spans="1:4" ht="18" customHeight="1" x14ac:dyDescent="0.15">
      <c r="A106" s="8">
        <v>83</v>
      </c>
      <c r="B106" s="21">
        <v>13</v>
      </c>
      <c r="C106" s="6">
        <v>31</v>
      </c>
      <c r="D106" s="5">
        <v>44</v>
      </c>
    </row>
    <row r="107" spans="1:4" ht="18" customHeight="1" x14ac:dyDescent="0.15">
      <c r="A107" s="8">
        <v>84</v>
      </c>
      <c r="B107" s="21">
        <v>14</v>
      </c>
      <c r="C107" s="6">
        <v>27</v>
      </c>
      <c r="D107" s="5">
        <v>41</v>
      </c>
    </row>
    <row r="108" spans="1:4" ht="18" customHeight="1" x14ac:dyDescent="0.15">
      <c r="A108" s="8" t="s">
        <v>7</v>
      </c>
      <c r="B108" s="21">
        <v>78</v>
      </c>
      <c r="C108" s="6">
        <v>124</v>
      </c>
      <c r="D108" s="5">
        <v>202</v>
      </c>
    </row>
    <row r="109" spans="1:4" ht="18" customHeight="1" x14ac:dyDescent="0.15">
      <c r="A109" s="8">
        <v>85</v>
      </c>
      <c r="B109" s="21">
        <v>14</v>
      </c>
      <c r="C109" s="6">
        <v>10</v>
      </c>
      <c r="D109" s="5">
        <v>24</v>
      </c>
    </row>
    <row r="110" spans="1:4" ht="18" customHeight="1" x14ac:dyDescent="0.15">
      <c r="A110" s="8">
        <v>86</v>
      </c>
      <c r="B110" s="21">
        <v>13</v>
      </c>
      <c r="C110" s="6">
        <v>16</v>
      </c>
      <c r="D110" s="5">
        <v>29</v>
      </c>
    </row>
    <row r="111" spans="1:4" ht="18" customHeight="1" x14ac:dyDescent="0.15">
      <c r="A111" s="8">
        <v>87</v>
      </c>
      <c r="B111" s="21">
        <v>8</v>
      </c>
      <c r="C111" s="6">
        <v>16</v>
      </c>
      <c r="D111" s="5">
        <v>24</v>
      </c>
    </row>
    <row r="112" spans="1:4" ht="18" customHeight="1" x14ac:dyDescent="0.15">
      <c r="A112" s="8">
        <v>88</v>
      </c>
      <c r="B112" s="21">
        <v>9</v>
      </c>
      <c r="C112" s="6">
        <v>11</v>
      </c>
      <c r="D112" s="5">
        <v>20</v>
      </c>
    </row>
    <row r="113" spans="1:4" ht="18" customHeight="1" x14ac:dyDescent="0.15">
      <c r="A113" s="8">
        <v>89</v>
      </c>
      <c r="B113" s="21">
        <v>10</v>
      </c>
      <c r="C113" s="6">
        <v>12</v>
      </c>
      <c r="D113" s="5">
        <v>22</v>
      </c>
    </row>
    <row r="114" spans="1:4" ht="18" customHeight="1" x14ac:dyDescent="0.15">
      <c r="A114" s="8" t="s">
        <v>6</v>
      </c>
      <c r="B114" s="21">
        <v>54</v>
      </c>
      <c r="C114" s="6">
        <v>65</v>
      </c>
      <c r="D114" s="5">
        <v>119</v>
      </c>
    </row>
    <row r="115" spans="1:4" ht="18" customHeight="1" x14ac:dyDescent="0.15">
      <c r="A115" s="8">
        <v>90</v>
      </c>
      <c r="B115" s="21">
        <v>4</v>
      </c>
      <c r="C115" s="6">
        <v>10</v>
      </c>
      <c r="D115" s="5">
        <v>14</v>
      </c>
    </row>
    <row r="116" spans="1:4" ht="18" customHeight="1" x14ac:dyDescent="0.15">
      <c r="A116" s="8">
        <v>91</v>
      </c>
      <c r="B116" s="21">
        <v>3</v>
      </c>
      <c r="C116" s="6">
        <v>8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18</v>
      </c>
      <c r="D117" s="5">
        <v>21</v>
      </c>
    </row>
    <row r="118" spans="1:4" ht="18" customHeight="1" x14ac:dyDescent="0.15">
      <c r="A118" s="8">
        <v>93</v>
      </c>
      <c r="B118" s="21">
        <v>0</v>
      </c>
      <c r="C118" s="6">
        <v>6</v>
      </c>
      <c r="D118" s="5">
        <v>6</v>
      </c>
    </row>
    <row r="119" spans="1:4" ht="18" customHeight="1" x14ac:dyDescent="0.15">
      <c r="A119" s="8">
        <v>94</v>
      </c>
      <c r="B119" s="21">
        <v>2</v>
      </c>
      <c r="C119" s="6">
        <v>12</v>
      </c>
      <c r="D119" s="5">
        <v>14</v>
      </c>
    </row>
    <row r="120" spans="1:4" ht="18" customHeight="1" x14ac:dyDescent="0.15">
      <c r="A120" s="8" t="s">
        <v>5</v>
      </c>
      <c r="B120" s="21">
        <v>12</v>
      </c>
      <c r="C120" s="6">
        <v>54</v>
      </c>
      <c r="D120" s="5">
        <v>66</v>
      </c>
    </row>
    <row r="121" spans="1:4" ht="18" customHeight="1" x14ac:dyDescent="0.15">
      <c r="A121" s="8">
        <v>95</v>
      </c>
      <c r="B121" s="21">
        <v>2</v>
      </c>
      <c r="C121" s="6">
        <v>5</v>
      </c>
      <c r="D121" s="5">
        <v>7</v>
      </c>
    </row>
    <row r="122" spans="1:4" ht="18" customHeight="1" x14ac:dyDescent="0.15">
      <c r="A122" s="8">
        <v>96</v>
      </c>
      <c r="B122" s="21">
        <v>3</v>
      </c>
      <c r="C122" s="6">
        <v>3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0</v>
      </c>
      <c r="D125" s="5">
        <v>1</v>
      </c>
    </row>
    <row r="126" spans="1:4" ht="18" customHeight="1" x14ac:dyDescent="0.15">
      <c r="A126" s="8" t="s">
        <v>4</v>
      </c>
      <c r="B126" s="21">
        <v>8</v>
      </c>
      <c r="C126" s="6">
        <v>15</v>
      </c>
      <c r="D126" s="5">
        <v>2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554</v>
      </c>
      <c r="C130" s="6">
        <v>683</v>
      </c>
      <c r="D130" s="5">
        <v>1237</v>
      </c>
    </row>
    <row r="131" spans="1:4" ht="18" customHeight="1" x14ac:dyDescent="0.15">
      <c r="A131" s="4" t="s">
        <v>0</v>
      </c>
      <c r="B131" s="20">
        <v>1760</v>
      </c>
      <c r="C131" s="2">
        <v>1850</v>
      </c>
      <c r="D131" s="1">
        <v>36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67AA9E-08D8-4408-86F7-C4B3C36EF12C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8</v>
      </c>
      <c r="D5" s="10">
        <v>19</v>
      </c>
    </row>
    <row r="6" spans="1:4" ht="18" customHeight="1" x14ac:dyDescent="0.15">
      <c r="A6" s="8">
        <v>1</v>
      </c>
      <c r="B6" s="21">
        <v>7</v>
      </c>
      <c r="C6" s="6">
        <v>8</v>
      </c>
      <c r="D6" s="5">
        <v>15</v>
      </c>
    </row>
    <row r="7" spans="1:4" ht="18" customHeight="1" x14ac:dyDescent="0.15">
      <c r="A7" s="8">
        <v>2</v>
      </c>
      <c r="B7" s="21">
        <v>10</v>
      </c>
      <c r="C7" s="6">
        <v>11</v>
      </c>
      <c r="D7" s="5">
        <v>21</v>
      </c>
    </row>
    <row r="8" spans="1:4" ht="18" customHeight="1" x14ac:dyDescent="0.15">
      <c r="A8" s="8">
        <v>3</v>
      </c>
      <c r="B8" s="21">
        <v>7</v>
      </c>
      <c r="C8" s="6">
        <v>9</v>
      </c>
      <c r="D8" s="5">
        <v>16</v>
      </c>
    </row>
    <row r="9" spans="1:4" ht="18" customHeight="1" x14ac:dyDescent="0.15">
      <c r="A9" s="8">
        <v>4</v>
      </c>
      <c r="B9" s="21">
        <v>11</v>
      </c>
      <c r="C9" s="6">
        <v>9</v>
      </c>
      <c r="D9" s="5">
        <v>20</v>
      </c>
    </row>
    <row r="10" spans="1:4" ht="18" customHeight="1" x14ac:dyDescent="0.15">
      <c r="A10" s="8" t="s">
        <v>25</v>
      </c>
      <c r="B10" s="21">
        <v>46</v>
      </c>
      <c r="C10" s="6">
        <v>45</v>
      </c>
      <c r="D10" s="5">
        <v>91</v>
      </c>
    </row>
    <row r="11" spans="1:4" ht="18" customHeight="1" x14ac:dyDescent="0.15">
      <c r="A11" s="8">
        <v>5</v>
      </c>
      <c r="B11" s="21">
        <v>16</v>
      </c>
      <c r="C11" s="6">
        <v>9</v>
      </c>
      <c r="D11" s="5">
        <v>25</v>
      </c>
    </row>
    <row r="12" spans="1:4" ht="18" customHeight="1" x14ac:dyDescent="0.15">
      <c r="A12" s="8">
        <v>6</v>
      </c>
      <c r="B12" s="21">
        <v>17</v>
      </c>
      <c r="C12" s="6">
        <v>8</v>
      </c>
      <c r="D12" s="5">
        <v>25</v>
      </c>
    </row>
    <row r="13" spans="1:4" ht="18" customHeight="1" x14ac:dyDescent="0.15">
      <c r="A13" s="8">
        <v>7</v>
      </c>
      <c r="B13" s="21">
        <v>6</v>
      </c>
      <c r="C13" s="6">
        <v>14</v>
      </c>
      <c r="D13" s="5">
        <v>20</v>
      </c>
    </row>
    <row r="14" spans="1:4" ht="18" customHeight="1" x14ac:dyDescent="0.15">
      <c r="A14" s="8">
        <v>8</v>
      </c>
      <c r="B14" s="21">
        <v>21</v>
      </c>
      <c r="C14" s="6">
        <v>13</v>
      </c>
      <c r="D14" s="5">
        <v>34</v>
      </c>
    </row>
    <row r="15" spans="1:4" ht="18" customHeight="1" x14ac:dyDescent="0.15">
      <c r="A15" s="8">
        <v>9</v>
      </c>
      <c r="B15" s="21">
        <v>12</v>
      </c>
      <c r="C15" s="6">
        <v>14</v>
      </c>
      <c r="D15" s="5">
        <v>26</v>
      </c>
    </row>
    <row r="16" spans="1:4" ht="18" customHeight="1" x14ac:dyDescent="0.15">
      <c r="A16" s="8" t="s">
        <v>24</v>
      </c>
      <c r="B16" s="21">
        <v>72</v>
      </c>
      <c r="C16" s="6">
        <v>58</v>
      </c>
      <c r="D16" s="5">
        <v>130</v>
      </c>
    </row>
    <row r="17" spans="1:4" ht="18" customHeight="1" x14ac:dyDescent="0.15">
      <c r="A17" s="8">
        <v>10</v>
      </c>
      <c r="B17" s="21">
        <v>12</v>
      </c>
      <c r="C17" s="6">
        <v>16</v>
      </c>
      <c r="D17" s="5">
        <v>28</v>
      </c>
    </row>
    <row r="18" spans="1:4" ht="18" customHeight="1" x14ac:dyDescent="0.15">
      <c r="A18" s="8">
        <v>11</v>
      </c>
      <c r="B18" s="21">
        <v>18</v>
      </c>
      <c r="C18" s="6">
        <v>18</v>
      </c>
      <c r="D18" s="5">
        <v>36</v>
      </c>
    </row>
    <row r="19" spans="1:4" ht="18" customHeight="1" x14ac:dyDescent="0.15">
      <c r="A19" s="8">
        <v>12</v>
      </c>
      <c r="B19" s="21">
        <v>14</v>
      </c>
      <c r="C19" s="6">
        <v>12</v>
      </c>
      <c r="D19" s="5">
        <v>26</v>
      </c>
    </row>
    <row r="20" spans="1:4" ht="18" customHeight="1" x14ac:dyDescent="0.15">
      <c r="A20" s="8">
        <v>13</v>
      </c>
      <c r="B20" s="21">
        <v>17</v>
      </c>
      <c r="C20" s="6">
        <v>5</v>
      </c>
      <c r="D20" s="5">
        <v>22</v>
      </c>
    </row>
    <row r="21" spans="1:4" ht="18" customHeight="1" x14ac:dyDescent="0.15">
      <c r="A21" s="8">
        <v>14</v>
      </c>
      <c r="B21" s="21">
        <v>24</v>
      </c>
      <c r="C21" s="6">
        <v>15</v>
      </c>
      <c r="D21" s="5">
        <v>39</v>
      </c>
    </row>
    <row r="22" spans="1:4" ht="18" customHeight="1" x14ac:dyDescent="0.15">
      <c r="A22" s="8" t="s">
        <v>23</v>
      </c>
      <c r="B22" s="21">
        <v>85</v>
      </c>
      <c r="C22" s="6">
        <v>66</v>
      </c>
      <c r="D22" s="5">
        <v>151</v>
      </c>
    </row>
    <row r="23" spans="1:4" ht="18" customHeight="1" x14ac:dyDescent="0.15">
      <c r="A23" s="8" t="s">
        <v>22</v>
      </c>
      <c r="B23" s="21">
        <v>203</v>
      </c>
      <c r="C23" s="6">
        <v>169</v>
      </c>
      <c r="D23" s="5">
        <v>372</v>
      </c>
    </row>
    <row r="24" spans="1:4" ht="18" customHeight="1" x14ac:dyDescent="0.15">
      <c r="A24" s="8">
        <v>15</v>
      </c>
      <c r="B24" s="21">
        <v>15</v>
      </c>
      <c r="C24" s="6">
        <v>13</v>
      </c>
      <c r="D24" s="5">
        <v>28</v>
      </c>
    </row>
    <row r="25" spans="1:4" ht="18" customHeight="1" x14ac:dyDescent="0.15">
      <c r="A25" s="8">
        <v>16</v>
      </c>
      <c r="B25" s="21">
        <v>18</v>
      </c>
      <c r="C25" s="6">
        <v>11</v>
      </c>
      <c r="D25" s="5">
        <v>29</v>
      </c>
    </row>
    <row r="26" spans="1:4" ht="18" customHeight="1" x14ac:dyDescent="0.15">
      <c r="A26" s="8">
        <v>17</v>
      </c>
      <c r="B26" s="21">
        <v>25</v>
      </c>
      <c r="C26" s="6">
        <v>13</v>
      </c>
      <c r="D26" s="5">
        <v>38</v>
      </c>
    </row>
    <row r="27" spans="1:4" ht="18" customHeight="1" x14ac:dyDescent="0.15">
      <c r="A27" s="8">
        <v>18</v>
      </c>
      <c r="B27" s="21">
        <v>15</v>
      </c>
      <c r="C27" s="6">
        <v>8</v>
      </c>
      <c r="D27" s="5">
        <v>23</v>
      </c>
    </row>
    <row r="28" spans="1:4" ht="18" customHeight="1" x14ac:dyDescent="0.15">
      <c r="A28" s="8">
        <v>19</v>
      </c>
      <c r="B28" s="21">
        <v>15</v>
      </c>
      <c r="C28" s="6">
        <v>12</v>
      </c>
      <c r="D28" s="5">
        <v>27</v>
      </c>
    </row>
    <row r="29" spans="1:4" ht="18" customHeight="1" x14ac:dyDescent="0.15">
      <c r="A29" s="8" t="s">
        <v>21</v>
      </c>
      <c r="B29" s="21">
        <v>88</v>
      </c>
      <c r="C29" s="6">
        <v>57</v>
      </c>
      <c r="D29" s="5">
        <v>145</v>
      </c>
    </row>
    <row r="30" spans="1:4" ht="18" customHeight="1" x14ac:dyDescent="0.15">
      <c r="A30" s="8">
        <v>20</v>
      </c>
      <c r="B30" s="21">
        <v>9</v>
      </c>
      <c r="C30" s="6">
        <v>9</v>
      </c>
      <c r="D30" s="5">
        <v>18</v>
      </c>
    </row>
    <row r="31" spans="1:4" ht="18" customHeight="1" x14ac:dyDescent="0.15">
      <c r="A31" s="8">
        <v>21</v>
      </c>
      <c r="B31" s="21">
        <v>13</v>
      </c>
      <c r="C31" s="6">
        <v>16</v>
      </c>
      <c r="D31" s="5">
        <v>29</v>
      </c>
    </row>
    <row r="32" spans="1:4" ht="18" customHeight="1" x14ac:dyDescent="0.15">
      <c r="A32" s="8">
        <v>22</v>
      </c>
      <c r="B32" s="21">
        <v>17</v>
      </c>
      <c r="C32" s="6">
        <v>17</v>
      </c>
      <c r="D32" s="5">
        <v>34</v>
      </c>
    </row>
    <row r="33" spans="1:4" ht="18" customHeight="1" x14ac:dyDescent="0.15">
      <c r="A33" s="8">
        <v>23</v>
      </c>
      <c r="B33" s="21">
        <v>9</v>
      </c>
      <c r="C33" s="6">
        <v>16</v>
      </c>
      <c r="D33" s="5">
        <v>25</v>
      </c>
    </row>
    <row r="34" spans="1:4" ht="18" customHeight="1" x14ac:dyDescent="0.15">
      <c r="A34" s="8">
        <v>24</v>
      </c>
      <c r="B34" s="21">
        <v>15</v>
      </c>
      <c r="C34" s="6">
        <v>12</v>
      </c>
      <c r="D34" s="5">
        <v>27</v>
      </c>
    </row>
    <row r="35" spans="1:4" ht="18" customHeight="1" x14ac:dyDescent="0.15">
      <c r="A35" s="8" t="s">
        <v>20</v>
      </c>
      <c r="B35" s="21">
        <v>63</v>
      </c>
      <c r="C35" s="6">
        <v>70</v>
      </c>
      <c r="D35" s="5">
        <v>133</v>
      </c>
    </row>
    <row r="36" spans="1:4" ht="18" customHeight="1" x14ac:dyDescent="0.15">
      <c r="A36" s="8">
        <v>25</v>
      </c>
      <c r="B36" s="21">
        <v>9</v>
      </c>
      <c r="C36" s="6">
        <v>12</v>
      </c>
      <c r="D36" s="5">
        <v>21</v>
      </c>
    </row>
    <row r="37" spans="1:4" ht="18" customHeight="1" x14ac:dyDescent="0.15">
      <c r="A37" s="8">
        <v>26</v>
      </c>
      <c r="B37" s="21">
        <v>13</v>
      </c>
      <c r="C37" s="6">
        <v>11</v>
      </c>
      <c r="D37" s="5">
        <v>24</v>
      </c>
    </row>
    <row r="38" spans="1:4" ht="18" customHeight="1" x14ac:dyDescent="0.15">
      <c r="A38" s="8">
        <v>27</v>
      </c>
      <c r="B38" s="21">
        <v>13</v>
      </c>
      <c r="C38" s="6">
        <v>21</v>
      </c>
      <c r="D38" s="5">
        <v>34</v>
      </c>
    </row>
    <row r="39" spans="1:4" ht="18" customHeight="1" x14ac:dyDescent="0.15">
      <c r="A39" s="8">
        <v>28</v>
      </c>
      <c r="B39" s="21">
        <v>27</v>
      </c>
      <c r="C39" s="6">
        <v>20</v>
      </c>
      <c r="D39" s="5">
        <v>47</v>
      </c>
    </row>
    <row r="40" spans="1:4" ht="18" customHeight="1" x14ac:dyDescent="0.15">
      <c r="A40" s="8">
        <v>29</v>
      </c>
      <c r="B40" s="21">
        <v>6</v>
      </c>
      <c r="C40" s="6">
        <v>11</v>
      </c>
      <c r="D40" s="5">
        <v>17</v>
      </c>
    </row>
    <row r="41" spans="1:4" ht="18" customHeight="1" x14ac:dyDescent="0.15">
      <c r="A41" s="8" t="s">
        <v>19</v>
      </c>
      <c r="B41" s="21">
        <v>68</v>
      </c>
      <c r="C41" s="6">
        <v>75</v>
      </c>
      <c r="D41" s="5">
        <v>143</v>
      </c>
    </row>
    <row r="42" spans="1:4" ht="18" customHeight="1" x14ac:dyDescent="0.15">
      <c r="A42" s="8">
        <v>30</v>
      </c>
      <c r="B42" s="21">
        <v>20</v>
      </c>
      <c r="C42" s="6">
        <v>14</v>
      </c>
      <c r="D42" s="5">
        <v>34</v>
      </c>
    </row>
    <row r="43" spans="1:4" ht="18" customHeight="1" x14ac:dyDescent="0.15">
      <c r="A43" s="8">
        <v>31</v>
      </c>
      <c r="B43" s="21">
        <v>16</v>
      </c>
      <c r="C43" s="6">
        <v>10</v>
      </c>
      <c r="D43" s="5">
        <v>26</v>
      </c>
    </row>
    <row r="44" spans="1:4" ht="18" customHeight="1" x14ac:dyDescent="0.15">
      <c r="A44" s="8">
        <v>32</v>
      </c>
      <c r="B44" s="21">
        <v>22</v>
      </c>
      <c r="C44" s="6">
        <v>14</v>
      </c>
      <c r="D44" s="5">
        <v>36</v>
      </c>
    </row>
    <row r="45" spans="1:4" ht="18" customHeight="1" x14ac:dyDescent="0.15">
      <c r="A45" s="8">
        <v>33</v>
      </c>
      <c r="B45" s="21">
        <v>14</v>
      </c>
      <c r="C45" s="6">
        <v>15</v>
      </c>
      <c r="D45" s="5">
        <v>29</v>
      </c>
    </row>
    <row r="46" spans="1:4" ht="18" customHeight="1" x14ac:dyDescent="0.15">
      <c r="A46" s="8">
        <v>34</v>
      </c>
      <c r="B46" s="21">
        <v>15</v>
      </c>
      <c r="C46" s="6">
        <v>17</v>
      </c>
      <c r="D46" s="5">
        <v>32</v>
      </c>
    </row>
    <row r="47" spans="1:4" ht="18" customHeight="1" x14ac:dyDescent="0.15">
      <c r="A47" s="8" t="s">
        <v>18</v>
      </c>
      <c r="B47" s="21">
        <v>87</v>
      </c>
      <c r="C47" s="6">
        <v>70</v>
      </c>
      <c r="D47" s="5">
        <v>157</v>
      </c>
    </row>
    <row r="48" spans="1:4" ht="18" customHeight="1" x14ac:dyDescent="0.15">
      <c r="A48" s="8">
        <v>35</v>
      </c>
      <c r="B48" s="21">
        <v>16</v>
      </c>
      <c r="C48" s="6">
        <v>15</v>
      </c>
      <c r="D48" s="5">
        <v>31</v>
      </c>
    </row>
    <row r="49" spans="1:4" ht="18" customHeight="1" x14ac:dyDescent="0.15">
      <c r="A49" s="8">
        <v>36</v>
      </c>
      <c r="B49" s="21">
        <v>25</v>
      </c>
      <c r="C49" s="6">
        <v>18</v>
      </c>
      <c r="D49" s="5">
        <v>43</v>
      </c>
    </row>
    <row r="50" spans="1:4" ht="18" customHeight="1" x14ac:dyDescent="0.15">
      <c r="A50" s="8">
        <v>37</v>
      </c>
      <c r="B50" s="21">
        <v>25</v>
      </c>
      <c r="C50" s="6">
        <v>24</v>
      </c>
      <c r="D50" s="5">
        <v>49</v>
      </c>
    </row>
    <row r="51" spans="1:4" ht="18" customHeight="1" x14ac:dyDescent="0.15">
      <c r="A51" s="8">
        <v>38</v>
      </c>
      <c r="B51" s="21">
        <v>25</v>
      </c>
      <c r="C51" s="6">
        <v>18</v>
      </c>
      <c r="D51" s="5">
        <v>43</v>
      </c>
    </row>
    <row r="52" spans="1:4" ht="18" customHeight="1" x14ac:dyDescent="0.15">
      <c r="A52" s="8">
        <v>39</v>
      </c>
      <c r="B52" s="21">
        <v>30</v>
      </c>
      <c r="C52" s="6">
        <v>15</v>
      </c>
      <c r="D52" s="5">
        <v>45</v>
      </c>
    </row>
    <row r="53" spans="1:4" ht="18" customHeight="1" x14ac:dyDescent="0.15">
      <c r="A53" s="8" t="s">
        <v>17</v>
      </c>
      <c r="B53" s="21">
        <v>121</v>
      </c>
      <c r="C53" s="6">
        <v>90</v>
      </c>
      <c r="D53" s="5">
        <v>211</v>
      </c>
    </row>
    <row r="54" spans="1:4" ht="18" customHeight="1" x14ac:dyDescent="0.15">
      <c r="A54" s="8">
        <v>40</v>
      </c>
      <c r="B54" s="21">
        <v>31</v>
      </c>
      <c r="C54" s="6">
        <v>17</v>
      </c>
      <c r="D54" s="5">
        <v>48</v>
      </c>
    </row>
    <row r="55" spans="1:4" ht="18" customHeight="1" x14ac:dyDescent="0.15">
      <c r="A55" s="8">
        <v>41</v>
      </c>
      <c r="B55" s="21">
        <v>18</v>
      </c>
      <c r="C55" s="6">
        <v>23</v>
      </c>
      <c r="D55" s="5">
        <v>41</v>
      </c>
    </row>
    <row r="56" spans="1:4" ht="18" customHeight="1" x14ac:dyDescent="0.15">
      <c r="A56" s="8">
        <v>42</v>
      </c>
      <c r="B56" s="21">
        <v>25</v>
      </c>
      <c r="C56" s="6">
        <v>18</v>
      </c>
      <c r="D56" s="5">
        <v>43</v>
      </c>
    </row>
    <row r="57" spans="1:4" ht="18" customHeight="1" x14ac:dyDescent="0.15">
      <c r="A57" s="8">
        <v>43</v>
      </c>
      <c r="B57" s="21">
        <v>39</v>
      </c>
      <c r="C57" s="6">
        <v>23</v>
      </c>
      <c r="D57" s="5">
        <v>62</v>
      </c>
    </row>
    <row r="58" spans="1:4" ht="18" customHeight="1" x14ac:dyDescent="0.15">
      <c r="A58" s="8">
        <v>44</v>
      </c>
      <c r="B58" s="21">
        <v>24</v>
      </c>
      <c r="C58" s="6">
        <v>35</v>
      </c>
      <c r="D58" s="5">
        <v>59</v>
      </c>
    </row>
    <row r="59" spans="1:4" ht="18" customHeight="1" x14ac:dyDescent="0.15">
      <c r="A59" s="8" t="s">
        <v>16</v>
      </c>
      <c r="B59" s="21">
        <v>137</v>
      </c>
      <c r="C59" s="6">
        <v>116</v>
      </c>
      <c r="D59" s="5">
        <v>253</v>
      </c>
    </row>
    <row r="60" spans="1:4" ht="18" customHeight="1" x14ac:dyDescent="0.15">
      <c r="A60" s="8">
        <v>45</v>
      </c>
      <c r="B60" s="21">
        <v>30</v>
      </c>
      <c r="C60" s="6">
        <v>21</v>
      </c>
      <c r="D60" s="5">
        <v>51</v>
      </c>
    </row>
    <row r="61" spans="1:4" ht="18" customHeight="1" x14ac:dyDescent="0.15">
      <c r="A61" s="8">
        <v>46</v>
      </c>
      <c r="B61" s="21">
        <v>26</v>
      </c>
      <c r="C61" s="6">
        <v>25</v>
      </c>
      <c r="D61" s="5">
        <v>51</v>
      </c>
    </row>
    <row r="62" spans="1:4" ht="18" customHeight="1" x14ac:dyDescent="0.15">
      <c r="A62" s="8">
        <v>47</v>
      </c>
      <c r="B62" s="21">
        <v>17</v>
      </c>
      <c r="C62" s="6">
        <v>27</v>
      </c>
      <c r="D62" s="5">
        <v>44</v>
      </c>
    </row>
    <row r="63" spans="1:4" ht="18" customHeight="1" x14ac:dyDescent="0.15">
      <c r="A63" s="8">
        <v>48</v>
      </c>
      <c r="B63" s="21">
        <v>22</v>
      </c>
      <c r="C63" s="6">
        <v>29</v>
      </c>
      <c r="D63" s="5">
        <v>51</v>
      </c>
    </row>
    <row r="64" spans="1:4" ht="18" customHeight="1" x14ac:dyDescent="0.15">
      <c r="A64" s="8">
        <v>49</v>
      </c>
      <c r="B64" s="21">
        <v>33</v>
      </c>
      <c r="C64" s="6">
        <v>27</v>
      </c>
      <c r="D64" s="5">
        <v>60</v>
      </c>
    </row>
    <row r="65" spans="1:4" ht="18" customHeight="1" x14ac:dyDescent="0.15">
      <c r="A65" s="8" t="s">
        <v>15</v>
      </c>
      <c r="B65" s="21">
        <v>128</v>
      </c>
      <c r="C65" s="6">
        <v>129</v>
      </c>
      <c r="D65" s="5">
        <v>257</v>
      </c>
    </row>
    <row r="66" spans="1:4" ht="18" customHeight="1" x14ac:dyDescent="0.15">
      <c r="A66" s="8">
        <v>50</v>
      </c>
      <c r="B66" s="21">
        <v>32</v>
      </c>
      <c r="C66" s="6">
        <v>30</v>
      </c>
      <c r="D66" s="5">
        <v>62</v>
      </c>
    </row>
    <row r="67" spans="1:4" ht="18" customHeight="1" x14ac:dyDescent="0.15">
      <c r="A67" s="8">
        <v>51</v>
      </c>
      <c r="B67" s="21">
        <v>31</v>
      </c>
      <c r="C67" s="6">
        <v>33</v>
      </c>
      <c r="D67" s="5">
        <v>64</v>
      </c>
    </row>
    <row r="68" spans="1:4" ht="18" customHeight="1" x14ac:dyDescent="0.15">
      <c r="A68" s="8">
        <v>52</v>
      </c>
      <c r="B68" s="21">
        <v>33</v>
      </c>
      <c r="C68" s="6">
        <v>36</v>
      </c>
      <c r="D68" s="5">
        <v>69</v>
      </c>
    </row>
    <row r="69" spans="1:4" ht="18" customHeight="1" x14ac:dyDescent="0.15">
      <c r="A69" s="8">
        <v>53</v>
      </c>
      <c r="B69" s="21">
        <v>22</v>
      </c>
      <c r="C69" s="6">
        <v>28</v>
      </c>
      <c r="D69" s="5">
        <v>50</v>
      </c>
    </row>
    <row r="70" spans="1:4" ht="18" customHeight="1" x14ac:dyDescent="0.15">
      <c r="A70" s="8">
        <v>54</v>
      </c>
      <c r="B70" s="21">
        <v>27</v>
      </c>
      <c r="C70" s="6">
        <v>25</v>
      </c>
      <c r="D70" s="5">
        <v>52</v>
      </c>
    </row>
    <row r="71" spans="1:4" ht="18" customHeight="1" x14ac:dyDescent="0.15">
      <c r="A71" s="8" t="s">
        <v>14</v>
      </c>
      <c r="B71" s="21">
        <v>145</v>
      </c>
      <c r="C71" s="6">
        <v>152</v>
      </c>
      <c r="D71" s="5">
        <v>297</v>
      </c>
    </row>
    <row r="72" spans="1:4" ht="18" customHeight="1" x14ac:dyDescent="0.15">
      <c r="A72" s="8">
        <v>55</v>
      </c>
      <c r="B72" s="21">
        <v>26</v>
      </c>
      <c r="C72" s="6">
        <v>33</v>
      </c>
      <c r="D72" s="5">
        <v>59</v>
      </c>
    </row>
    <row r="73" spans="1:4" ht="18" customHeight="1" x14ac:dyDescent="0.15">
      <c r="A73" s="8">
        <v>56</v>
      </c>
      <c r="B73" s="21">
        <v>21</v>
      </c>
      <c r="C73" s="6">
        <v>29</v>
      </c>
      <c r="D73" s="5">
        <v>50</v>
      </c>
    </row>
    <row r="74" spans="1:4" ht="18" customHeight="1" x14ac:dyDescent="0.15">
      <c r="A74" s="8">
        <v>57</v>
      </c>
      <c r="B74" s="21">
        <v>28</v>
      </c>
      <c r="C74" s="6">
        <v>27</v>
      </c>
      <c r="D74" s="5">
        <v>55</v>
      </c>
    </row>
    <row r="75" spans="1:4" ht="18" customHeight="1" x14ac:dyDescent="0.15">
      <c r="A75" s="8">
        <v>58</v>
      </c>
      <c r="B75" s="21">
        <v>37</v>
      </c>
      <c r="C75" s="6">
        <v>24</v>
      </c>
      <c r="D75" s="5">
        <v>61</v>
      </c>
    </row>
    <row r="76" spans="1:4" ht="18" customHeight="1" x14ac:dyDescent="0.15">
      <c r="A76" s="8">
        <v>59</v>
      </c>
      <c r="B76" s="21">
        <v>28</v>
      </c>
      <c r="C76" s="6">
        <v>26</v>
      </c>
      <c r="D76" s="5">
        <v>54</v>
      </c>
    </row>
    <row r="77" spans="1:4" ht="18" customHeight="1" x14ac:dyDescent="0.15">
      <c r="A77" s="8" t="s">
        <v>13</v>
      </c>
      <c r="B77" s="21">
        <v>140</v>
      </c>
      <c r="C77" s="6">
        <v>139</v>
      </c>
      <c r="D77" s="5">
        <v>279</v>
      </c>
    </row>
    <row r="78" spans="1:4" ht="18" customHeight="1" x14ac:dyDescent="0.15">
      <c r="A78" s="8">
        <v>60</v>
      </c>
      <c r="B78" s="21">
        <v>23</v>
      </c>
      <c r="C78" s="6">
        <v>40</v>
      </c>
      <c r="D78" s="5">
        <v>63</v>
      </c>
    </row>
    <row r="79" spans="1:4" ht="18" customHeight="1" x14ac:dyDescent="0.15">
      <c r="A79" s="8">
        <v>61</v>
      </c>
      <c r="B79" s="21">
        <v>28</v>
      </c>
      <c r="C79" s="6">
        <v>17</v>
      </c>
      <c r="D79" s="5">
        <v>45</v>
      </c>
    </row>
    <row r="80" spans="1:4" ht="18" customHeight="1" x14ac:dyDescent="0.15">
      <c r="A80" s="8">
        <v>62</v>
      </c>
      <c r="B80" s="21">
        <v>31</v>
      </c>
      <c r="C80" s="6">
        <v>21</v>
      </c>
      <c r="D80" s="5">
        <v>52</v>
      </c>
    </row>
    <row r="81" spans="1:4" ht="18" customHeight="1" x14ac:dyDescent="0.15">
      <c r="A81" s="8">
        <v>63</v>
      </c>
      <c r="B81" s="21">
        <v>27</v>
      </c>
      <c r="C81" s="6">
        <v>13</v>
      </c>
      <c r="D81" s="5">
        <v>40</v>
      </c>
    </row>
    <row r="82" spans="1:4" ht="18" customHeight="1" x14ac:dyDescent="0.15">
      <c r="A82" s="8">
        <v>64</v>
      </c>
      <c r="B82" s="21">
        <v>28</v>
      </c>
      <c r="C82" s="6">
        <v>34</v>
      </c>
      <c r="D82" s="5">
        <v>62</v>
      </c>
    </row>
    <row r="83" spans="1:4" ht="18" customHeight="1" x14ac:dyDescent="0.15">
      <c r="A83" s="8" t="s">
        <v>12</v>
      </c>
      <c r="B83" s="21">
        <v>137</v>
      </c>
      <c r="C83" s="6">
        <v>125</v>
      </c>
      <c r="D83" s="5">
        <v>262</v>
      </c>
    </row>
    <row r="84" spans="1:4" ht="18" customHeight="1" x14ac:dyDescent="0.15">
      <c r="A84" s="8" t="s">
        <v>11</v>
      </c>
      <c r="B84" s="21">
        <v>1114</v>
      </c>
      <c r="C84" s="6">
        <v>1023</v>
      </c>
      <c r="D84" s="5">
        <v>2137</v>
      </c>
    </row>
    <row r="85" spans="1:4" ht="18" customHeight="1" x14ac:dyDescent="0.15">
      <c r="A85" s="8">
        <v>65</v>
      </c>
      <c r="B85" s="21">
        <v>28</v>
      </c>
      <c r="C85" s="6">
        <v>33</v>
      </c>
      <c r="D85" s="5">
        <v>61</v>
      </c>
    </row>
    <row r="86" spans="1:4" ht="18" customHeight="1" x14ac:dyDescent="0.15">
      <c r="A86" s="8">
        <v>66</v>
      </c>
      <c r="B86" s="21">
        <v>28</v>
      </c>
      <c r="C86" s="6">
        <v>29</v>
      </c>
      <c r="D86" s="5">
        <v>57</v>
      </c>
    </row>
    <row r="87" spans="1:4" ht="18" customHeight="1" x14ac:dyDescent="0.15">
      <c r="A87" s="8">
        <v>67</v>
      </c>
      <c r="B87" s="21">
        <v>31</v>
      </c>
      <c r="C87" s="6">
        <v>17</v>
      </c>
      <c r="D87" s="5">
        <v>48</v>
      </c>
    </row>
    <row r="88" spans="1:4" ht="18" customHeight="1" x14ac:dyDescent="0.15">
      <c r="A88" s="8">
        <v>68</v>
      </c>
      <c r="B88" s="21">
        <v>29</v>
      </c>
      <c r="C88" s="6">
        <v>25</v>
      </c>
      <c r="D88" s="5">
        <v>54</v>
      </c>
    </row>
    <row r="89" spans="1:4" ht="18" customHeight="1" x14ac:dyDescent="0.15">
      <c r="A89" s="8">
        <v>69</v>
      </c>
      <c r="B89" s="21">
        <v>23</v>
      </c>
      <c r="C89" s="6">
        <v>37</v>
      </c>
      <c r="D89" s="5">
        <v>60</v>
      </c>
    </row>
    <row r="90" spans="1:4" ht="18" customHeight="1" x14ac:dyDescent="0.15">
      <c r="A90" s="8" t="s">
        <v>10</v>
      </c>
      <c r="B90" s="21">
        <v>139</v>
      </c>
      <c r="C90" s="6">
        <v>141</v>
      </c>
      <c r="D90" s="5">
        <v>280</v>
      </c>
    </row>
    <row r="91" spans="1:4" ht="18" customHeight="1" x14ac:dyDescent="0.15">
      <c r="A91" s="8">
        <v>70</v>
      </c>
      <c r="B91" s="21">
        <v>25</v>
      </c>
      <c r="C91" s="6">
        <v>31</v>
      </c>
      <c r="D91" s="5">
        <v>56</v>
      </c>
    </row>
    <row r="92" spans="1:4" ht="18" customHeight="1" x14ac:dyDescent="0.15">
      <c r="A92" s="8">
        <v>71</v>
      </c>
      <c r="B92" s="21">
        <v>32</v>
      </c>
      <c r="C92" s="6">
        <v>24</v>
      </c>
      <c r="D92" s="5">
        <v>56</v>
      </c>
    </row>
    <row r="93" spans="1:4" ht="18" customHeight="1" x14ac:dyDescent="0.15">
      <c r="A93" s="8">
        <v>72</v>
      </c>
      <c r="B93" s="21">
        <v>32</v>
      </c>
      <c r="C93" s="6">
        <v>25</v>
      </c>
      <c r="D93" s="5">
        <v>57</v>
      </c>
    </row>
    <row r="94" spans="1:4" ht="18" customHeight="1" x14ac:dyDescent="0.15">
      <c r="A94" s="8">
        <v>73</v>
      </c>
      <c r="B94" s="21">
        <v>29</v>
      </c>
      <c r="C94" s="6">
        <v>29</v>
      </c>
      <c r="D94" s="5">
        <v>58</v>
      </c>
    </row>
    <row r="95" spans="1:4" ht="18" customHeight="1" x14ac:dyDescent="0.15">
      <c r="A95" s="8">
        <v>74</v>
      </c>
      <c r="B95" s="21">
        <v>33</v>
      </c>
      <c r="C95" s="6">
        <v>25</v>
      </c>
      <c r="D95" s="5">
        <v>58</v>
      </c>
    </row>
    <row r="96" spans="1:4" ht="18" customHeight="1" x14ac:dyDescent="0.15">
      <c r="A96" s="8" t="s">
        <v>9</v>
      </c>
      <c r="B96" s="21">
        <v>151</v>
      </c>
      <c r="C96" s="6">
        <v>134</v>
      </c>
      <c r="D96" s="5">
        <v>285</v>
      </c>
    </row>
    <row r="97" spans="1:4" ht="18" customHeight="1" x14ac:dyDescent="0.15">
      <c r="A97" s="8">
        <v>75</v>
      </c>
      <c r="B97" s="21">
        <v>40</v>
      </c>
      <c r="C97" s="6">
        <v>30</v>
      </c>
      <c r="D97" s="5">
        <v>70</v>
      </c>
    </row>
    <row r="98" spans="1:4" ht="18" customHeight="1" x14ac:dyDescent="0.15">
      <c r="A98" s="8">
        <v>76</v>
      </c>
      <c r="B98" s="21">
        <v>27</v>
      </c>
      <c r="C98" s="6">
        <v>40</v>
      </c>
      <c r="D98" s="5">
        <v>67</v>
      </c>
    </row>
    <row r="99" spans="1:4" ht="18" customHeight="1" x14ac:dyDescent="0.15">
      <c r="A99" s="8">
        <v>77</v>
      </c>
      <c r="B99" s="21">
        <v>30</v>
      </c>
      <c r="C99" s="6">
        <v>45</v>
      </c>
      <c r="D99" s="5">
        <v>75</v>
      </c>
    </row>
    <row r="100" spans="1:4" ht="18" customHeight="1" x14ac:dyDescent="0.15">
      <c r="A100" s="8">
        <v>78</v>
      </c>
      <c r="B100" s="21">
        <v>32</v>
      </c>
      <c r="C100" s="6">
        <v>36</v>
      </c>
      <c r="D100" s="5">
        <v>68</v>
      </c>
    </row>
    <row r="101" spans="1:4" ht="18" customHeight="1" x14ac:dyDescent="0.15">
      <c r="A101" s="8">
        <v>79</v>
      </c>
      <c r="B101" s="21">
        <v>19</v>
      </c>
      <c r="C101" s="6">
        <v>27</v>
      </c>
      <c r="D101" s="5">
        <v>46</v>
      </c>
    </row>
    <row r="102" spans="1:4" ht="18" customHeight="1" x14ac:dyDescent="0.15">
      <c r="A102" s="8" t="s">
        <v>8</v>
      </c>
      <c r="B102" s="21">
        <v>148</v>
      </c>
      <c r="C102" s="6">
        <v>178</v>
      </c>
      <c r="D102" s="5">
        <v>326</v>
      </c>
    </row>
    <row r="103" spans="1:4" ht="18" customHeight="1" x14ac:dyDescent="0.15">
      <c r="A103" s="8">
        <v>80</v>
      </c>
      <c r="B103" s="21">
        <v>12</v>
      </c>
      <c r="C103" s="6">
        <v>23</v>
      </c>
      <c r="D103" s="5">
        <v>35</v>
      </c>
    </row>
    <row r="104" spans="1:4" ht="18" customHeight="1" x14ac:dyDescent="0.15">
      <c r="A104" s="8">
        <v>81</v>
      </c>
      <c r="B104" s="21">
        <v>22</v>
      </c>
      <c r="C104" s="6">
        <v>21</v>
      </c>
      <c r="D104" s="5">
        <v>43</v>
      </c>
    </row>
    <row r="105" spans="1:4" ht="18" customHeight="1" x14ac:dyDescent="0.15">
      <c r="A105" s="8">
        <v>82</v>
      </c>
      <c r="B105" s="21">
        <v>18</v>
      </c>
      <c r="C105" s="6">
        <v>35</v>
      </c>
      <c r="D105" s="5">
        <v>53</v>
      </c>
    </row>
    <row r="106" spans="1:4" ht="18" customHeight="1" x14ac:dyDescent="0.15">
      <c r="A106" s="8">
        <v>83</v>
      </c>
      <c r="B106" s="21">
        <v>18</v>
      </c>
      <c r="C106" s="6">
        <v>26</v>
      </c>
      <c r="D106" s="5">
        <v>44</v>
      </c>
    </row>
    <row r="107" spans="1:4" ht="18" customHeight="1" x14ac:dyDescent="0.15">
      <c r="A107" s="8">
        <v>84</v>
      </c>
      <c r="B107" s="21">
        <v>10</v>
      </c>
      <c r="C107" s="6">
        <v>36</v>
      </c>
      <c r="D107" s="5">
        <v>46</v>
      </c>
    </row>
    <row r="108" spans="1:4" ht="18" customHeight="1" x14ac:dyDescent="0.15">
      <c r="A108" s="8" t="s">
        <v>7</v>
      </c>
      <c r="B108" s="21">
        <v>80</v>
      </c>
      <c r="C108" s="6">
        <v>141</v>
      </c>
      <c r="D108" s="5">
        <v>221</v>
      </c>
    </row>
    <row r="109" spans="1:4" ht="18" customHeight="1" x14ac:dyDescent="0.15">
      <c r="A109" s="8">
        <v>85</v>
      </c>
      <c r="B109" s="21">
        <v>10</v>
      </c>
      <c r="C109" s="6">
        <v>16</v>
      </c>
      <c r="D109" s="5">
        <v>26</v>
      </c>
    </row>
    <row r="110" spans="1:4" ht="18" customHeight="1" x14ac:dyDescent="0.15">
      <c r="A110" s="8">
        <v>86</v>
      </c>
      <c r="B110" s="21">
        <v>12</v>
      </c>
      <c r="C110" s="6">
        <v>26</v>
      </c>
      <c r="D110" s="5">
        <v>38</v>
      </c>
    </row>
    <row r="111" spans="1:4" ht="18" customHeight="1" x14ac:dyDescent="0.15">
      <c r="A111" s="8">
        <v>87</v>
      </c>
      <c r="B111" s="21">
        <v>11</v>
      </c>
      <c r="C111" s="6">
        <v>26</v>
      </c>
      <c r="D111" s="5">
        <v>37</v>
      </c>
    </row>
    <row r="112" spans="1:4" ht="18" customHeight="1" x14ac:dyDescent="0.15">
      <c r="A112" s="8">
        <v>88</v>
      </c>
      <c r="B112" s="21">
        <v>17</v>
      </c>
      <c r="C112" s="6">
        <v>23</v>
      </c>
      <c r="D112" s="5">
        <v>40</v>
      </c>
    </row>
    <row r="113" spans="1:4" ht="18" customHeight="1" x14ac:dyDescent="0.15">
      <c r="A113" s="8">
        <v>89</v>
      </c>
      <c r="B113" s="21">
        <v>10</v>
      </c>
      <c r="C113" s="6">
        <v>23</v>
      </c>
      <c r="D113" s="5">
        <v>33</v>
      </c>
    </row>
    <row r="114" spans="1:4" ht="18" customHeight="1" x14ac:dyDescent="0.15">
      <c r="A114" s="8" t="s">
        <v>6</v>
      </c>
      <c r="B114" s="21">
        <v>60</v>
      </c>
      <c r="C114" s="6">
        <v>114</v>
      </c>
      <c r="D114" s="5">
        <v>174</v>
      </c>
    </row>
    <row r="115" spans="1:4" ht="18" customHeight="1" x14ac:dyDescent="0.15">
      <c r="A115" s="8">
        <v>90</v>
      </c>
      <c r="B115" s="21">
        <v>9</v>
      </c>
      <c r="C115" s="6">
        <v>20</v>
      </c>
      <c r="D115" s="5">
        <v>29</v>
      </c>
    </row>
    <row r="116" spans="1:4" ht="18" customHeight="1" x14ac:dyDescent="0.15">
      <c r="A116" s="8">
        <v>91</v>
      </c>
      <c r="B116" s="21">
        <v>7</v>
      </c>
      <c r="C116" s="6">
        <v>19</v>
      </c>
      <c r="D116" s="5">
        <v>26</v>
      </c>
    </row>
    <row r="117" spans="1:4" ht="18" customHeight="1" x14ac:dyDescent="0.15">
      <c r="A117" s="8">
        <v>92</v>
      </c>
      <c r="B117" s="21">
        <v>5</v>
      </c>
      <c r="C117" s="6">
        <v>14</v>
      </c>
      <c r="D117" s="5">
        <v>19</v>
      </c>
    </row>
    <row r="118" spans="1:4" ht="18" customHeight="1" x14ac:dyDescent="0.15">
      <c r="A118" s="8">
        <v>93</v>
      </c>
      <c r="B118" s="21">
        <v>8</v>
      </c>
      <c r="C118" s="6">
        <v>17</v>
      </c>
      <c r="D118" s="5">
        <v>25</v>
      </c>
    </row>
    <row r="119" spans="1:4" ht="18" customHeight="1" x14ac:dyDescent="0.15">
      <c r="A119" s="8">
        <v>94</v>
      </c>
      <c r="B119" s="21">
        <v>6</v>
      </c>
      <c r="C119" s="6">
        <v>11</v>
      </c>
      <c r="D119" s="5">
        <v>17</v>
      </c>
    </row>
    <row r="120" spans="1:4" ht="18" customHeight="1" x14ac:dyDescent="0.15">
      <c r="A120" s="8" t="s">
        <v>5</v>
      </c>
      <c r="B120" s="21">
        <v>35</v>
      </c>
      <c r="C120" s="6">
        <v>81</v>
      </c>
      <c r="D120" s="5">
        <v>116</v>
      </c>
    </row>
    <row r="121" spans="1:4" ht="18" customHeight="1" x14ac:dyDescent="0.15">
      <c r="A121" s="8">
        <v>95</v>
      </c>
      <c r="B121" s="21">
        <v>2</v>
      </c>
      <c r="C121" s="6">
        <v>10</v>
      </c>
      <c r="D121" s="5">
        <v>12</v>
      </c>
    </row>
    <row r="122" spans="1:4" ht="18" customHeight="1" x14ac:dyDescent="0.15">
      <c r="A122" s="8">
        <v>96</v>
      </c>
      <c r="B122" s="21">
        <v>2</v>
      </c>
      <c r="C122" s="6">
        <v>8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8</v>
      </c>
      <c r="D123" s="5">
        <v>9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5</v>
      </c>
      <c r="C126" s="6">
        <v>29</v>
      </c>
      <c r="D126" s="5">
        <v>34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618</v>
      </c>
      <c r="C130" s="6">
        <v>821</v>
      </c>
      <c r="D130" s="5">
        <v>1439</v>
      </c>
    </row>
    <row r="131" spans="1:4" ht="18" customHeight="1" x14ac:dyDescent="0.15">
      <c r="A131" s="4" t="s">
        <v>0</v>
      </c>
      <c r="B131" s="20">
        <v>1935</v>
      </c>
      <c r="C131" s="2">
        <v>2013</v>
      </c>
      <c r="D131" s="1">
        <v>39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8AC96B-95A5-40E3-9393-1F842E177CF6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2</v>
      </c>
      <c r="D5" s="30">
        <v>3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2</v>
      </c>
      <c r="C7" s="6">
        <v>2</v>
      </c>
      <c r="D7" s="5">
        <v>4</v>
      </c>
    </row>
    <row r="8" spans="1:4" ht="18" customHeight="1" x14ac:dyDescent="0.15">
      <c r="A8" s="8">
        <v>3</v>
      </c>
      <c r="B8" s="26">
        <v>1</v>
      </c>
      <c r="C8" s="6">
        <v>2</v>
      </c>
      <c r="D8" s="5">
        <v>3</v>
      </c>
    </row>
    <row r="9" spans="1:4" ht="18" customHeight="1" x14ac:dyDescent="0.15">
      <c r="A9" s="8">
        <v>4</v>
      </c>
      <c r="B9" s="29">
        <v>2</v>
      </c>
      <c r="C9" s="28">
        <v>5</v>
      </c>
      <c r="D9" s="27">
        <v>7</v>
      </c>
    </row>
    <row r="10" spans="1:4" ht="18" customHeight="1" x14ac:dyDescent="0.15">
      <c r="A10" s="8" t="s">
        <v>25</v>
      </c>
      <c r="B10" s="21">
        <v>6</v>
      </c>
      <c r="C10" s="6">
        <v>12</v>
      </c>
      <c r="D10" s="5">
        <v>18</v>
      </c>
    </row>
    <row r="11" spans="1:4" ht="18" customHeight="1" x14ac:dyDescent="0.15">
      <c r="A11" s="8">
        <v>5</v>
      </c>
      <c r="B11" s="26">
        <v>2</v>
      </c>
      <c r="C11" s="6">
        <v>3</v>
      </c>
      <c r="D11" s="5">
        <v>5</v>
      </c>
    </row>
    <row r="12" spans="1:4" ht="18" customHeight="1" x14ac:dyDescent="0.15">
      <c r="A12" s="8">
        <v>6</v>
      </c>
      <c r="B12" s="26">
        <v>3</v>
      </c>
      <c r="C12" s="6">
        <v>3</v>
      </c>
      <c r="D12" s="5">
        <v>6</v>
      </c>
    </row>
    <row r="13" spans="1:4" ht="18" customHeight="1" x14ac:dyDescent="0.15">
      <c r="A13" s="8">
        <v>7</v>
      </c>
      <c r="B13" s="26">
        <v>2</v>
      </c>
      <c r="C13" s="6">
        <v>2</v>
      </c>
      <c r="D13" s="5">
        <v>4</v>
      </c>
    </row>
    <row r="14" spans="1:4" ht="18" customHeight="1" x14ac:dyDescent="0.15">
      <c r="A14" s="8">
        <v>8</v>
      </c>
      <c r="B14" s="26">
        <v>5</v>
      </c>
      <c r="C14" s="6">
        <v>3</v>
      </c>
      <c r="D14" s="5">
        <v>8</v>
      </c>
    </row>
    <row r="15" spans="1:4" ht="18" customHeight="1" x14ac:dyDescent="0.15">
      <c r="A15" s="8">
        <v>9</v>
      </c>
      <c r="B15" s="26">
        <v>4</v>
      </c>
      <c r="C15" s="6">
        <v>2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13</v>
      </c>
      <c r="D16" s="5">
        <v>29</v>
      </c>
    </row>
    <row r="17" spans="1:4" ht="18" customHeight="1" x14ac:dyDescent="0.15">
      <c r="A17" s="8">
        <v>10</v>
      </c>
      <c r="B17" s="21">
        <v>2</v>
      </c>
      <c r="C17" s="6">
        <v>5</v>
      </c>
      <c r="D17" s="5">
        <v>7</v>
      </c>
    </row>
    <row r="18" spans="1:4" ht="18" customHeight="1" x14ac:dyDescent="0.15">
      <c r="A18" s="8">
        <v>11</v>
      </c>
      <c r="B18" s="21">
        <v>5</v>
      </c>
      <c r="C18" s="6">
        <v>8</v>
      </c>
      <c r="D18" s="5">
        <v>13</v>
      </c>
    </row>
    <row r="19" spans="1:4" ht="18" customHeight="1" x14ac:dyDescent="0.15">
      <c r="A19" s="8">
        <v>12</v>
      </c>
      <c r="B19" s="21">
        <v>7</v>
      </c>
      <c r="C19" s="6">
        <v>4</v>
      </c>
      <c r="D19" s="5">
        <v>11</v>
      </c>
    </row>
    <row r="20" spans="1:4" ht="18" customHeight="1" x14ac:dyDescent="0.15">
      <c r="A20" s="8">
        <v>13</v>
      </c>
      <c r="B20" s="21">
        <v>6</v>
      </c>
      <c r="C20" s="6">
        <v>3</v>
      </c>
      <c r="D20" s="5">
        <v>9</v>
      </c>
    </row>
    <row r="21" spans="1:4" ht="18" customHeight="1" x14ac:dyDescent="0.15">
      <c r="A21" s="8">
        <v>14</v>
      </c>
      <c r="B21" s="21">
        <v>7</v>
      </c>
      <c r="C21" s="6">
        <v>7</v>
      </c>
      <c r="D21" s="5">
        <v>14</v>
      </c>
    </row>
    <row r="22" spans="1:4" ht="18" customHeight="1" x14ac:dyDescent="0.15">
      <c r="A22" s="8" t="s">
        <v>23</v>
      </c>
      <c r="B22" s="21">
        <v>27</v>
      </c>
      <c r="C22" s="6">
        <v>27</v>
      </c>
      <c r="D22" s="5">
        <v>54</v>
      </c>
    </row>
    <row r="23" spans="1:4" ht="18" customHeight="1" x14ac:dyDescent="0.15">
      <c r="A23" s="8" t="s">
        <v>22</v>
      </c>
      <c r="B23" s="21">
        <v>49</v>
      </c>
      <c r="C23" s="6">
        <v>52</v>
      </c>
      <c r="D23" s="5">
        <v>101</v>
      </c>
    </row>
    <row r="24" spans="1:4" ht="18" customHeight="1" x14ac:dyDescent="0.15">
      <c r="A24" s="8">
        <v>15</v>
      </c>
      <c r="B24" s="21">
        <v>4</v>
      </c>
      <c r="C24" s="6">
        <v>6</v>
      </c>
      <c r="D24" s="5">
        <v>10</v>
      </c>
    </row>
    <row r="25" spans="1:4" ht="18" customHeight="1" x14ac:dyDescent="0.15">
      <c r="A25" s="8">
        <v>16</v>
      </c>
      <c r="B25" s="21">
        <v>10</v>
      </c>
      <c r="C25" s="6">
        <v>7</v>
      </c>
      <c r="D25" s="5">
        <v>17</v>
      </c>
    </row>
    <row r="26" spans="1:4" ht="18" customHeight="1" x14ac:dyDescent="0.15">
      <c r="A26" s="8">
        <v>17</v>
      </c>
      <c r="B26" s="21">
        <v>2</v>
      </c>
      <c r="C26" s="6">
        <v>7</v>
      </c>
      <c r="D26" s="5">
        <v>9</v>
      </c>
    </row>
    <row r="27" spans="1:4" ht="18" customHeight="1" x14ac:dyDescent="0.15">
      <c r="A27" s="8">
        <v>18</v>
      </c>
      <c r="B27" s="21">
        <v>5</v>
      </c>
      <c r="C27" s="6">
        <v>5</v>
      </c>
      <c r="D27" s="5">
        <v>10</v>
      </c>
    </row>
    <row r="28" spans="1:4" ht="18" customHeight="1" x14ac:dyDescent="0.15">
      <c r="A28" s="8">
        <v>19</v>
      </c>
      <c r="B28" s="21">
        <v>9</v>
      </c>
      <c r="C28" s="6">
        <v>2</v>
      </c>
      <c r="D28" s="5">
        <v>11</v>
      </c>
    </row>
    <row r="29" spans="1:4" ht="18" customHeight="1" x14ac:dyDescent="0.15">
      <c r="A29" s="8" t="s">
        <v>21</v>
      </c>
      <c r="B29" s="21">
        <v>30</v>
      </c>
      <c r="C29" s="6">
        <v>27</v>
      </c>
      <c r="D29" s="5">
        <v>57</v>
      </c>
    </row>
    <row r="30" spans="1:4" ht="18" customHeight="1" x14ac:dyDescent="0.15">
      <c r="A30" s="8">
        <v>20</v>
      </c>
      <c r="B30" s="21">
        <v>9</v>
      </c>
      <c r="C30" s="6">
        <v>1</v>
      </c>
      <c r="D30" s="5">
        <v>10</v>
      </c>
    </row>
    <row r="31" spans="1:4" ht="18" customHeight="1" x14ac:dyDescent="0.15">
      <c r="A31" s="8">
        <v>21</v>
      </c>
      <c r="B31" s="21">
        <v>5</v>
      </c>
      <c r="C31" s="6">
        <v>9</v>
      </c>
      <c r="D31" s="5">
        <v>14</v>
      </c>
    </row>
    <row r="32" spans="1:4" ht="18" customHeight="1" x14ac:dyDescent="0.15">
      <c r="A32" s="8">
        <v>22</v>
      </c>
      <c r="B32" s="21">
        <v>3</v>
      </c>
      <c r="C32" s="6">
        <v>4</v>
      </c>
      <c r="D32" s="5">
        <v>7</v>
      </c>
    </row>
    <row r="33" spans="1:4" ht="18" customHeight="1" x14ac:dyDescent="0.15">
      <c r="A33" s="8">
        <v>23</v>
      </c>
      <c r="B33" s="21">
        <v>1</v>
      </c>
      <c r="C33" s="6">
        <v>5</v>
      </c>
      <c r="D33" s="5">
        <v>6</v>
      </c>
    </row>
    <row r="34" spans="1:4" ht="18" customHeight="1" x14ac:dyDescent="0.15">
      <c r="A34" s="8">
        <v>24</v>
      </c>
      <c r="B34" s="21">
        <v>4</v>
      </c>
      <c r="C34" s="6">
        <v>2</v>
      </c>
      <c r="D34" s="5">
        <v>6</v>
      </c>
    </row>
    <row r="35" spans="1:4" ht="18" customHeight="1" x14ac:dyDescent="0.15">
      <c r="A35" s="8" t="s">
        <v>20</v>
      </c>
      <c r="B35" s="21">
        <v>22</v>
      </c>
      <c r="C35" s="6">
        <v>21</v>
      </c>
      <c r="D35" s="5">
        <v>43</v>
      </c>
    </row>
    <row r="36" spans="1:4" ht="18" customHeight="1" x14ac:dyDescent="0.15">
      <c r="A36" s="8">
        <v>25</v>
      </c>
      <c r="B36" s="21">
        <v>4</v>
      </c>
      <c r="C36" s="6">
        <v>1</v>
      </c>
      <c r="D36" s="5">
        <v>5</v>
      </c>
    </row>
    <row r="37" spans="1:4" ht="18" customHeight="1" x14ac:dyDescent="0.15">
      <c r="A37" s="8">
        <v>26</v>
      </c>
      <c r="B37" s="21">
        <v>4</v>
      </c>
      <c r="C37" s="6">
        <v>2</v>
      </c>
      <c r="D37" s="5">
        <v>6</v>
      </c>
    </row>
    <row r="38" spans="1:4" ht="18" customHeight="1" x14ac:dyDescent="0.15">
      <c r="A38" s="8">
        <v>27</v>
      </c>
      <c r="B38" s="21">
        <v>2</v>
      </c>
      <c r="C38" s="6">
        <v>3</v>
      </c>
      <c r="D38" s="5">
        <v>5</v>
      </c>
    </row>
    <row r="39" spans="1:4" ht="18" customHeight="1" x14ac:dyDescent="0.15">
      <c r="A39" s="8">
        <v>28</v>
      </c>
      <c r="B39" s="21">
        <v>5</v>
      </c>
      <c r="C39" s="6">
        <v>2</v>
      </c>
      <c r="D39" s="5">
        <v>7</v>
      </c>
    </row>
    <row r="40" spans="1:4" ht="18" customHeight="1" x14ac:dyDescent="0.15">
      <c r="A40" s="8">
        <v>29</v>
      </c>
      <c r="B40" s="21">
        <v>3</v>
      </c>
      <c r="C40" s="6">
        <v>2</v>
      </c>
      <c r="D40" s="5">
        <v>5</v>
      </c>
    </row>
    <row r="41" spans="1:4" ht="18" customHeight="1" x14ac:dyDescent="0.15">
      <c r="A41" s="8" t="s">
        <v>19</v>
      </c>
      <c r="B41" s="21">
        <v>18</v>
      </c>
      <c r="C41" s="6">
        <v>10</v>
      </c>
      <c r="D41" s="5">
        <v>28</v>
      </c>
    </row>
    <row r="42" spans="1:4" ht="18" customHeight="1" x14ac:dyDescent="0.15">
      <c r="A42" s="8">
        <v>30</v>
      </c>
      <c r="B42" s="21">
        <v>6</v>
      </c>
      <c r="C42" s="6">
        <v>3</v>
      </c>
      <c r="D42" s="5">
        <v>9</v>
      </c>
    </row>
    <row r="43" spans="1:4" ht="18" customHeight="1" x14ac:dyDescent="0.15">
      <c r="A43" s="8">
        <v>31</v>
      </c>
      <c r="B43" s="21">
        <v>4</v>
      </c>
      <c r="C43" s="6">
        <v>3</v>
      </c>
      <c r="D43" s="5">
        <v>7</v>
      </c>
    </row>
    <row r="44" spans="1:4" ht="18" customHeight="1" x14ac:dyDescent="0.15">
      <c r="A44" s="8">
        <v>32</v>
      </c>
      <c r="B44" s="21">
        <v>5</v>
      </c>
      <c r="C44" s="6">
        <v>2</v>
      </c>
      <c r="D44" s="5">
        <v>7</v>
      </c>
    </row>
    <row r="45" spans="1:4" ht="18" customHeight="1" x14ac:dyDescent="0.15">
      <c r="A45" s="8">
        <v>33</v>
      </c>
      <c r="B45" s="21">
        <v>8</v>
      </c>
      <c r="C45" s="6">
        <v>4</v>
      </c>
      <c r="D45" s="5">
        <v>12</v>
      </c>
    </row>
    <row r="46" spans="1:4" ht="18" customHeight="1" x14ac:dyDescent="0.15">
      <c r="A46" s="8">
        <v>34</v>
      </c>
      <c r="B46" s="21">
        <v>2</v>
      </c>
      <c r="C46" s="6">
        <v>3</v>
      </c>
      <c r="D46" s="5">
        <v>5</v>
      </c>
    </row>
    <row r="47" spans="1:4" ht="18" customHeight="1" x14ac:dyDescent="0.15">
      <c r="A47" s="8" t="s">
        <v>18</v>
      </c>
      <c r="B47" s="21">
        <v>25</v>
      </c>
      <c r="C47" s="6">
        <v>15</v>
      </c>
      <c r="D47" s="5">
        <v>40</v>
      </c>
    </row>
    <row r="48" spans="1:4" ht="18" customHeight="1" x14ac:dyDescent="0.15">
      <c r="A48" s="8">
        <v>35</v>
      </c>
      <c r="B48" s="21">
        <v>7</v>
      </c>
      <c r="C48" s="6">
        <v>2</v>
      </c>
      <c r="D48" s="5">
        <v>9</v>
      </c>
    </row>
    <row r="49" spans="1:4" ht="18" customHeight="1" x14ac:dyDescent="0.15">
      <c r="A49" s="8">
        <v>36</v>
      </c>
      <c r="B49" s="21">
        <v>6</v>
      </c>
      <c r="C49" s="6">
        <v>8</v>
      </c>
      <c r="D49" s="5">
        <v>14</v>
      </c>
    </row>
    <row r="50" spans="1:4" ht="18" customHeight="1" x14ac:dyDescent="0.15">
      <c r="A50" s="8">
        <v>37</v>
      </c>
      <c r="B50" s="21">
        <v>5</v>
      </c>
      <c r="C50" s="6">
        <v>4</v>
      </c>
      <c r="D50" s="5">
        <v>9</v>
      </c>
    </row>
    <row r="51" spans="1:4" ht="18" customHeight="1" x14ac:dyDescent="0.15">
      <c r="A51" s="8">
        <v>38</v>
      </c>
      <c r="B51" s="21">
        <v>7</v>
      </c>
      <c r="C51" s="6">
        <v>4</v>
      </c>
      <c r="D51" s="5">
        <v>11</v>
      </c>
    </row>
    <row r="52" spans="1:4" ht="18" customHeight="1" x14ac:dyDescent="0.15">
      <c r="A52" s="8">
        <v>39</v>
      </c>
      <c r="B52" s="21">
        <v>1</v>
      </c>
      <c r="C52" s="6">
        <v>5</v>
      </c>
      <c r="D52" s="5">
        <v>6</v>
      </c>
    </row>
    <row r="53" spans="1:4" ht="18" customHeight="1" x14ac:dyDescent="0.15">
      <c r="A53" s="8" t="s">
        <v>17</v>
      </c>
      <c r="B53" s="21">
        <v>26</v>
      </c>
      <c r="C53" s="6">
        <v>23</v>
      </c>
      <c r="D53" s="5">
        <v>49</v>
      </c>
    </row>
    <row r="54" spans="1:4" ht="18" customHeight="1" x14ac:dyDescent="0.15">
      <c r="A54" s="8">
        <v>40</v>
      </c>
      <c r="B54" s="21">
        <v>4</v>
      </c>
      <c r="C54" s="6">
        <v>5</v>
      </c>
      <c r="D54" s="5">
        <v>9</v>
      </c>
    </row>
    <row r="55" spans="1:4" ht="18" customHeight="1" x14ac:dyDescent="0.15">
      <c r="A55" s="8">
        <v>41</v>
      </c>
      <c r="B55" s="21">
        <v>5</v>
      </c>
      <c r="C55" s="6">
        <v>3</v>
      </c>
      <c r="D55" s="5">
        <v>8</v>
      </c>
    </row>
    <row r="56" spans="1:4" ht="18" customHeight="1" x14ac:dyDescent="0.15">
      <c r="A56" s="8">
        <v>42</v>
      </c>
      <c r="B56" s="21">
        <v>5</v>
      </c>
      <c r="C56" s="6">
        <v>7</v>
      </c>
      <c r="D56" s="5">
        <v>12</v>
      </c>
    </row>
    <row r="57" spans="1:4" ht="18" customHeight="1" x14ac:dyDescent="0.15">
      <c r="A57" s="8">
        <v>43</v>
      </c>
      <c r="B57" s="21">
        <v>8</v>
      </c>
      <c r="C57" s="6">
        <v>3</v>
      </c>
      <c r="D57" s="5">
        <v>11</v>
      </c>
    </row>
    <row r="58" spans="1:4" ht="18" customHeight="1" x14ac:dyDescent="0.15">
      <c r="A58" s="8">
        <v>44</v>
      </c>
      <c r="B58" s="21">
        <v>7</v>
      </c>
      <c r="C58" s="6">
        <v>7</v>
      </c>
      <c r="D58" s="5">
        <v>14</v>
      </c>
    </row>
    <row r="59" spans="1:4" ht="18" customHeight="1" x14ac:dyDescent="0.15">
      <c r="A59" s="8" t="s">
        <v>16</v>
      </c>
      <c r="B59" s="21">
        <v>29</v>
      </c>
      <c r="C59" s="6">
        <v>25</v>
      </c>
      <c r="D59" s="5">
        <v>54</v>
      </c>
    </row>
    <row r="60" spans="1:4" ht="18" customHeight="1" x14ac:dyDescent="0.15">
      <c r="A60" s="8">
        <v>45</v>
      </c>
      <c r="B60" s="21">
        <v>6</v>
      </c>
      <c r="C60" s="6">
        <v>10</v>
      </c>
      <c r="D60" s="5">
        <v>16</v>
      </c>
    </row>
    <row r="61" spans="1:4" ht="18" customHeight="1" x14ac:dyDescent="0.15">
      <c r="A61" s="8">
        <v>46</v>
      </c>
      <c r="B61" s="21">
        <v>8</v>
      </c>
      <c r="C61" s="6">
        <v>11</v>
      </c>
      <c r="D61" s="5">
        <v>19</v>
      </c>
    </row>
    <row r="62" spans="1:4" ht="18" customHeight="1" x14ac:dyDescent="0.15">
      <c r="A62" s="8">
        <v>47</v>
      </c>
      <c r="B62" s="21">
        <v>12</v>
      </c>
      <c r="C62" s="6">
        <v>5</v>
      </c>
      <c r="D62" s="5">
        <v>17</v>
      </c>
    </row>
    <row r="63" spans="1:4" ht="18" customHeight="1" x14ac:dyDescent="0.15">
      <c r="A63" s="8">
        <v>48</v>
      </c>
      <c r="B63" s="21">
        <v>10</v>
      </c>
      <c r="C63" s="6">
        <v>4</v>
      </c>
      <c r="D63" s="5">
        <v>14</v>
      </c>
    </row>
    <row r="64" spans="1:4" ht="18" customHeight="1" x14ac:dyDescent="0.15">
      <c r="A64" s="8">
        <v>49</v>
      </c>
      <c r="B64" s="21">
        <v>6</v>
      </c>
      <c r="C64" s="6">
        <v>8</v>
      </c>
      <c r="D64" s="5">
        <v>14</v>
      </c>
    </row>
    <row r="65" spans="1:4" ht="18" customHeight="1" x14ac:dyDescent="0.15">
      <c r="A65" s="8" t="s">
        <v>15</v>
      </c>
      <c r="B65" s="21">
        <v>42</v>
      </c>
      <c r="C65" s="6">
        <v>38</v>
      </c>
      <c r="D65" s="5">
        <v>80</v>
      </c>
    </row>
    <row r="66" spans="1:4" ht="18" customHeight="1" x14ac:dyDescent="0.15">
      <c r="A66" s="8">
        <v>50</v>
      </c>
      <c r="B66" s="21">
        <v>9</v>
      </c>
      <c r="C66" s="6">
        <v>4</v>
      </c>
      <c r="D66" s="5">
        <v>13</v>
      </c>
    </row>
    <row r="67" spans="1:4" ht="18" customHeight="1" x14ac:dyDescent="0.15">
      <c r="A67" s="8">
        <v>51</v>
      </c>
      <c r="B67" s="21">
        <v>12</v>
      </c>
      <c r="C67" s="6">
        <v>5</v>
      </c>
      <c r="D67" s="5">
        <v>17</v>
      </c>
    </row>
    <row r="68" spans="1:4" ht="18" customHeight="1" x14ac:dyDescent="0.15">
      <c r="A68" s="8">
        <v>52</v>
      </c>
      <c r="B68" s="21">
        <v>10</v>
      </c>
      <c r="C68" s="6">
        <v>10</v>
      </c>
      <c r="D68" s="5">
        <v>20</v>
      </c>
    </row>
    <row r="69" spans="1:4" ht="18" customHeight="1" x14ac:dyDescent="0.15">
      <c r="A69" s="8">
        <v>53</v>
      </c>
      <c r="B69" s="21">
        <v>9</v>
      </c>
      <c r="C69" s="6">
        <v>8</v>
      </c>
      <c r="D69" s="5">
        <v>17</v>
      </c>
    </row>
    <row r="70" spans="1:4" ht="18" customHeight="1" x14ac:dyDescent="0.15">
      <c r="A70" s="8">
        <v>54</v>
      </c>
      <c r="B70" s="21">
        <v>6</v>
      </c>
      <c r="C70" s="6">
        <v>3</v>
      </c>
      <c r="D70" s="5">
        <v>9</v>
      </c>
    </row>
    <row r="71" spans="1:4" ht="18" customHeight="1" x14ac:dyDescent="0.15">
      <c r="A71" s="8" t="s">
        <v>14</v>
      </c>
      <c r="B71" s="21">
        <v>46</v>
      </c>
      <c r="C71" s="6">
        <v>30</v>
      </c>
      <c r="D71" s="5">
        <v>76</v>
      </c>
    </row>
    <row r="72" spans="1:4" ht="18" customHeight="1" x14ac:dyDescent="0.15">
      <c r="A72" s="8">
        <v>55</v>
      </c>
      <c r="B72" s="21">
        <v>5</v>
      </c>
      <c r="C72" s="6">
        <v>6</v>
      </c>
      <c r="D72" s="5">
        <v>11</v>
      </c>
    </row>
    <row r="73" spans="1:4" ht="18" customHeight="1" x14ac:dyDescent="0.15">
      <c r="A73" s="8">
        <v>56</v>
      </c>
      <c r="B73" s="21">
        <v>7</v>
      </c>
      <c r="C73" s="6">
        <v>10</v>
      </c>
      <c r="D73" s="5">
        <v>17</v>
      </c>
    </row>
    <row r="74" spans="1:4" ht="18" customHeight="1" x14ac:dyDescent="0.15">
      <c r="A74" s="8">
        <v>57</v>
      </c>
      <c r="B74" s="21">
        <v>9</v>
      </c>
      <c r="C74" s="6">
        <v>11</v>
      </c>
      <c r="D74" s="5">
        <v>20</v>
      </c>
    </row>
    <row r="75" spans="1:4" ht="18" customHeight="1" x14ac:dyDescent="0.15">
      <c r="A75" s="8">
        <v>58</v>
      </c>
      <c r="B75" s="21">
        <v>7</v>
      </c>
      <c r="C75" s="6">
        <v>12</v>
      </c>
      <c r="D75" s="5">
        <v>19</v>
      </c>
    </row>
    <row r="76" spans="1:4" ht="18" customHeight="1" x14ac:dyDescent="0.15">
      <c r="A76" s="8">
        <v>59</v>
      </c>
      <c r="B76" s="21">
        <v>6</v>
      </c>
      <c r="C76" s="6">
        <v>12</v>
      </c>
      <c r="D76" s="5">
        <v>18</v>
      </c>
    </row>
    <row r="77" spans="1:4" ht="18" customHeight="1" x14ac:dyDescent="0.15">
      <c r="A77" s="8" t="s">
        <v>13</v>
      </c>
      <c r="B77" s="21">
        <v>34</v>
      </c>
      <c r="C77" s="6">
        <v>51</v>
      </c>
      <c r="D77" s="5">
        <v>85</v>
      </c>
    </row>
    <row r="78" spans="1:4" ht="18" customHeight="1" x14ac:dyDescent="0.15">
      <c r="A78" s="8">
        <v>60</v>
      </c>
      <c r="B78" s="21">
        <v>10</v>
      </c>
      <c r="C78" s="6">
        <v>12</v>
      </c>
      <c r="D78" s="5">
        <v>22</v>
      </c>
    </row>
    <row r="79" spans="1:4" ht="18" customHeight="1" x14ac:dyDescent="0.15">
      <c r="A79" s="8">
        <v>61</v>
      </c>
      <c r="B79" s="21">
        <v>8</v>
      </c>
      <c r="C79" s="6">
        <v>8</v>
      </c>
      <c r="D79" s="5">
        <v>16</v>
      </c>
    </row>
    <row r="80" spans="1:4" ht="18" customHeight="1" x14ac:dyDescent="0.15">
      <c r="A80" s="8">
        <v>62</v>
      </c>
      <c r="B80" s="21">
        <v>7</v>
      </c>
      <c r="C80" s="6">
        <v>10</v>
      </c>
      <c r="D80" s="5">
        <v>17</v>
      </c>
    </row>
    <row r="81" spans="1:4" ht="18" customHeight="1" x14ac:dyDescent="0.15">
      <c r="A81" s="8">
        <v>63</v>
      </c>
      <c r="B81" s="21">
        <v>7</v>
      </c>
      <c r="C81" s="6">
        <v>9</v>
      </c>
      <c r="D81" s="5">
        <v>16</v>
      </c>
    </row>
    <row r="82" spans="1:4" ht="18" customHeight="1" x14ac:dyDescent="0.15">
      <c r="A82" s="8">
        <v>64</v>
      </c>
      <c r="B82" s="21">
        <v>9</v>
      </c>
      <c r="C82" s="6">
        <v>8</v>
      </c>
      <c r="D82" s="5">
        <v>17</v>
      </c>
    </row>
    <row r="83" spans="1:4" ht="18" customHeight="1" x14ac:dyDescent="0.15">
      <c r="A83" s="8" t="s">
        <v>12</v>
      </c>
      <c r="B83" s="21">
        <v>41</v>
      </c>
      <c r="C83" s="6">
        <v>47</v>
      </c>
      <c r="D83" s="5">
        <v>88</v>
      </c>
    </row>
    <row r="84" spans="1:4" ht="18" customHeight="1" x14ac:dyDescent="0.15">
      <c r="A84" s="8" t="s">
        <v>11</v>
      </c>
      <c r="B84" s="21">
        <v>313</v>
      </c>
      <c r="C84" s="6">
        <v>287</v>
      </c>
      <c r="D84" s="5">
        <v>600</v>
      </c>
    </row>
    <row r="85" spans="1:4" ht="18" customHeight="1" x14ac:dyDescent="0.15">
      <c r="A85" s="8">
        <v>65</v>
      </c>
      <c r="B85" s="21">
        <v>11</v>
      </c>
      <c r="C85" s="6">
        <v>5</v>
      </c>
      <c r="D85" s="5">
        <v>16</v>
      </c>
    </row>
    <row r="86" spans="1:4" ht="18" customHeight="1" x14ac:dyDescent="0.15">
      <c r="A86" s="8">
        <v>66</v>
      </c>
      <c r="B86" s="21">
        <v>12</v>
      </c>
      <c r="C86" s="6">
        <v>7</v>
      </c>
      <c r="D86" s="5">
        <v>19</v>
      </c>
    </row>
    <row r="87" spans="1:4" ht="18" customHeight="1" x14ac:dyDescent="0.15">
      <c r="A87" s="8">
        <v>67</v>
      </c>
      <c r="B87" s="21">
        <v>9</v>
      </c>
      <c r="C87" s="6">
        <v>9</v>
      </c>
      <c r="D87" s="5">
        <v>18</v>
      </c>
    </row>
    <row r="88" spans="1:4" ht="18" customHeight="1" x14ac:dyDescent="0.15">
      <c r="A88" s="8">
        <v>68</v>
      </c>
      <c r="B88" s="21">
        <v>5</v>
      </c>
      <c r="C88" s="6">
        <v>7</v>
      </c>
      <c r="D88" s="5">
        <v>12</v>
      </c>
    </row>
    <row r="89" spans="1:4" ht="18" customHeight="1" x14ac:dyDescent="0.15">
      <c r="A89" s="8">
        <v>69</v>
      </c>
      <c r="B89" s="21">
        <v>5</v>
      </c>
      <c r="C89" s="6">
        <v>5</v>
      </c>
      <c r="D89" s="5">
        <v>10</v>
      </c>
    </row>
    <row r="90" spans="1:4" ht="18" customHeight="1" x14ac:dyDescent="0.15">
      <c r="A90" s="8" t="s">
        <v>10</v>
      </c>
      <c r="B90" s="21">
        <v>42</v>
      </c>
      <c r="C90" s="6">
        <v>33</v>
      </c>
      <c r="D90" s="5">
        <v>75</v>
      </c>
    </row>
    <row r="91" spans="1:4" ht="18" customHeight="1" x14ac:dyDescent="0.15">
      <c r="A91" s="8">
        <v>70</v>
      </c>
      <c r="B91" s="21">
        <v>6</v>
      </c>
      <c r="C91" s="6">
        <v>8</v>
      </c>
      <c r="D91" s="5">
        <v>14</v>
      </c>
    </row>
    <row r="92" spans="1:4" ht="18" customHeight="1" x14ac:dyDescent="0.15">
      <c r="A92" s="8">
        <v>71</v>
      </c>
      <c r="B92" s="21">
        <v>16</v>
      </c>
      <c r="C92" s="6">
        <v>13</v>
      </c>
      <c r="D92" s="5">
        <v>29</v>
      </c>
    </row>
    <row r="93" spans="1:4" ht="18" customHeight="1" x14ac:dyDescent="0.15">
      <c r="A93" s="8">
        <v>72</v>
      </c>
      <c r="B93" s="21">
        <v>13</v>
      </c>
      <c r="C93" s="6">
        <v>14</v>
      </c>
      <c r="D93" s="5">
        <v>27</v>
      </c>
    </row>
    <row r="94" spans="1:4" ht="18" customHeight="1" x14ac:dyDescent="0.15">
      <c r="A94" s="8">
        <v>73</v>
      </c>
      <c r="B94" s="21">
        <v>7</v>
      </c>
      <c r="C94" s="6">
        <v>15</v>
      </c>
      <c r="D94" s="5">
        <v>22</v>
      </c>
    </row>
    <row r="95" spans="1:4" ht="18" customHeight="1" x14ac:dyDescent="0.15">
      <c r="A95" s="8">
        <v>74</v>
      </c>
      <c r="B95" s="21">
        <v>7</v>
      </c>
      <c r="C95" s="6">
        <v>10</v>
      </c>
      <c r="D95" s="5">
        <v>17</v>
      </c>
    </row>
    <row r="96" spans="1:4" ht="18" customHeight="1" x14ac:dyDescent="0.15">
      <c r="A96" s="8" t="s">
        <v>9</v>
      </c>
      <c r="B96" s="21">
        <v>49</v>
      </c>
      <c r="C96" s="6">
        <v>60</v>
      </c>
      <c r="D96" s="5">
        <v>109</v>
      </c>
    </row>
    <row r="97" spans="1:4" ht="18" customHeight="1" x14ac:dyDescent="0.15">
      <c r="A97" s="8">
        <v>75</v>
      </c>
      <c r="B97" s="21">
        <v>13</v>
      </c>
      <c r="C97" s="6">
        <v>16</v>
      </c>
      <c r="D97" s="5">
        <v>29</v>
      </c>
    </row>
    <row r="98" spans="1:4" ht="18" customHeight="1" x14ac:dyDescent="0.15">
      <c r="A98" s="8">
        <v>76</v>
      </c>
      <c r="B98" s="21">
        <v>14</v>
      </c>
      <c r="C98" s="6">
        <v>15</v>
      </c>
      <c r="D98" s="5">
        <v>29</v>
      </c>
    </row>
    <row r="99" spans="1:4" ht="18" customHeight="1" x14ac:dyDescent="0.15">
      <c r="A99" s="8">
        <v>77</v>
      </c>
      <c r="B99" s="21">
        <v>20</v>
      </c>
      <c r="C99" s="6">
        <v>11</v>
      </c>
      <c r="D99" s="5">
        <v>31</v>
      </c>
    </row>
    <row r="100" spans="1:4" ht="18" customHeight="1" x14ac:dyDescent="0.15">
      <c r="A100" s="8">
        <v>78</v>
      </c>
      <c r="B100" s="21">
        <v>18</v>
      </c>
      <c r="C100" s="6">
        <v>12</v>
      </c>
      <c r="D100" s="5">
        <v>30</v>
      </c>
    </row>
    <row r="101" spans="1:4" ht="18" customHeight="1" x14ac:dyDescent="0.15">
      <c r="A101" s="8">
        <v>79</v>
      </c>
      <c r="B101" s="21">
        <v>9</v>
      </c>
      <c r="C101" s="6">
        <v>8</v>
      </c>
      <c r="D101" s="5">
        <v>17</v>
      </c>
    </row>
    <row r="102" spans="1:4" ht="18" customHeight="1" x14ac:dyDescent="0.15">
      <c r="A102" s="8" t="s">
        <v>8</v>
      </c>
      <c r="B102" s="21">
        <v>74</v>
      </c>
      <c r="C102" s="6">
        <v>62</v>
      </c>
      <c r="D102" s="5">
        <v>136</v>
      </c>
    </row>
    <row r="103" spans="1:4" ht="18" customHeight="1" x14ac:dyDescent="0.15">
      <c r="A103" s="8">
        <v>80</v>
      </c>
      <c r="B103" s="21">
        <v>4</v>
      </c>
      <c r="C103" s="6">
        <v>5</v>
      </c>
      <c r="D103" s="5">
        <v>9</v>
      </c>
    </row>
    <row r="104" spans="1:4" ht="18" customHeight="1" x14ac:dyDescent="0.15">
      <c r="A104" s="8">
        <v>81</v>
      </c>
      <c r="B104" s="21">
        <v>8</v>
      </c>
      <c r="C104" s="6">
        <v>5</v>
      </c>
      <c r="D104" s="5">
        <v>13</v>
      </c>
    </row>
    <row r="105" spans="1:4" ht="18" customHeight="1" x14ac:dyDescent="0.15">
      <c r="A105" s="8">
        <v>82</v>
      </c>
      <c r="B105" s="21">
        <v>2</v>
      </c>
      <c r="C105" s="6">
        <v>7</v>
      </c>
      <c r="D105" s="5">
        <v>9</v>
      </c>
    </row>
    <row r="106" spans="1:4" ht="18" customHeight="1" x14ac:dyDescent="0.15">
      <c r="A106" s="8">
        <v>83</v>
      </c>
      <c r="B106" s="21">
        <v>5</v>
      </c>
      <c r="C106" s="6">
        <v>12</v>
      </c>
      <c r="D106" s="5">
        <v>17</v>
      </c>
    </row>
    <row r="107" spans="1:4" ht="18" customHeight="1" x14ac:dyDescent="0.15">
      <c r="A107" s="8">
        <v>84</v>
      </c>
      <c r="B107" s="21">
        <v>5</v>
      </c>
      <c r="C107" s="6">
        <v>7</v>
      </c>
      <c r="D107" s="5">
        <v>12</v>
      </c>
    </row>
    <row r="108" spans="1:4" ht="18" customHeight="1" x14ac:dyDescent="0.15">
      <c r="A108" s="8" t="s">
        <v>7</v>
      </c>
      <c r="B108" s="21">
        <v>24</v>
      </c>
      <c r="C108" s="6">
        <v>36</v>
      </c>
      <c r="D108" s="5">
        <v>60</v>
      </c>
    </row>
    <row r="109" spans="1:4" ht="18" customHeight="1" x14ac:dyDescent="0.15">
      <c r="A109" s="8">
        <v>85</v>
      </c>
      <c r="B109" s="21">
        <v>4</v>
      </c>
      <c r="C109" s="6">
        <v>6</v>
      </c>
      <c r="D109" s="5">
        <v>10</v>
      </c>
    </row>
    <row r="110" spans="1:4" ht="18" customHeight="1" x14ac:dyDescent="0.15">
      <c r="A110" s="8">
        <v>86</v>
      </c>
      <c r="B110" s="21">
        <v>5</v>
      </c>
      <c r="C110" s="6">
        <v>7</v>
      </c>
      <c r="D110" s="5">
        <v>12</v>
      </c>
    </row>
    <row r="111" spans="1:4" ht="18" customHeight="1" x14ac:dyDescent="0.15">
      <c r="A111" s="8">
        <v>87</v>
      </c>
      <c r="B111" s="21">
        <v>4</v>
      </c>
      <c r="C111" s="6">
        <v>4</v>
      </c>
      <c r="D111" s="5">
        <v>8</v>
      </c>
    </row>
    <row r="112" spans="1:4" ht="18" customHeight="1" x14ac:dyDescent="0.15">
      <c r="A112" s="8">
        <v>88</v>
      </c>
      <c r="B112" s="21">
        <v>1</v>
      </c>
      <c r="C112" s="6">
        <v>10</v>
      </c>
      <c r="D112" s="5">
        <v>11</v>
      </c>
    </row>
    <row r="113" spans="1:4" ht="18" customHeight="1" x14ac:dyDescent="0.15">
      <c r="A113" s="8">
        <v>89</v>
      </c>
      <c r="B113" s="21">
        <v>5</v>
      </c>
      <c r="C113" s="6">
        <v>9</v>
      </c>
      <c r="D113" s="5">
        <v>14</v>
      </c>
    </row>
    <row r="114" spans="1:4" ht="18" customHeight="1" x14ac:dyDescent="0.15">
      <c r="A114" s="8" t="s">
        <v>6</v>
      </c>
      <c r="B114" s="21">
        <v>19</v>
      </c>
      <c r="C114" s="6">
        <v>36</v>
      </c>
      <c r="D114" s="5">
        <v>55</v>
      </c>
    </row>
    <row r="115" spans="1:4" ht="18" customHeight="1" x14ac:dyDescent="0.15">
      <c r="A115" s="8">
        <v>90</v>
      </c>
      <c r="B115" s="21">
        <v>6</v>
      </c>
      <c r="C115" s="6">
        <v>8</v>
      </c>
      <c r="D115" s="5">
        <v>14</v>
      </c>
    </row>
    <row r="116" spans="1:4" ht="18" customHeight="1" x14ac:dyDescent="0.15">
      <c r="A116" s="8">
        <v>91</v>
      </c>
      <c r="B116" s="21">
        <v>1</v>
      </c>
      <c r="C116" s="6">
        <v>8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7</v>
      </c>
      <c r="D117" s="5">
        <v>8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2</v>
      </c>
      <c r="C119" s="6">
        <v>0</v>
      </c>
      <c r="D119" s="5">
        <v>2</v>
      </c>
    </row>
    <row r="120" spans="1:4" ht="18" customHeight="1" x14ac:dyDescent="0.15">
      <c r="A120" s="8" t="s">
        <v>5</v>
      </c>
      <c r="B120" s="21">
        <v>12</v>
      </c>
      <c r="C120" s="6">
        <v>29</v>
      </c>
      <c r="D120" s="5">
        <v>41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0</v>
      </c>
      <c r="C126" s="6">
        <v>10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220</v>
      </c>
      <c r="C130" s="6">
        <v>266</v>
      </c>
      <c r="D130" s="5">
        <v>486</v>
      </c>
    </row>
    <row r="131" spans="1:4" ht="18" customHeight="1" x14ac:dyDescent="0.15">
      <c r="A131" s="4" t="s">
        <v>0</v>
      </c>
      <c r="B131" s="20">
        <v>582</v>
      </c>
      <c r="C131" s="2">
        <v>605</v>
      </c>
      <c r="D131" s="1">
        <v>118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911C0B-F654-4100-A628-34E36FFB9B9B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6</v>
      </c>
      <c r="C5" s="31">
        <v>14</v>
      </c>
      <c r="D5" s="30">
        <v>30</v>
      </c>
    </row>
    <row r="6" spans="1:4" ht="18" customHeight="1" x14ac:dyDescent="0.15">
      <c r="A6" s="8">
        <v>1</v>
      </c>
      <c r="B6" s="26">
        <v>19</v>
      </c>
      <c r="C6" s="6">
        <v>22</v>
      </c>
      <c r="D6" s="5">
        <v>41</v>
      </c>
    </row>
    <row r="7" spans="1:4" ht="18" customHeight="1" x14ac:dyDescent="0.15">
      <c r="A7" s="8">
        <v>2</v>
      </c>
      <c r="B7" s="26">
        <v>21</v>
      </c>
      <c r="C7" s="6">
        <v>20</v>
      </c>
      <c r="D7" s="5">
        <v>41</v>
      </c>
    </row>
    <row r="8" spans="1:4" ht="18" customHeight="1" x14ac:dyDescent="0.15">
      <c r="A8" s="8">
        <v>3</v>
      </c>
      <c r="B8" s="26">
        <v>14</v>
      </c>
      <c r="C8" s="6">
        <v>26</v>
      </c>
      <c r="D8" s="5">
        <v>40</v>
      </c>
    </row>
    <row r="9" spans="1:4" ht="18" customHeight="1" x14ac:dyDescent="0.15">
      <c r="A9" s="8">
        <v>4</v>
      </c>
      <c r="B9" s="29">
        <v>16</v>
      </c>
      <c r="C9" s="28">
        <v>27</v>
      </c>
      <c r="D9" s="27">
        <v>43</v>
      </c>
    </row>
    <row r="10" spans="1:4" ht="18" customHeight="1" x14ac:dyDescent="0.15">
      <c r="A10" s="8" t="s">
        <v>25</v>
      </c>
      <c r="B10" s="21">
        <v>86</v>
      </c>
      <c r="C10" s="6">
        <v>109</v>
      </c>
      <c r="D10" s="5">
        <v>195</v>
      </c>
    </row>
    <row r="11" spans="1:4" ht="18" customHeight="1" x14ac:dyDescent="0.15">
      <c r="A11" s="8">
        <v>5</v>
      </c>
      <c r="B11" s="26">
        <v>25</v>
      </c>
      <c r="C11" s="6">
        <v>19</v>
      </c>
      <c r="D11" s="5">
        <v>44</v>
      </c>
    </row>
    <row r="12" spans="1:4" ht="18" customHeight="1" x14ac:dyDescent="0.15">
      <c r="A12" s="8">
        <v>6</v>
      </c>
      <c r="B12" s="26">
        <v>20</v>
      </c>
      <c r="C12" s="6">
        <v>23</v>
      </c>
      <c r="D12" s="5">
        <v>43</v>
      </c>
    </row>
    <row r="13" spans="1:4" ht="18" customHeight="1" x14ac:dyDescent="0.15">
      <c r="A13" s="8">
        <v>7</v>
      </c>
      <c r="B13" s="26">
        <v>23</v>
      </c>
      <c r="C13" s="6">
        <v>22</v>
      </c>
      <c r="D13" s="5">
        <v>45</v>
      </c>
    </row>
    <row r="14" spans="1:4" ht="18" customHeight="1" x14ac:dyDescent="0.15">
      <c r="A14" s="8">
        <v>8</v>
      </c>
      <c r="B14" s="26">
        <v>19</v>
      </c>
      <c r="C14" s="6">
        <v>17</v>
      </c>
      <c r="D14" s="5">
        <v>36</v>
      </c>
    </row>
    <row r="15" spans="1:4" ht="18" customHeight="1" x14ac:dyDescent="0.15">
      <c r="A15" s="8">
        <v>9</v>
      </c>
      <c r="B15" s="26">
        <v>26</v>
      </c>
      <c r="C15" s="6">
        <v>18</v>
      </c>
      <c r="D15" s="5">
        <v>44</v>
      </c>
    </row>
    <row r="16" spans="1:4" ht="18" customHeight="1" x14ac:dyDescent="0.15">
      <c r="A16" s="8" t="s">
        <v>24</v>
      </c>
      <c r="B16" s="21">
        <v>113</v>
      </c>
      <c r="C16" s="6">
        <v>99</v>
      </c>
      <c r="D16" s="5">
        <v>212</v>
      </c>
    </row>
    <row r="17" spans="1:4" ht="18" customHeight="1" x14ac:dyDescent="0.15">
      <c r="A17" s="8">
        <v>10</v>
      </c>
      <c r="B17" s="21">
        <v>25</v>
      </c>
      <c r="C17" s="6">
        <v>11</v>
      </c>
      <c r="D17" s="5">
        <v>36</v>
      </c>
    </row>
    <row r="18" spans="1:4" ht="18" customHeight="1" x14ac:dyDescent="0.15">
      <c r="A18" s="8">
        <v>11</v>
      </c>
      <c r="B18" s="21">
        <v>18</v>
      </c>
      <c r="C18" s="6">
        <v>17</v>
      </c>
      <c r="D18" s="5">
        <v>35</v>
      </c>
    </row>
    <row r="19" spans="1:4" ht="18" customHeight="1" x14ac:dyDescent="0.15">
      <c r="A19" s="8">
        <v>12</v>
      </c>
      <c r="B19" s="21">
        <v>26</v>
      </c>
      <c r="C19" s="6">
        <v>16</v>
      </c>
      <c r="D19" s="5">
        <v>42</v>
      </c>
    </row>
    <row r="20" spans="1:4" ht="18" customHeight="1" x14ac:dyDescent="0.15">
      <c r="A20" s="8">
        <v>13</v>
      </c>
      <c r="B20" s="21">
        <v>21</v>
      </c>
      <c r="C20" s="6">
        <v>15</v>
      </c>
      <c r="D20" s="5">
        <v>36</v>
      </c>
    </row>
    <row r="21" spans="1:4" ht="18" customHeight="1" x14ac:dyDescent="0.15">
      <c r="A21" s="8">
        <v>14</v>
      </c>
      <c r="B21" s="21">
        <v>19</v>
      </c>
      <c r="C21" s="6">
        <v>28</v>
      </c>
      <c r="D21" s="5">
        <v>47</v>
      </c>
    </row>
    <row r="22" spans="1:4" ht="18" customHeight="1" x14ac:dyDescent="0.15">
      <c r="A22" s="8" t="s">
        <v>23</v>
      </c>
      <c r="B22" s="21">
        <v>109</v>
      </c>
      <c r="C22" s="6">
        <v>87</v>
      </c>
      <c r="D22" s="5">
        <v>196</v>
      </c>
    </row>
    <row r="23" spans="1:4" ht="18" customHeight="1" x14ac:dyDescent="0.15">
      <c r="A23" s="8" t="s">
        <v>22</v>
      </c>
      <c r="B23" s="21">
        <v>308</v>
      </c>
      <c r="C23" s="6">
        <v>295</v>
      </c>
      <c r="D23" s="5">
        <v>603</v>
      </c>
    </row>
    <row r="24" spans="1:4" ht="18" customHeight="1" x14ac:dyDescent="0.15">
      <c r="A24" s="8">
        <v>15</v>
      </c>
      <c r="B24" s="21">
        <v>20</v>
      </c>
      <c r="C24" s="6">
        <v>25</v>
      </c>
      <c r="D24" s="5">
        <v>45</v>
      </c>
    </row>
    <row r="25" spans="1:4" ht="18" customHeight="1" x14ac:dyDescent="0.15">
      <c r="A25" s="8">
        <v>16</v>
      </c>
      <c r="B25" s="21">
        <v>29</v>
      </c>
      <c r="C25" s="6">
        <v>12</v>
      </c>
      <c r="D25" s="5">
        <v>41</v>
      </c>
    </row>
    <row r="26" spans="1:4" ht="18" customHeight="1" x14ac:dyDescent="0.15">
      <c r="A26" s="8">
        <v>17</v>
      </c>
      <c r="B26" s="21">
        <v>28</v>
      </c>
      <c r="C26" s="6">
        <v>17</v>
      </c>
      <c r="D26" s="5">
        <v>45</v>
      </c>
    </row>
    <row r="27" spans="1:4" ht="18" customHeight="1" x14ac:dyDescent="0.15">
      <c r="A27" s="8">
        <v>18</v>
      </c>
      <c r="B27" s="21">
        <v>16</v>
      </c>
      <c r="C27" s="6">
        <v>19</v>
      </c>
      <c r="D27" s="5">
        <v>35</v>
      </c>
    </row>
    <row r="28" spans="1:4" ht="18" customHeight="1" x14ac:dyDescent="0.15">
      <c r="A28" s="8">
        <v>19</v>
      </c>
      <c r="B28" s="21">
        <v>18</v>
      </c>
      <c r="C28" s="6">
        <v>21</v>
      </c>
      <c r="D28" s="5">
        <v>39</v>
      </c>
    </row>
    <row r="29" spans="1:4" ht="18" customHeight="1" x14ac:dyDescent="0.15">
      <c r="A29" s="8" t="s">
        <v>21</v>
      </c>
      <c r="B29" s="21">
        <v>111</v>
      </c>
      <c r="C29" s="6">
        <v>94</v>
      </c>
      <c r="D29" s="5">
        <v>205</v>
      </c>
    </row>
    <row r="30" spans="1:4" ht="18" customHeight="1" x14ac:dyDescent="0.15">
      <c r="A30" s="8">
        <v>20</v>
      </c>
      <c r="B30" s="21">
        <v>21</v>
      </c>
      <c r="C30" s="6">
        <v>14</v>
      </c>
      <c r="D30" s="5">
        <v>35</v>
      </c>
    </row>
    <row r="31" spans="1:4" ht="18" customHeight="1" x14ac:dyDescent="0.15">
      <c r="A31" s="8">
        <v>21</v>
      </c>
      <c r="B31" s="21">
        <v>20</v>
      </c>
      <c r="C31" s="6">
        <v>27</v>
      </c>
      <c r="D31" s="5">
        <v>47</v>
      </c>
    </row>
    <row r="32" spans="1:4" ht="18" customHeight="1" x14ac:dyDescent="0.15">
      <c r="A32" s="8">
        <v>22</v>
      </c>
      <c r="B32" s="21">
        <v>25</v>
      </c>
      <c r="C32" s="6">
        <v>19</v>
      </c>
      <c r="D32" s="5">
        <v>44</v>
      </c>
    </row>
    <row r="33" spans="1:4" ht="18" customHeight="1" x14ac:dyDescent="0.15">
      <c r="A33" s="8">
        <v>23</v>
      </c>
      <c r="B33" s="21">
        <v>19</v>
      </c>
      <c r="C33" s="6">
        <v>27</v>
      </c>
      <c r="D33" s="5">
        <v>46</v>
      </c>
    </row>
    <row r="34" spans="1:4" ht="18" customHeight="1" x14ac:dyDescent="0.15">
      <c r="A34" s="8">
        <v>24</v>
      </c>
      <c r="B34" s="21">
        <v>25</v>
      </c>
      <c r="C34" s="6">
        <v>20</v>
      </c>
      <c r="D34" s="5">
        <v>45</v>
      </c>
    </row>
    <row r="35" spans="1:4" ht="18" customHeight="1" x14ac:dyDescent="0.15">
      <c r="A35" s="8" t="s">
        <v>20</v>
      </c>
      <c r="B35" s="21">
        <v>110</v>
      </c>
      <c r="C35" s="6">
        <v>107</v>
      </c>
      <c r="D35" s="5">
        <v>217</v>
      </c>
    </row>
    <row r="36" spans="1:4" ht="18" customHeight="1" x14ac:dyDescent="0.15">
      <c r="A36" s="8">
        <v>25</v>
      </c>
      <c r="B36" s="21">
        <v>36</v>
      </c>
      <c r="C36" s="6">
        <v>21</v>
      </c>
      <c r="D36" s="5">
        <v>57</v>
      </c>
    </row>
    <row r="37" spans="1:4" ht="18" customHeight="1" x14ac:dyDescent="0.15">
      <c r="A37" s="8">
        <v>26</v>
      </c>
      <c r="B37" s="21">
        <v>22</v>
      </c>
      <c r="C37" s="6">
        <v>28</v>
      </c>
      <c r="D37" s="5">
        <v>50</v>
      </c>
    </row>
    <row r="38" spans="1:4" ht="18" customHeight="1" x14ac:dyDescent="0.15">
      <c r="A38" s="8">
        <v>27</v>
      </c>
      <c r="B38" s="21">
        <v>12</v>
      </c>
      <c r="C38" s="6">
        <v>20</v>
      </c>
      <c r="D38" s="5">
        <v>32</v>
      </c>
    </row>
    <row r="39" spans="1:4" ht="18" customHeight="1" x14ac:dyDescent="0.15">
      <c r="A39" s="8">
        <v>28</v>
      </c>
      <c r="B39" s="21">
        <v>24</v>
      </c>
      <c r="C39" s="6">
        <v>21</v>
      </c>
      <c r="D39" s="5">
        <v>45</v>
      </c>
    </row>
    <row r="40" spans="1:4" ht="18" customHeight="1" x14ac:dyDescent="0.15">
      <c r="A40" s="8">
        <v>29</v>
      </c>
      <c r="B40" s="21">
        <v>28</v>
      </c>
      <c r="C40" s="6">
        <v>20</v>
      </c>
      <c r="D40" s="5">
        <v>48</v>
      </c>
    </row>
    <row r="41" spans="1:4" ht="18" customHeight="1" x14ac:dyDescent="0.15">
      <c r="A41" s="8" t="s">
        <v>19</v>
      </c>
      <c r="B41" s="21">
        <v>122</v>
      </c>
      <c r="C41" s="6">
        <v>110</v>
      </c>
      <c r="D41" s="5">
        <v>232</v>
      </c>
    </row>
    <row r="42" spans="1:4" ht="18" customHeight="1" x14ac:dyDescent="0.15">
      <c r="A42" s="8">
        <v>30</v>
      </c>
      <c r="B42" s="21">
        <v>18</v>
      </c>
      <c r="C42" s="6">
        <v>25</v>
      </c>
      <c r="D42" s="5">
        <v>43</v>
      </c>
    </row>
    <row r="43" spans="1:4" ht="18" customHeight="1" x14ac:dyDescent="0.15">
      <c r="A43" s="8">
        <v>31</v>
      </c>
      <c r="B43" s="21">
        <v>23</v>
      </c>
      <c r="C43" s="6">
        <v>23</v>
      </c>
      <c r="D43" s="5">
        <v>46</v>
      </c>
    </row>
    <row r="44" spans="1:4" ht="18" customHeight="1" x14ac:dyDescent="0.15">
      <c r="A44" s="8">
        <v>32</v>
      </c>
      <c r="B44" s="21">
        <v>31</v>
      </c>
      <c r="C44" s="6">
        <v>15</v>
      </c>
      <c r="D44" s="5">
        <v>46</v>
      </c>
    </row>
    <row r="45" spans="1:4" ht="18" customHeight="1" x14ac:dyDescent="0.15">
      <c r="A45" s="8">
        <v>33</v>
      </c>
      <c r="B45" s="21">
        <v>29</v>
      </c>
      <c r="C45" s="6">
        <v>19</v>
      </c>
      <c r="D45" s="5">
        <v>48</v>
      </c>
    </row>
    <row r="46" spans="1:4" ht="18" customHeight="1" x14ac:dyDescent="0.15">
      <c r="A46" s="8">
        <v>34</v>
      </c>
      <c r="B46" s="21">
        <v>29</v>
      </c>
      <c r="C46" s="6">
        <v>28</v>
      </c>
      <c r="D46" s="5">
        <v>57</v>
      </c>
    </row>
    <row r="47" spans="1:4" ht="18" customHeight="1" x14ac:dyDescent="0.15">
      <c r="A47" s="8" t="s">
        <v>18</v>
      </c>
      <c r="B47" s="21">
        <v>130</v>
      </c>
      <c r="C47" s="6">
        <v>110</v>
      </c>
      <c r="D47" s="5">
        <v>240</v>
      </c>
    </row>
    <row r="48" spans="1:4" ht="18" customHeight="1" x14ac:dyDescent="0.15">
      <c r="A48" s="8">
        <v>35</v>
      </c>
      <c r="B48" s="21">
        <v>28</v>
      </c>
      <c r="C48" s="6">
        <v>25</v>
      </c>
      <c r="D48" s="5">
        <v>53</v>
      </c>
    </row>
    <row r="49" spans="1:4" ht="18" customHeight="1" x14ac:dyDescent="0.15">
      <c r="A49" s="8">
        <v>36</v>
      </c>
      <c r="B49" s="21">
        <v>25</v>
      </c>
      <c r="C49" s="6">
        <v>30</v>
      </c>
      <c r="D49" s="5">
        <v>55</v>
      </c>
    </row>
    <row r="50" spans="1:4" ht="18" customHeight="1" x14ac:dyDescent="0.15">
      <c r="A50" s="8">
        <v>37</v>
      </c>
      <c r="B50" s="21">
        <v>29</v>
      </c>
      <c r="C50" s="6">
        <v>36</v>
      </c>
      <c r="D50" s="5">
        <v>65</v>
      </c>
    </row>
    <row r="51" spans="1:4" ht="18" customHeight="1" x14ac:dyDescent="0.15">
      <c r="A51" s="8">
        <v>38</v>
      </c>
      <c r="B51" s="21">
        <v>16</v>
      </c>
      <c r="C51" s="6">
        <v>24</v>
      </c>
      <c r="D51" s="5">
        <v>40</v>
      </c>
    </row>
    <row r="52" spans="1:4" ht="18" customHeight="1" x14ac:dyDescent="0.15">
      <c r="A52" s="8">
        <v>39</v>
      </c>
      <c r="B52" s="21">
        <v>20</v>
      </c>
      <c r="C52" s="6">
        <v>23</v>
      </c>
      <c r="D52" s="5">
        <v>43</v>
      </c>
    </row>
    <row r="53" spans="1:4" ht="18" customHeight="1" x14ac:dyDescent="0.15">
      <c r="A53" s="8" t="s">
        <v>17</v>
      </c>
      <c r="B53" s="21">
        <v>118</v>
      </c>
      <c r="C53" s="6">
        <v>138</v>
      </c>
      <c r="D53" s="5">
        <v>256</v>
      </c>
    </row>
    <row r="54" spans="1:4" ht="18" customHeight="1" x14ac:dyDescent="0.15">
      <c r="A54" s="8">
        <v>40</v>
      </c>
      <c r="B54" s="21">
        <v>27</v>
      </c>
      <c r="C54" s="6">
        <v>27</v>
      </c>
      <c r="D54" s="5">
        <v>54</v>
      </c>
    </row>
    <row r="55" spans="1:4" ht="18" customHeight="1" x14ac:dyDescent="0.15">
      <c r="A55" s="8">
        <v>41</v>
      </c>
      <c r="B55" s="21">
        <v>36</v>
      </c>
      <c r="C55" s="6">
        <v>33</v>
      </c>
      <c r="D55" s="5">
        <v>69</v>
      </c>
    </row>
    <row r="56" spans="1:4" ht="18" customHeight="1" x14ac:dyDescent="0.15">
      <c r="A56" s="8">
        <v>42</v>
      </c>
      <c r="B56" s="21">
        <v>27</v>
      </c>
      <c r="C56" s="6">
        <v>22</v>
      </c>
      <c r="D56" s="5">
        <v>49</v>
      </c>
    </row>
    <row r="57" spans="1:4" ht="18" customHeight="1" x14ac:dyDescent="0.15">
      <c r="A57" s="8">
        <v>43</v>
      </c>
      <c r="B57" s="21">
        <v>37</v>
      </c>
      <c r="C57" s="6">
        <v>26</v>
      </c>
      <c r="D57" s="5">
        <v>63</v>
      </c>
    </row>
    <row r="58" spans="1:4" ht="18" customHeight="1" x14ac:dyDescent="0.15">
      <c r="A58" s="8">
        <v>44</v>
      </c>
      <c r="B58" s="21">
        <v>31</v>
      </c>
      <c r="C58" s="6">
        <v>29</v>
      </c>
      <c r="D58" s="5">
        <v>60</v>
      </c>
    </row>
    <row r="59" spans="1:4" ht="18" customHeight="1" x14ac:dyDescent="0.15">
      <c r="A59" s="8" t="s">
        <v>16</v>
      </c>
      <c r="B59" s="21">
        <v>158</v>
      </c>
      <c r="C59" s="6">
        <v>137</v>
      </c>
      <c r="D59" s="5">
        <v>295</v>
      </c>
    </row>
    <row r="60" spans="1:4" ht="18" customHeight="1" x14ac:dyDescent="0.15">
      <c r="A60" s="8">
        <v>45</v>
      </c>
      <c r="B60" s="21">
        <v>25</v>
      </c>
      <c r="C60" s="6">
        <v>28</v>
      </c>
      <c r="D60" s="5">
        <v>53</v>
      </c>
    </row>
    <row r="61" spans="1:4" ht="18" customHeight="1" x14ac:dyDescent="0.15">
      <c r="A61" s="8">
        <v>46</v>
      </c>
      <c r="B61" s="21">
        <v>27</v>
      </c>
      <c r="C61" s="6">
        <v>18</v>
      </c>
      <c r="D61" s="5">
        <v>45</v>
      </c>
    </row>
    <row r="62" spans="1:4" ht="18" customHeight="1" x14ac:dyDescent="0.15">
      <c r="A62" s="8">
        <v>47</v>
      </c>
      <c r="B62" s="21">
        <v>37</v>
      </c>
      <c r="C62" s="6">
        <v>33</v>
      </c>
      <c r="D62" s="5">
        <v>70</v>
      </c>
    </row>
    <row r="63" spans="1:4" ht="18" customHeight="1" x14ac:dyDescent="0.15">
      <c r="A63" s="8">
        <v>48</v>
      </c>
      <c r="B63" s="21">
        <v>33</v>
      </c>
      <c r="C63" s="6">
        <v>46</v>
      </c>
      <c r="D63" s="5">
        <v>79</v>
      </c>
    </row>
    <row r="64" spans="1:4" ht="18" customHeight="1" x14ac:dyDescent="0.15">
      <c r="A64" s="8">
        <v>49</v>
      </c>
      <c r="B64" s="21">
        <v>40</v>
      </c>
      <c r="C64" s="6">
        <v>24</v>
      </c>
      <c r="D64" s="5">
        <v>64</v>
      </c>
    </row>
    <row r="65" spans="1:4" ht="18" customHeight="1" x14ac:dyDescent="0.15">
      <c r="A65" s="8" t="s">
        <v>15</v>
      </c>
      <c r="B65" s="21">
        <v>162</v>
      </c>
      <c r="C65" s="6">
        <v>149</v>
      </c>
      <c r="D65" s="5">
        <v>311</v>
      </c>
    </row>
    <row r="66" spans="1:4" ht="18" customHeight="1" x14ac:dyDescent="0.15">
      <c r="A66" s="8">
        <v>50</v>
      </c>
      <c r="B66" s="21">
        <v>40</v>
      </c>
      <c r="C66" s="6">
        <v>36</v>
      </c>
      <c r="D66" s="5">
        <v>76</v>
      </c>
    </row>
    <row r="67" spans="1:4" ht="18" customHeight="1" x14ac:dyDescent="0.15">
      <c r="A67" s="8">
        <v>51</v>
      </c>
      <c r="B67" s="21">
        <v>26</v>
      </c>
      <c r="C67" s="6">
        <v>35</v>
      </c>
      <c r="D67" s="5">
        <v>61</v>
      </c>
    </row>
    <row r="68" spans="1:4" ht="18" customHeight="1" x14ac:dyDescent="0.15">
      <c r="A68" s="8">
        <v>52</v>
      </c>
      <c r="B68" s="21">
        <v>43</v>
      </c>
      <c r="C68" s="6">
        <v>37</v>
      </c>
      <c r="D68" s="5">
        <v>80</v>
      </c>
    </row>
    <row r="69" spans="1:4" ht="18" customHeight="1" x14ac:dyDescent="0.15">
      <c r="A69" s="8">
        <v>53</v>
      </c>
      <c r="B69" s="21">
        <v>41</v>
      </c>
      <c r="C69" s="6">
        <v>33</v>
      </c>
      <c r="D69" s="5">
        <v>74</v>
      </c>
    </row>
    <row r="70" spans="1:4" ht="18" customHeight="1" x14ac:dyDescent="0.15">
      <c r="A70" s="8">
        <v>54</v>
      </c>
      <c r="B70" s="21">
        <v>34</v>
      </c>
      <c r="C70" s="6">
        <v>36</v>
      </c>
      <c r="D70" s="5">
        <v>70</v>
      </c>
    </row>
    <row r="71" spans="1:4" ht="18" customHeight="1" x14ac:dyDescent="0.15">
      <c r="A71" s="8" t="s">
        <v>14</v>
      </c>
      <c r="B71" s="21">
        <v>184</v>
      </c>
      <c r="C71" s="6">
        <v>177</v>
      </c>
      <c r="D71" s="5">
        <v>361</v>
      </c>
    </row>
    <row r="72" spans="1:4" ht="18" customHeight="1" x14ac:dyDescent="0.15">
      <c r="A72" s="8">
        <v>55</v>
      </c>
      <c r="B72" s="21">
        <v>31</v>
      </c>
      <c r="C72" s="6">
        <v>28</v>
      </c>
      <c r="D72" s="5">
        <v>59</v>
      </c>
    </row>
    <row r="73" spans="1:4" ht="18" customHeight="1" x14ac:dyDescent="0.15">
      <c r="A73" s="8">
        <v>56</v>
      </c>
      <c r="B73" s="21">
        <v>38</v>
      </c>
      <c r="C73" s="6">
        <v>49</v>
      </c>
      <c r="D73" s="5">
        <v>87</v>
      </c>
    </row>
    <row r="74" spans="1:4" ht="18" customHeight="1" x14ac:dyDescent="0.15">
      <c r="A74" s="8">
        <v>57</v>
      </c>
      <c r="B74" s="21">
        <v>38</v>
      </c>
      <c r="C74" s="6">
        <v>37</v>
      </c>
      <c r="D74" s="5">
        <v>75</v>
      </c>
    </row>
    <row r="75" spans="1:4" ht="18" customHeight="1" x14ac:dyDescent="0.15">
      <c r="A75" s="8">
        <v>58</v>
      </c>
      <c r="B75" s="21">
        <v>50</v>
      </c>
      <c r="C75" s="6">
        <v>46</v>
      </c>
      <c r="D75" s="5">
        <v>96</v>
      </c>
    </row>
    <row r="76" spans="1:4" ht="18" customHeight="1" x14ac:dyDescent="0.15">
      <c r="A76" s="8">
        <v>59</v>
      </c>
      <c r="B76" s="21">
        <v>29</v>
      </c>
      <c r="C76" s="6">
        <v>38</v>
      </c>
      <c r="D76" s="5">
        <v>67</v>
      </c>
    </row>
    <row r="77" spans="1:4" ht="18" customHeight="1" x14ac:dyDescent="0.15">
      <c r="A77" s="8" t="s">
        <v>13</v>
      </c>
      <c r="B77" s="21">
        <v>186</v>
      </c>
      <c r="C77" s="6">
        <v>198</v>
      </c>
      <c r="D77" s="5">
        <v>384</v>
      </c>
    </row>
    <row r="78" spans="1:4" ht="18" customHeight="1" x14ac:dyDescent="0.15">
      <c r="A78" s="8">
        <v>60</v>
      </c>
      <c r="B78" s="21">
        <v>29</v>
      </c>
      <c r="C78" s="6">
        <v>40</v>
      </c>
      <c r="D78" s="5">
        <v>69</v>
      </c>
    </row>
    <row r="79" spans="1:4" ht="18" customHeight="1" x14ac:dyDescent="0.15">
      <c r="A79" s="8">
        <v>61</v>
      </c>
      <c r="B79" s="21">
        <v>41</v>
      </c>
      <c r="C79" s="6">
        <v>31</v>
      </c>
      <c r="D79" s="5">
        <v>72</v>
      </c>
    </row>
    <row r="80" spans="1:4" ht="18" customHeight="1" x14ac:dyDescent="0.15">
      <c r="A80" s="8">
        <v>62</v>
      </c>
      <c r="B80" s="21">
        <v>29</v>
      </c>
      <c r="C80" s="6">
        <v>30</v>
      </c>
      <c r="D80" s="5">
        <v>59</v>
      </c>
    </row>
    <row r="81" spans="1:4" ht="18" customHeight="1" x14ac:dyDescent="0.15">
      <c r="A81" s="8">
        <v>63</v>
      </c>
      <c r="B81" s="21">
        <v>34</v>
      </c>
      <c r="C81" s="6">
        <v>29</v>
      </c>
      <c r="D81" s="5">
        <v>63</v>
      </c>
    </row>
    <row r="82" spans="1:4" ht="18" customHeight="1" x14ac:dyDescent="0.15">
      <c r="A82" s="8">
        <v>64</v>
      </c>
      <c r="B82" s="21">
        <v>30</v>
      </c>
      <c r="C82" s="6">
        <v>26</v>
      </c>
      <c r="D82" s="5">
        <v>56</v>
      </c>
    </row>
    <row r="83" spans="1:4" ht="18" customHeight="1" x14ac:dyDescent="0.15">
      <c r="A83" s="8" t="s">
        <v>12</v>
      </c>
      <c r="B83" s="21">
        <v>163</v>
      </c>
      <c r="C83" s="6">
        <v>156</v>
      </c>
      <c r="D83" s="5">
        <v>319</v>
      </c>
    </row>
    <row r="84" spans="1:4" ht="18" customHeight="1" x14ac:dyDescent="0.15">
      <c r="A84" s="8" t="s">
        <v>11</v>
      </c>
      <c r="B84" s="21">
        <v>1444</v>
      </c>
      <c r="C84" s="6">
        <v>1376</v>
      </c>
      <c r="D84" s="5">
        <v>2820</v>
      </c>
    </row>
    <row r="85" spans="1:4" ht="18" customHeight="1" x14ac:dyDescent="0.15">
      <c r="A85" s="8">
        <v>65</v>
      </c>
      <c r="B85" s="21">
        <v>29</v>
      </c>
      <c r="C85" s="6">
        <v>31</v>
      </c>
      <c r="D85" s="5">
        <v>60</v>
      </c>
    </row>
    <row r="86" spans="1:4" ht="18" customHeight="1" x14ac:dyDescent="0.15">
      <c r="A86" s="8">
        <v>66</v>
      </c>
      <c r="B86" s="21">
        <v>37</v>
      </c>
      <c r="C86" s="6">
        <v>30</v>
      </c>
      <c r="D86" s="5">
        <v>67</v>
      </c>
    </row>
    <row r="87" spans="1:4" ht="18" customHeight="1" x14ac:dyDescent="0.15">
      <c r="A87" s="8">
        <v>67</v>
      </c>
      <c r="B87" s="21">
        <v>25</v>
      </c>
      <c r="C87" s="6">
        <v>32</v>
      </c>
      <c r="D87" s="5">
        <v>57</v>
      </c>
    </row>
    <row r="88" spans="1:4" ht="18" customHeight="1" x14ac:dyDescent="0.15">
      <c r="A88" s="8">
        <v>68</v>
      </c>
      <c r="B88" s="21">
        <v>27</v>
      </c>
      <c r="C88" s="6">
        <v>34</v>
      </c>
      <c r="D88" s="5">
        <v>61</v>
      </c>
    </row>
    <row r="89" spans="1:4" ht="18" customHeight="1" x14ac:dyDescent="0.15">
      <c r="A89" s="8">
        <v>69</v>
      </c>
      <c r="B89" s="21">
        <v>24</v>
      </c>
      <c r="C89" s="6">
        <v>39</v>
      </c>
      <c r="D89" s="5">
        <v>63</v>
      </c>
    </row>
    <row r="90" spans="1:4" ht="18" customHeight="1" x14ac:dyDescent="0.15">
      <c r="A90" s="8" t="s">
        <v>10</v>
      </c>
      <c r="B90" s="21">
        <v>142</v>
      </c>
      <c r="C90" s="6">
        <v>166</v>
      </c>
      <c r="D90" s="5">
        <v>308</v>
      </c>
    </row>
    <row r="91" spans="1:4" ht="18" customHeight="1" x14ac:dyDescent="0.15">
      <c r="A91" s="8">
        <v>70</v>
      </c>
      <c r="B91" s="21">
        <v>29</v>
      </c>
      <c r="C91" s="6">
        <v>30</v>
      </c>
      <c r="D91" s="5">
        <v>59</v>
      </c>
    </row>
    <row r="92" spans="1:4" ht="18" customHeight="1" x14ac:dyDescent="0.15">
      <c r="A92" s="8">
        <v>71</v>
      </c>
      <c r="B92" s="21">
        <v>32</v>
      </c>
      <c r="C92" s="6">
        <v>36</v>
      </c>
      <c r="D92" s="5">
        <v>68</v>
      </c>
    </row>
    <row r="93" spans="1:4" ht="18" customHeight="1" x14ac:dyDescent="0.15">
      <c r="A93" s="8">
        <v>72</v>
      </c>
      <c r="B93" s="21">
        <v>31</v>
      </c>
      <c r="C93" s="6">
        <v>37</v>
      </c>
      <c r="D93" s="5">
        <v>68</v>
      </c>
    </row>
    <row r="94" spans="1:4" ht="18" customHeight="1" x14ac:dyDescent="0.15">
      <c r="A94" s="8">
        <v>73</v>
      </c>
      <c r="B94" s="21">
        <v>33</v>
      </c>
      <c r="C94" s="6">
        <v>32</v>
      </c>
      <c r="D94" s="5">
        <v>65</v>
      </c>
    </row>
    <row r="95" spans="1:4" ht="18" customHeight="1" x14ac:dyDescent="0.15">
      <c r="A95" s="8">
        <v>74</v>
      </c>
      <c r="B95" s="21">
        <v>29</v>
      </c>
      <c r="C95" s="6">
        <v>38</v>
      </c>
      <c r="D95" s="5">
        <v>67</v>
      </c>
    </row>
    <row r="96" spans="1:4" ht="18" customHeight="1" x14ac:dyDescent="0.15">
      <c r="A96" s="8" t="s">
        <v>9</v>
      </c>
      <c r="B96" s="21">
        <v>154</v>
      </c>
      <c r="C96" s="6">
        <v>173</v>
      </c>
      <c r="D96" s="5">
        <v>327</v>
      </c>
    </row>
    <row r="97" spans="1:4" ht="18" customHeight="1" x14ac:dyDescent="0.15">
      <c r="A97" s="8">
        <v>75</v>
      </c>
      <c r="B97" s="21">
        <v>25</v>
      </c>
      <c r="C97" s="6">
        <v>37</v>
      </c>
      <c r="D97" s="5">
        <v>62</v>
      </c>
    </row>
    <row r="98" spans="1:4" ht="18" customHeight="1" x14ac:dyDescent="0.15">
      <c r="A98" s="8">
        <v>76</v>
      </c>
      <c r="B98" s="21">
        <v>40</v>
      </c>
      <c r="C98" s="6">
        <v>38</v>
      </c>
      <c r="D98" s="5">
        <v>78</v>
      </c>
    </row>
    <row r="99" spans="1:4" ht="18" customHeight="1" x14ac:dyDescent="0.15">
      <c r="A99" s="8">
        <v>77</v>
      </c>
      <c r="B99" s="21">
        <v>34</v>
      </c>
      <c r="C99" s="6">
        <v>33</v>
      </c>
      <c r="D99" s="5">
        <v>67</v>
      </c>
    </row>
    <row r="100" spans="1:4" ht="18" customHeight="1" x14ac:dyDescent="0.15">
      <c r="A100" s="8">
        <v>78</v>
      </c>
      <c r="B100" s="21">
        <v>41</v>
      </c>
      <c r="C100" s="6">
        <v>42</v>
      </c>
      <c r="D100" s="5">
        <v>83</v>
      </c>
    </row>
    <row r="101" spans="1:4" ht="18" customHeight="1" x14ac:dyDescent="0.15">
      <c r="A101" s="8">
        <v>79</v>
      </c>
      <c r="B101" s="21">
        <v>15</v>
      </c>
      <c r="C101" s="6">
        <v>25</v>
      </c>
      <c r="D101" s="5">
        <v>40</v>
      </c>
    </row>
    <row r="102" spans="1:4" ht="18" customHeight="1" x14ac:dyDescent="0.15">
      <c r="A102" s="8" t="s">
        <v>8</v>
      </c>
      <c r="B102" s="21">
        <v>155</v>
      </c>
      <c r="C102" s="6">
        <v>175</v>
      </c>
      <c r="D102" s="5">
        <v>330</v>
      </c>
    </row>
    <row r="103" spans="1:4" ht="18" customHeight="1" x14ac:dyDescent="0.15">
      <c r="A103" s="8">
        <v>80</v>
      </c>
      <c r="B103" s="21">
        <v>19</v>
      </c>
      <c r="C103" s="6">
        <v>15</v>
      </c>
      <c r="D103" s="5">
        <v>34</v>
      </c>
    </row>
    <row r="104" spans="1:4" ht="18" customHeight="1" x14ac:dyDescent="0.15">
      <c r="A104" s="8">
        <v>81</v>
      </c>
      <c r="B104" s="21">
        <v>20</v>
      </c>
      <c r="C104" s="6">
        <v>32</v>
      </c>
      <c r="D104" s="5">
        <v>52</v>
      </c>
    </row>
    <row r="105" spans="1:4" ht="18" customHeight="1" x14ac:dyDescent="0.15">
      <c r="A105" s="8">
        <v>82</v>
      </c>
      <c r="B105" s="21">
        <v>14</v>
      </c>
      <c r="C105" s="6">
        <v>28</v>
      </c>
      <c r="D105" s="5">
        <v>42</v>
      </c>
    </row>
    <row r="106" spans="1:4" ht="18" customHeight="1" x14ac:dyDescent="0.15">
      <c r="A106" s="8">
        <v>83</v>
      </c>
      <c r="B106" s="21">
        <v>15</v>
      </c>
      <c r="C106" s="6">
        <v>32</v>
      </c>
      <c r="D106" s="5">
        <v>47</v>
      </c>
    </row>
    <row r="107" spans="1:4" ht="18" customHeight="1" x14ac:dyDescent="0.15">
      <c r="A107" s="8">
        <v>84</v>
      </c>
      <c r="B107" s="21">
        <v>15</v>
      </c>
      <c r="C107" s="6">
        <v>27</v>
      </c>
      <c r="D107" s="5">
        <v>42</v>
      </c>
    </row>
    <row r="108" spans="1:4" ht="18" customHeight="1" x14ac:dyDescent="0.15">
      <c r="A108" s="8" t="s">
        <v>7</v>
      </c>
      <c r="B108" s="21">
        <v>83</v>
      </c>
      <c r="C108" s="6">
        <v>134</v>
      </c>
      <c r="D108" s="5">
        <v>217</v>
      </c>
    </row>
    <row r="109" spans="1:4" ht="18" customHeight="1" x14ac:dyDescent="0.15">
      <c r="A109" s="8">
        <v>85</v>
      </c>
      <c r="B109" s="21">
        <v>11</v>
      </c>
      <c r="C109" s="6">
        <v>30</v>
      </c>
      <c r="D109" s="5">
        <v>41</v>
      </c>
    </row>
    <row r="110" spans="1:4" ht="18" customHeight="1" x14ac:dyDescent="0.15">
      <c r="A110" s="8">
        <v>86</v>
      </c>
      <c r="B110" s="21">
        <v>12</v>
      </c>
      <c r="C110" s="6">
        <v>16</v>
      </c>
      <c r="D110" s="5">
        <v>28</v>
      </c>
    </row>
    <row r="111" spans="1:4" ht="18" customHeight="1" x14ac:dyDescent="0.15">
      <c r="A111" s="8">
        <v>87</v>
      </c>
      <c r="B111" s="21">
        <v>15</v>
      </c>
      <c r="C111" s="6">
        <v>18</v>
      </c>
      <c r="D111" s="5">
        <v>33</v>
      </c>
    </row>
    <row r="112" spans="1:4" ht="18" customHeight="1" x14ac:dyDescent="0.15">
      <c r="A112" s="8">
        <v>88</v>
      </c>
      <c r="B112" s="21">
        <v>16</v>
      </c>
      <c r="C112" s="6">
        <v>26</v>
      </c>
      <c r="D112" s="5">
        <v>42</v>
      </c>
    </row>
    <row r="113" spans="1:4" ht="18" customHeight="1" x14ac:dyDescent="0.15">
      <c r="A113" s="8">
        <v>89</v>
      </c>
      <c r="B113" s="21">
        <v>14</v>
      </c>
      <c r="C113" s="6">
        <v>22</v>
      </c>
      <c r="D113" s="5">
        <v>36</v>
      </c>
    </row>
    <row r="114" spans="1:4" ht="18" customHeight="1" x14ac:dyDescent="0.15">
      <c r="A114" s="8" t="s">
        <v>6</v>
      </c>
      <c r="B114" s="21">
        <v>68</v>
      </c>
      <c r="C114" s="6">
        <v>112</v>
      </c>
      <c r="D114" s="5">
        <v>180</v>
      </c>
    </row>
    <row r="115" spans="1:4" ht="18" customHeight="1" x14ac:dyDescent="0.15">
      <c r="A115" s="8">
        <v>90</v>
      </c>
      <c r="B115" s="21">
        <v>9</v>
      </c>
      <c r="C115" s="6">
        <v>16</v>
      </c>
      <c r="D115" s="5">
        <v>25</v>
      </c>
    </row>
    <row r="116" spans="1:4" ht="18" customHeight="1" x14ac:dyDescent="0.15">
      <c r="A116" s="8">
        <v>91</v>
      </c>
      <c r="B116" s="21">
        <v>5</v>
      </c>
      <c r="C116" s="6">
        <v>16</v>
      </c>
      <c r="D116" s="5">
        <v>21</v>
      </c>
    </row>
    <row r="117" spans="1:4" ht="18" customHeight="1" x14ac:dyDescent="0.15">
      <c r="A117" s="8">
        <v>92</v>
      </c>
      <c r="B117" s="21">
        <v>6</v>
      </c>
      <c r="C117" s="6">
        <v>14</v>
      </c>
      <c r="D117" s="5">
        <v>20</v>
      </c>
    </row>
    <row r="118" spans="1:4" ht="18" customHeight="1" x14ac:dyDescent="0.15">
      <c r="A118" s="8">
        <v>93</v>
      </c>
      <c r="B118" s="21">
        <v>4</v>
      </c>
      <c r="C118" s="6">
        <v>18</v>
      </c>
      <c r="D118" s="5">
        <v>22</v>
      </c>
    </row>
    <row r="119" spans="1:4" ht="18" customHeight="1" x14ac:dyDescent="0.15">
      <c r="A119" s="8">
        <v>94</v>
      </c>
      <c r="B119" s="21">
        <v>2</v>
      </c>
      <c r="C119" s="6">
        <v>10</v>
      </c>
      <c r="D119" s="5">
        <v>12</v>
      </c>
    </row>
    <row r="120" spans="1:4" ht="18" customHeight="1" x14ac:dyDescent="0.15">
      <c r="A120" s="8" t="s">
        <v>5</v>
      </c>
      <c r="B120" s="21">
        <v>26</v>
      </c>
      <c r="C120" s="6">
        <v>74</v>
      </c>
      <c r="D120" s="5">
        <v>100</v>
      </c>
    </row>
    <row r="121" spans="1:4" ht="18" customHeight="1" x14ac:dyDescent="0.15">
      <c r="A121" s="8">
        <v>95</v>
      </c>
      <c r="B121" s="21">
        <v>2</v>
      </c>
      <c r="C121" s="6">
        <v>9</v>
      </c>
      <c r="D121" s="5">
        <v>11</v>
      </c>
    </row>
    <row r="122" spans="1:4" ht="18" customHeight="1" x14ac:dyDescent="0.15">
      <c r="A122" s="8">
        <v>96</v>
      </c>
      <c r="B122" s="21">
        <v>3</v>
      </c>
      <c r="C122" s="6">
        <v>7</v>
      </c>
      <c r="D122" s="5">
        <v>10</v>
      </c>
    </row>
    <row r="123" spans="1:4" ht="18" customHeight="1" x14ac:dyDescent="0.15">
      <c r="A123" s="8">
        <v>97</v>
      </c>
      <c r="B123" s="21">
        <v>0</v>
      </c>
      <c r="C123" s="6">
        <v>6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2</v>
      </c>
      <c r="C125" s="6">
        <v>1</v>
      </c>
      <c r="D125" s="5">
        <v>3</v>
      </c>
    </row>
    <row r="126" spans="1:4" ht="18" customHeight="1" x14ac:dyDescent="0.15">
      <c r="A126" s="8" t="s">
        <v>4</v>
      </c>
      <c r="B126" s="21">
        <v>7</v>
      </c>
      <c r="C126" s="6">
        <v>24</v>
      </c>
      <c r="D126" s="5">
        <v>31</v>
      </c>
    </row>
    <row r="127" spans="1:4" ht="18" customHeight="1" x14ac:dyDescent="0.15">
      <c r="A127" s="8">
        <v>100</v>
      </c>
      <c r="B127" s="21">
        <v>1</v>
      </c>
      <c r="C127" s="6">
        <v>1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636</v>
      </c>
      <c r="C130" s="6">
        <v>861</v>
      </c>
      <c r="D130" s="5">
        <v>1497</v>
      </c>
    </row>
    <row r="131" spans="1:4" ht="18" customHeight="1" x14ac:dyDescent="0.15">
      <c r="A131" s="4" t="s">
        <v>0</v>
      </c>
      <c r="B131" s="20">
        <v>2388</v>
      </c>
      <c r="C131" s="2">
        <v>2532</v>
      </c>
      <c r="D131" s="1">
        <v>49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2BEB41-E5DC-447C-B059-1BE83FF7D4BB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14</v>
      </c>
      <c r="C5" s="31">
        <v>102</v>
      </c>
      <c r="D5" s="30">
        <v>216</v>
      </c>
    </row>
    <row r="6" spans="1:4" ht="18" customHeight="1" x14ac:dyDescent="0.15">
      <c r="A6" s="8">
        <v>1</v>
      </c>
      <c r="B6" s="26">
        <v>115</v>
      </c>
      <c r="C6" s="6">
        <v>124</v>
      </c>
      <c r="D6" s="5">
        <v>239</v>
      </c>
    </row>
    <row r="7" spans="1:4" ht="18" customHeight="1" x14ac:dyDescent="0.15">
      <c r="A7" s="8">
        <v>2</v>
      </c>
      <c r="B7" s="26">
        <v>129</v>
      </c>
      <c r="C7" s="6">
        <v>113</v>
      </c>
      <c r="D7" s="5">
        <v>242</v>
      </c>
    </row>
    <row r="8" spans="1:4" ht="18" customHeight="1" x14ac:dyDescent="0.15">
      <c r="A8" s="8">
        <v>3</v>
      </c>
      <c r="B8" s="26">
        <v>145</v>
      </c>
      <c r="C8" s="6">
        <v>142</v>
      </c>
      <c r="D8" s="5">
        <v>287</v>
      </c>
    </row>
    <row r="9" spans="1:4" ht="18" customHeight="1" x14ac:dyDescent="0.15">
      <c r="A9" s="8">
        <v>4</v>
      </c>
      <c r="B9" s="29">
        <v>142</v>
      </c>
      <c r="C9" s="28">
        <v>151</v>
      </c>
      <c r="D9" s="27">
        <v>293</v>
      </c>
    </row>
    <row r="10" spans="1:4" ht="18" customHeight="1" x14ac:dyDescent="0.15">
      <c r="A10" s="8" t="s">
        <v>25</v>
      </c>
      <c r="B10" s="21">
        <v>645</v>
      </c>
      <c r="C10" s="6">
        <v>632</v>
      </c>
      <c r="D10" s="5">
        <v>1277</v>
      </c>
    </row>
    <row r="11" spans="1:4" ht="18" customHeight="1" x14ac:dyDescent="0.15">
      <c r="A11" s="8">
        <v>5</v>
      </c>
      <c r="B11" s="26">
        <v>175</v>
      </c>
      <c r="C11" s="6">
        <v>165</v>
      </c>
      <c r="D11" s="5">
        <v>340</v>
      </c>
    </row>
    <row r="12" spans="1:4" ht="18" customHeight="1" x14ac:dyDescent="0.15">
      <c r="A12" s="8">
        <v>6</v>
      </c>
      <c r="B12" s="26">
        <v>159</v>
      </c>
      <c r="C12" s="6">
        <v>152</v>
      </c>
      <c r="D12" s="5">
        <v>311</v>
      </c>
    </row>
    <row r="13" spans="1:4" ht="18" customHeight="1" x14ac:dyDescent="0.15">
      <c r="A13" s="8">
        <v>7</v>
      </c>
      <c r="B13" s="26">
        <v>186</v>
      </c>
      <c r="C13" s="6">
        <v>167</v>
      </c>
      <c r="D13" s="5">
        <v>353</v>
      </c>
    </row>
    <row r="14" spans="1:4" ht="18" customHeight="1" x14ac:dyDescent="0.15">
      <c r="A14" s="8">
        <v>8</v>
      </c>
      <c r="B14" s="26">
        <v>175</v>
      </c>
      <c r="C14" s="6">
        <v>164</v>
      </c>
      <c r="D14" s="5">
        <v>339</v>
      </c>
    </row>
    <row r="15" spans="1:4" ht="18" customHeight="1" x14ac:dyDescent="0.15">
      <c r="A15" s="8">
        <v>9</v>
      </c>
      <c r="B15" s="26">
        <v>219</v>
      </c>
      <c r="C15" s="6">
        <v>171</v>
      </c>
      <c r="D15" s="5">
        <v>390</v>
      </c>
    </row>
    <row r="16" spans="1:4" ht="18" customHeight="1" x14ac:dyDescent="0.15">
      <c r="A16" s="8" t="s">
        <v>24</v>
      </c>
      <c r="B16" s="21">
        <v>914</v>
      </c>
      <c r="C16" s="6">
        <v>819</v>
      </c>
      <c r="D16" s="5">
        <v>1733</v>
      </c>
    </row>
    <row r="17" spans="1:4" ht="18" customHeight="1" x14ac:dyDescent="0.15">
      <c r="A17" s="8">
        <v>10</v>
      </c>
      <c r="B17" s="21">
        <v>196</v>
      </c>
      <c r="C17" s="6">
        <v>170</v>
      </c>
      <c r="D17" s="5">
        <v>366</v>
      </c>
    </row>
    <row r="18" spans="1:4" ht="18" customHeight="1" x14ac:dyDescent="0.15">
      <c r="A18" s="8">
        <v>11</v>
      </c>
      <c r="B18" s="21">
        <v>195</v>
      </c>
      <c r="C18" s="6">
        <v>154</v>
      </c>
      <c r="D18" s="5">
        <v>349</v>
      </c>
    </row>
    <row r="19" spans="1:4" ht="18" customHeight="1" x14ac:dyDescent="0.15">
      <c r="A19" s="8">
        <v>12</v>
      </c>
      <c r="B19" s="21">
        <v>200</v>
      </c>
      <c r="C19" s="6">
        <v>217</v>
      </c>
      <c r="D19" s="5">
        <v>417</v>
      </c>
    </row>
    <row r="20" spans="1:4" ht="18" customHeight="1" x14ac:dyDescent="0.15">
      <c r="A20" s="8">
        <v>13</v>
      </c>
      <c r="B20" s="21">
        <v>201</v>
      </c>
      <c r="C20" s="6">
        <v>194</v>
      </c>
      <c r="D20" s="5">
        <v>395</v>
      </c>
    </row>
    <row r="21" spans="1:4" ht="18" customHeight="1" x14ac:dyDescent="0.15">
      <c r="A21" s="8">
        <v>14</v>
      </c>
      <c r="B21" s="21">
        <v>196</v>
      </c>
      <c r="C21" s="6">
        <v>211</v>
      </c>
      <c r="D21" s="5">
        <v>407</v>
      </c>
    </row>
    <row r="22" spans="1:4" ht="18" customHeight="1" x14ac:dyDescent="0.15">
      <c r="A22" s="8" t="s">
        <v>23</v>
      </c>
      <c r="B22" s="21">
        <v>988</v>
      </c>
      <c r="C22" s="6">
        <v>946</v>
      </c>
      <c r="D22" s="5">
        <v>1934</v>
      </c>
    </row>
    <row r="23" spans="1:4" ht="18" customHeight="1" x14ac:dyDescent="0.15">
      <c r="A23" s="8" t="s">
        <v>22</v>
      </c>
      <c r="B23" s="21">
        <v>2547</v>
      </c>
      <c r="C23" s="6">
        <v>2397</v>
      </c>
      <c r="D23" s="5">
        <v>4944</v>
      </c>
    </row>
    <row r="24" spans="1:4" ht="18" customHeight="1" x14ac:dyDescent="0.15">
      <c r="A24" s="8">
        <v>15</v>
      </c>
      <c r="B24" s="21">
        <v>224</v>
      </c>
      <c r="C24" s="6">
        <v>211</v>
      </c>
      <c r="D24" s="5">
        <v>435</v>
      </c>
    </row>
    <row r="25" spans="1:4" ht="18" customHeight="1" x14ac:dyDescent="0.15">
      <c r="A25" s="8">
        <v>16</v>
      </c>
      <c r="B25" s="21">
        <v>225</v>
      </c>
      <c r="C25" s="6">
        <v>214</v>
      </c>
      <c r="D25" s="5">
        <v>439</v>
      </c>
    </row>
    <row r="26" spans="1:4" ht="18" customHeight="1" x14ac:dyDescent="0.15">
      <c r="A26" s="8">
        <v>17</v>
      </c>
      <c r="B26" s="21">
        <v>253</v>
      </c>
      <c r="C26" s="6">
        <v>213</v>
      </c>
      <c r="D26" s="5">
        <v>466</v>
      </c>
    </row>
    <row r="27" spans="1:4" ht="18" customHeight="1" x14ac:dyDescent="0.15">
      <c r="A27" s="8">
        <v>18</v>
      </c>
      <c r="B27" s="21">
        <v>214</v>
      </c>
      <c r="C27" s="6">
        <v>230</v>
      </c>
      <c r="D27" s="5">
        <v>444</v>
      </c>
    </row>
    <row r="28" spans="1:4" ht="18" customHeight="1" x14ac:dyDescent="0.15">
      <c r="A28" s="8">
        <v>19</v>
      </c>
      <c r="B28" s="21">
        <v>239</v>
      </c>
      <c r="C28" s="6">
        <v>214</v>
      </c>
      <c r="D28" s="5">
        <v>453</v>
      </c>
    </row>
    <row r="29" spans="1:4" ht="18" customHeight="1" x14ac:dyDescent="0.15">
      <c r="A29" s="8" t="s">
        <v>21</v>
      </c>
      <c r="B29" s="21">
        <v>1155</v>
      </c>
      <c r="C29" s="6">
        <v>1082</v>
      </c>
      <c r="D29" s="5">
        <v>2237</v>
      </c>
    </row>
    <row r="30" spans="1:4" ht="18" customHeight="1" x14ac:dyDescent="0.15">
      <c r="A30" s="8">
        <v>20</v>
      </c>
      <c r="B30" s="21">
        <v>214</v>
      </c>
      <c r="C30" s="6">
        <v>199</v>
      </c>
      <c r="D30" s="5">
        <v>413</v>
      </c>
    </row>
    <row r="31" spans="1:4" ht="18" customHeight="1" x14ac:dyDescent="0.15">
      <c r="A31" s="8">
        <v>21</v>
      </c>
      <c r="B31" s="21">
        <v>242</v>
      </c>
      <c r="C31" s="6">
        <v>214</v>
      </c>
      <c r="D31" s="5">
        <v>456</v>
      </c>
    </row>
    <row r="32" spans="1:4" ht="18" customHeight="1" x14ac:dyDescent="0.15">
      <c r="A32" s="8">
        <v>22</v>
      </c>
      <c r="B32" s="21">
        <v>228</v>
      </c>
      <c r="C32" s="6">
        <v>179</v>
      </c>
      <c r="D32" s="5">
        <v>407</v>
      </c>
    </row>
    <row r="33" spans="1:4" ht="18" customHeight="1" x14ac:dyDescent="0.15">
      <c r="A33" s="8">
        <v>23</v>
      </c>
      <c r="B33" s="21">
        <v>212</v>
      </c>
      <c r="C33" s="6">
        <v>206</v>
      </c>
      <c r="D33" s="5">
        <v>418</v>
      </c>
    </row>
    <row r="34" spans="1:4" ht="18" customHeight="1" x14ac:dyDescent="0.15">
      <c r="A34" s="8">
        <v>24</v>
      </c>
      <c r="B34" s="21">
        <v>210</v>
      </c>
      <c r="C34" s="6">
        <v>184</v>
      </c>
      <c r="D34" s="5">
        <v>394</v>
      </c>
    </row>
    <row r="35" spans="1:4" ht="18" customHeight="1" x14ac:dyDescent="0.15">
      <c r="A35" s="8" t="s">
        <v>20</v>
      </c>
      <c r="B35" s="21">
        <v>1106</v>
      </c>
      <c r="C35" s="6">
        <v>982</v>
      </c>
      <c r="D35" s="5">
        <v>2088</v>
      </c>
    </row>
    <row r="36" spans="1:4" ht="18" customHeight="1" x14ac:dyDescent="0.15">
      <c r="A36" s="8">
        <v>25</v>
      </c>
      <c r="B36" s="21">
        <v>268</v>
      </c>
      <c r="C36" s="6">
        <v>177</v>
      </c>
      <c r="D36" s="5">
        <v>445</v>
      </c>
    </row>
    <row r="37" spans="1:4" ht="18" customHeight="1" x14ac:dyDescent="0.15">
      <c r="A37" s="8">
        <v>26</v>
      </c>
      <c r="B37" s="21">
        <v>210</v>
      </c>
      <c r="C37" s="6">
        <v>213</v>
      </c>
      <c r="D37" s="5">
        <v>423</v>
      </c>
    </row>
    <row r="38" spans="1:4" ht="18" customHeight="1" x14ac:dyDescent="0.15">
      <c r="A38" s="8">
        <v>27</v>
      </c>
      <c r="B38" s="21">
        <v>187</v>
      </c>
      <c r="C38" s="6">
        <v>205</v>
      </c>
      <c r="D38" s="5">
        <v>392</v>
      </c>
    </row>
    <row r="39" spans="1:4" ht="18" customHeight="1" x14ac:dyDescent="0.15">
      <c r="A39" s="8">
        <v>28</v>
      </c>
      <c r="B39" s="21">
        <v>225</v>
      </c>
      <c r="C39" s="6">
        <v>177</v>
      </c>
      <c r="D39" s="5">
        <v>402</v>
      </c>
    </row>
    <row r="40" spans="1:4" ht="18" customHeight="1" x14ac:dyDescent="0.15">
      <c r="A40" s="8">
        <v>29</v>
      </c>
      <c r="B40" s="21">
        <v>224</v>
      </c>
      <c r="C40" s="6">
        <v>208</v>
      </c>
      <c r="D40" s="5">
        <v>432</v>
      </c>
    </row>
    <row r="41" spans="1:4" ht="18" customHeight="1" x14ac:dyDescent="0.15">
      <c r="A41" s="8" t="s">
        <v>19</v>
      </c>
      <c r="B41" s="21">
        <v>1114</v>
      </c>
      <c r="C41" s="6">
        <v>980</v>
      </c>
      <c r="D41" s="5">
        <v>2094</v>
      </c>
    </row>
    <row r="42" spans="1:4" ht="18" customHeight="1" x14ac:dyDescent="0.15">
      <c r="A42" s="8">
        <v>30</v>
      </c>
      <c r="B42" s="21">
        <v>236</v>
      </c>
      <c r="C42" s="6">
        <v>179</v>
      </c>
      <c r="D42" s="5">
        <v>415</v>
      </c>
    </row>
    <row r="43" spans="1:4" ht="18" customHeight="1" x14ac:dyDescent="0.15">
      <c r="A43" s="8">
        <v>31</v>
      </c>
      <c r="B43" s="21">
        <v>218</v>
      </c>
      <c r="C43" s="6">
        <v>202</v>
      </c>
      <c r="D43" s="5">
        <v>420</v>
      </c>
    </row>
    <row r="44" spans="1:4" ht="18" customHeight="1" x14ac:dyDescent="0.15">
      <c r="A44" s="8">
        <v>32</v>
      </c>
      <c r="B44" s="21">
        <v>208</v>
      </c>
      <c r="C44" s="6">
        <v>200</v>
      </c>
      <c r="D44" s="5">
        <v>408</v>
      </c>
    </row>
    <row r="45" spans="1:4" ht="18" customHeight="1" x14ac:dyDescent="0.15">
      <c r="A45" s="8">
        <v>33</v>
      </c>
      <c r="B45" s="21">
        <v>208</v>
      </c>
      <c r="C45" s="6">
        <v>178</v>
      </c>
      <c r="D45" s="5">
        <v>386</v>
      </c>
    </row>
    <row r="46" spans="1:4" ht="18" customHeight="1" x14ac:dyDescent="0.15">
      <c r="A46" s="8">
        <v>34</v>
      </c>
      <c r="B46" s="21">
        <v>225</v>
      </c>
      <c r="C46" s="6">
        <v>167</v>
      </c>
      <c r="D46" s="5">
        <v>392</v>
      </c>
    </row>
    <row r="47" spans="1:4" ht="18" customHeight="1" x14ac:dyDescent="0.15">
      <c r="A47" s="8" t="s">
        <v>18</v>
      </c>
      <c r="B47" s="21">
        <v>1095</v>
      </c>
      <c r="C47" s="6">
        <v>926</v>
      </c>
      <c r="D47" s="5">
        <v>2021</v>
      </c>
    </row>
    <row r="48" spans="1:4" ht="18" customHeight="1" x14ac:dyDescent="0.15">
      <c r="A48" s="8">
        <v>35</v>
      </c>
      <c r="B48" s="21">
        <v>234</v>
      </c>
      <c r="C48" s="6">
        <v>199</v>
      </c>
      <c r="D48" s="5">
        <v>433</v>
      </c>
    </row>
    <row r="49" spans="1:4" ht="18" customHeight="1" x14ac:dyDescent="0.15">
      <c r="A49" s="8">
        <v>36</v>
      </c>
      <c r="B49" s="21">
        <v>230</v>
      </c>
      <c r="C49" s="6">
        <v>200</v>
      </c>
      <c r="D49" s="5">
        <v>430</v>
      </c>
    </row>
    <row r="50" spans="1:4" ht="18" customHeight="1" x14ac:dyDescent="0.15">
      <c r="A50" s="8">
        <v>37</v>
      </c>
      <c r="B50" s="21">
        <v>206</v>
      </c>
      <c r="C50" s="6">
        <v>208</v>
      </c>
      <c r="D50" s="5">
        <v>414</v>
      </c>
    </row>
    <row r="51" spans="1:4" ht="18" customHeight="1" x14ac:dyDescent="0.15">
      <c r="A51" s="8">
        <v>38</v>
      </c>
      <c r="B51" s="21">
        <v>219</v>
      </c>
      <c r="C51" s="6">
        <v>216</v>
      </c>
      <c r="D51" s="5">
        <v>435</v>
      </c>
    </row>
    <row r="52" spans="1:4" ht="18" customHeight="1" x14ac:dyDescent="0.15">
      <c r="A52" s="8">
        <v>39</v>
      </c>
      <c r="B52" s="21">
        <v>239</v>
      </c>
      <c r="C52" s="6">
        <v>237</v>
      </c>
      <c r="D52" s="5">
        <v>476</v>
      </c>
    </row>
    <row r="53" spans="1:4" ht="18" customHeight="1" x14ac:dyDescent="0.15">
      <c r="A53" s="8" t="s">
        <v>17</v>
      </c>
      <c r="B53" s="21">
        <v>1128</v>
      </c>
      <c r="C53" s="6">
        <v>1060</v>
      </c>
      <c r="D53" s="5">
        <v>2188</v>
      </c>
    </row>
    <row r="54" spans="1:4" ht="18" customHeight="1" x14ac:dyDescent="0.15">
      <c r="A54" s="8">
        <v>40</v>
      </c>
      <c r="B54" s="21">
        <v>244</v>
      </c>
      <c r="C54" s="6">
        <v>238</v>
      </c>
      <c r="D54" s="5">
        <v>482</v>
      </c>
    </row>
    <row r="55" spans="1:4" ht="18" customHeight="1" x14ac:dyDescent="0.15">
      <c r="A55" s="8">
        <v>41</v>
      </c>
      <c r="B55" s="21">
        <v>250</v>
      </c>
      <c r="C55" s="6">
        <v>264</v>
      </c>
      <c r="D55" s="5">
        <v>514</v>
      </c>
    </row>
    <row r="56" spans="1:4" ht="18" customHeight="1" x14ac:dyDescent="0.15">
      <c r="A56" s="8">
        <v>42</v>
      </c>
      <c r="B56" s="21">
        <v>250</v>
      </c>
      <c r="C56" s="6">
        <v>235</v>
      </c>
      <c r="D56" s="5">
        <v>485</v>
      </c>
    </row>
    <row r="57" spans="1:4" ht="18" customHeight="1" x14ac:dyDescent="0.15">
      <c r="A57" s="8">
        <v>43</v>
      </c>
      <c r="B57" s="21">
        <v>251</v>
      </c>
      <c r="C57" s="6">
        <v>255</v>
      </c>
      <c r="D57" s="5">
        <v>506</v>
      </c>
    </row>
    <row r="58" spans="1:4" ht="18" customHeight="1" x14ac:dyDescent="0.15">
      <c r="A58" s="8">
        <v>44</v>
      </c>
      <c r="B58" s="21">
        <v>264</v>
      </c>
      <c r="C58" s="6">
        <v>255</v>
      </c>
      <c r="D58" s="5">
        <v>519</v>
      </c>
    </row>
    <row r="59" spans="1:4" ht="18" customHeight="1" x14ac:dyDescent="0.15">
      <c r="A59" s="8" t="s">
        <v>16</v>
      </c>
      <c r="B59" s="21">
        <v>1259</v>
      </c>
      <c r="C59" s="6">
        <v>1247</v>
      </c>
      <c r="D59" s="5">
        <v>2506</v>
      </c>
    </row>
    <row r="60" spans="1:4" ht="18" customHeight="1" x14ac:dyDescent="0.15">
      <c r="A60" s="8">
        <v>45</v>
      </c>
      <c r="B60" s="21">
        <v>281</v>
      </c>
      <c r="C60" s="6">
        <v>262</v>
      </c>
      <c r="D60" s="5">
        <v>543</v>
      </c>
    </row>
    <row r="61" spans="1:4" ht="18" customHeight="1" x14ac:dyDescent="0.15">
      <c r="A61" s="8">
        <v>46</v>
      </c>
      <c r="B61" s="21">
        <v>278</v>
      </c>
      <c r="C61" s="6">
        <v>280</v>
      </c>
      <c r="D61" s="5">
        <v>558</v>
      </c>
    </row>
    <row r="62" spans="1:4" ht="18" customHeight="1" x14ac:dyDescent="0.15">
      <c r="A62" s="8">
        <v>47</v>
      </c>
      <c r="B62" s="21">
        <v>338</v>
      </c>
      <c r="C62" s="6">
        <v>304</v>
      </c>
      <c r="D62" s="5">
        <v>642</v>
      </c>
    </row>
    <row r="63" spans="1:4" ht="18" customHeight="1" x14ac:dyDescent="0.15">
      <c r="A63" s="8">
        <v>48</v>
      </c>
      <c r="B63" s="21">
        <v>351</v>
      </c>
      <c r="C63" s="6">
        <v>324</v>
      </c>
      <c r="D63" s="5">
        <v>675</v>
      </c>
    </row>
    <row r="64" spans="1:4" ht="18" customHeight="1" x14ac:dyDescent="0.15">
      <c r="A64" s="8">
        <v>49</v>
      </c>
      <c r="B64" s="21">
        <v>349</v>
      </c>
      <c r="C64" s="6">
        <v>339</v>
      </c>
      <c r="D64" s="5">
        <v>688</v>
      </c>
    </row>
    <row r="65" spans="1:4" ht="18" customHeight="1" x14ac:dyDescent="0.15">
      <c r="A65" s="8" t="s">
        <v>15</v>
      </c>
      <c r="B65" s="21">
        <v>1597</v>
      </c>
      <c r="C65" s="6">
        <v>1509</v>
      </c>
      <c r="D65" s="5">
        <v>3106</v>
      </c>
    </row>
    <row r="66" spans="1:4" ht="18" customHeight="1" x14ac:dyDescent="0.15">
      <c r="A66" s="8">
        <v>50</v>
      </c>
      <c r="B66" s="21">
        <v>343</v>
      </c>
      <c r="C66" s="6">
        <v>329</v>
      </c>
      <c r="D66" s="5">
        <v>672</v>
      </c>
    </row>
    <row r="67" spans="1:4" ht="18" customHeight="1" x14ac:dyDescent="0.15">
      <c r="A67" s="8">
        <v>51</v>
      </c>
      <c r="B67" s="21">
        <v>341</v>
      </c>
      <c r="C67" s="6">
        <v>363</v>
      </c>
      <c r="D67" s="5">
        <v>704</v>
      </c>
    </row>
    <row r="68" spans="1:4" ht="18" customHeight="1" x14ac:dyDescent="0.15">
      <c r="A68" s="8">
        <v>52</v>
      </c>
      <c r="B68" s="21">
        <v>379</v>
      </c>
      <c r="C68" s="6">
        <v>363</v>
      </c>
      <c r="D68" s="5">
        <v>742</v>
      </c>
    </row>
    <row r="69" spans="1:4" ht="18" customHeight="1" x14ac:dyDescent="0.15">
      <c r="A69" s="8">
        <v>53</v>
      </c>
      <c r="B69" s="21">
        <v>353</v>
      </c>
      <c r="C69" s="6">
        <v>332</v>
      </c>
      <c r="D69" s="5">
        <v>685</v>
      </c>
    </row>
    <row r="70" spans="1:4" ht="18" customHeight="1" x14ac:dyDescent="0.15">
      <c r="A70" s="8">
        <v>54</v>
      </c>
      <c r="B70" s="21">
        <v>310</v>
      </c>
      <c r="C70" s="6">
        <v>329</v>
      </c>
      <c r="D70" s="5">
        <v>639</v>
      </c>
    </row>
    <row r="71" spans="1:4" ht="18" customHeight="1" x14ac:dyDescent="0.15">
      <c r="A71" s="8" t="s">
        <v>14</v>
      </c>
      <c r="B71" s="21">
        <v>1726</v>
      </c>
      <c r="C71" s="6">
        <v>1716</v>
      </c>
      <c r="D71" s="5">
        <v>3442</v>
      </c>
    </row>
    <row r="72" spans="1:4" ht="18" customHeight="1" x14ac:dyDescent="0.15">
      <c r="A72" s="8">
        <v>55</v>
      </c>
      <c r="B72" s="21">
        <v>308</v>
      </c>
      <c r="C72" s="6">
        <v>296</v>
      </c>
      <c r="D72" s="5">
        <v>604</v>
      </c>
    </row>
    <row r="73" spans="1:4" ht="18" customHeight="1" x14ac:dyDescent="0.15">
      <c r="A73" s="8">
        <v>56</v>
      </c>
      <c r="B73" s="21">
        <v>307</v>
      </c>
      <c r="C73" s="6">
        <v>280</v>
      </c>
      <c r="D73" s="5">
        <v>587</v>
      </c>
    </row>
    <row r="74" spans="1:4" ht="18" customHeight="1" x14ac:dyDescent="0.15">
      <c r="A74" s="8">
        <v>57</v>
      </c>
      <c r="B74" s="21">
        <v>301</v>
      </c>
      <c r="C74" s="6">
        <v>313</v>
      </c>
      <c r="D74" s="5">
        <v>614</v>
      </c>
    </row>
    <row r="75" spans="1:4" ht="18" customHeight="1" x14ac:dyDescent="0.15">
      <c r="A75" s="8">
        <v>58</v>
      </c>
      <c r="B75" s="21">
        <v>261</v>
      </c>
      <c r="C75" s="6">
        <v>278</v>
      </c>
      <c r="D75" s="5">
        <v>539</v>
      </c>
    </row>
    <row r="76" spans="1:4" ht="18" customHeight="1" x14ac:dyDescent="0.15">
      <c r="A76" s="8">
        <v>59</v>
      </c>
      <c r="B76" s="21">
        <v>205</v>
      </c>
      <c r="C76" s="6">
        <v>187</v>
      </c>
      <c r="D76" s="5">
        <v>392</v>
      </c>
    </row>
    <row r="77" spans="1:4" ht="18" customHeight="1" x14ac:dyDescent="0.15">
      <c r="A77" s="8" t="s">
        <v>13</v>
      </c>
      <c r="B77" s="21">
        <v>1382</v>
      </c>
      <c r="C77" s="6">
        <v>1354</v>
      </c>
      <c r="D77" s="5">
        <v>2736</v>
      </c>
    </row>
    <row r="78" spans="1:4" ht="18" customHeight="1" x14ac:dyDescent="0.15">
      <c r="A78" s="8">
        <v>60</v>
      </c>
      <c r="B78" s="21">
        <v>231</v>
      </c>
      <c r="C78" s="6">
        <v>294</v>
      </c>
      <c r="D78" s="5">
        <v>525</v>
      </c>
    </row>
    <row r="79" spans="1:4" ht="18" customHeight="1" x14ac:dyDescent="0.15">
      <c r="A79" s="8">
        <v>61</v>
      </c>
      <c r="B79" s="21">
        <v>253</v>
      </c>
      <c r="C79" s="6">
        <v>248</v>
      </c>
      <c r="D79" s="5">
        <v>501</v>
      </c>
    </row>
    <row r="80" spans="1:4" ht="18" customHeight="1" x14ac:dyDescent="0.15">
      <c r="A80" s="8">
        <v>62</v>
      </c>
      <c r="B80" s="21">
        <v>239</v>
      </c>
      <c r="C80" s="6">
        <v>270</v>
      </c>
      <c r="D80" s="5">
        <v>509</v>
      </c>
    </row>
    <row r="81" spans="1:4" ht="18" customHeight="1" x14ac:dyDescent="0.15">
      <c r="A81" s="8">
        <v>63</v>
      </c>
      <c r="B81" s="21">
        <v>238</v>
      </c>
      <c r="C81" s="6">
        <v>232</v>
      </c>
      <c r="D81" s="5">
        <v>470</v>
      </c>
    </row>
    <row r="82" spans="1:4" ht="18" customHeight="1" x14ac:dyDescent="0.15">
      <c r="A82" s="8">
        <v>64</v>
      </c>
      <c r="B82" s="21">
        <v>202</v>
      </c>
      <c r="C82" s="6">
        <v>243</v>
      </c>
      <c r="D82" s="5">
        <v>445</v>
      </c>
    </row>
    <row r="83" spans="1:4" ht="18" customHeight="1" x14ac:dyDescent="0.15">
      <c r="A83" s="8" t="s">
        <v>12</v>
      </c>
      <c r="B83" s="21">
        <v>1163</v>
      </c>
      <c r="C83" s="6">
        <v>1287</v>
      </c>
      <c r="D83" s="5">
        <v>2450</v>
      </c>
    </row>
    <row r="84" spans="1:4" ht="18" customHeight="1" x14ac:dyDescent="0.15">
      <c r="A84" s="8" t="s">
        <v>11</v>
      </c>
      <c r="B84" s="21">
        <v>12725</v>
      </c>
      <c r="C84" s="6">
        <v>12143</v>
      </c>
      <c r="D84" s="5">
        <v>24868</v>
      </c>
    </row>
    <row r="85" spans="1:4" ht="18" customHeight="1" x14ac:dyDescent="0.15">
      <c r="A85" s="8">
        <v>65</v>
      </c>
      <c r="B85" s="21">
        <v>220</v>
      </c>
      <c r="C85" s="6">
        <v>235</v>
      </c>
      <c r="D85" s="5">
        <v>455</v>
      </c>
    </row>
    <row r="86" spans="1:4" ht="18" customHeight="1" x14ac:dyDescent="0.15">
      <c r="A86" s="8">
        <v>66</v>
      </c>
      <c r="B86" s="21">
        <v>236</v>
      </c>
      <c r="C86" s="6">
        <v>214</v>
      </c>
      <c r="D86" s="5">
        <v>450</v>
      </c>
    </row>
    <row r="87" spans="1:4" ht="18" customHeight="1" x14ac:dyDescent="0.15">
      <c r="A87" s="8">
        <v>67</v>
      </c>
      <c r="B87" s="21">
        <v>201</v>
      </c>
      <c r="C87" s="6">
        <v>229</v>
      </c>
      <c r="D87" s="5">
        <v>430</v>
      </c>
    </row>
    <row r="88" spans="1:4" ht="18" customHeight="1" x14ac:dyDescent="0.15">
      <c r="A88" s="8">
        <v>68</v>
      </c>
      <c r="B88" s="21">
        <v>185</v>
      </c>
      <c r="C88" s="6">
        <v>228</v>
      </c>
      <c r="D88" s="5">
        <v>413</v>
      </c>
    </row>
    <row r="89" spans="1:4" ht="18" customHeight="1" x14ac:dyDescent="0.15">
      <c r="A89" s="8">
        <v>69</v>
      </c>
      <c r="B89" s="21">
        <v>222</v>
      </c>
      <c r="C89" s="6">
        <v>218</v>
      </c>
      <c r="D89" s="5">
        <v>440</v>
      </c>
    </row>
    <row r="90" spans="1:4" ht="18" customHeight="1" x14ac:dyDescent="0.15">
      <c r="A90" s="8" t="s">
        <v>10</v>
      </c>
      <c r="B90" s="21">
        <v>1064</v>
      </c>
      <c r="C90" s="6">
        <v>1124</v>
      </c>
      <c r="D90" s="5">
        <v>2188</v>
      </c>
    </row>
    <row r="91" spans="1:4" ht="18" customHeight="1" x14ac:dyDescent="0.15">
      <c r="A91" s="8">
        <v>70</v>
      </c>
      <c r="B91" s="21">
        <v>215</v>
      </c>
      <c r="C91" s="6">
        <v>258</v>
      </c>
      <c r="D91" s="5">
        <v>473</v>
      </c>
    </row>
    <row r="92" spans="1:4" ht="18" customHeight="1" x14ac:dyDescent="0.15">
      <c r="A92" s="8">
        <v>71</v>
      </c>
      <c r="B92" s="21">
        <v>219</v>
      </c>
      <c r="C92" s="6">
        <v>243</v>
      </c>
      <c r="D92" s="5">
        <v>462</v>
      </c>
    </row>
    <row r="93" spans="1:4" ht="18" customHeight="1" x14ac:dyDescent="0.15">
      <c r="A93" s="8">
        <v>72</v>
      </c>
      <c r="B93" s="21">
        <v>233</v>
      </c>
      <c r="C93" s="6">
        <v>263</v>
      </c>
      <c r="D93" s="5">
        <v>496</v>
      </c>
    </row>
    <row r="94" spans="1:4" ht="18" customHeight="1" x14ac:dyDescent="0.15">
      <c r="A94" s="8">
        <v>73</v>
      </c>
      <c r="B94" s="21">
        <v>259</v>
      </c>
      <c r="C94" s="6">
        <v>254</v>
      </c>
      <c r="D94" s="5">
        <v>513</v>
      </c>
    </row>
    <row r="95" spans="1:4" ht="18" customHeight="1" x14ac:dyDescent="0.15">
      <c r="A95" s="8">
        <v>74</v>
      </c>
      <c r="B95" s="21">
        <v>208</v>
      </c>
      <c r="C95" s="6">
        <v>270</v>
      </c>
      <c r="D95" s="5">
        <v>478</v>
      </c>
    </row>
    <row r="96" spans="1:4" ht="18" customHeight="1" x14ac:dyDescent="0.15">
      <c r="A96" s="8" t="s">
        <v>9</v>
      </c>
      <c r="B96" s="21">
        <v>1134</v>
      </c>
      <c r="C96" s="6">
        <v>1288</v>
      </c>
      <c r="D96" s="5">
        <v>2422</v>
      </c>
    </row>
    <row r="97" spans="1:4" ht="18" customHeight="1" x14ac:dyDescent="0.15">
      <c r="A97" s="8">
        <v>75</v>
      </c>
      <c r="B97" s="21">
        <v>235</v>
      </c>
      <c r="C97" s="6">
        <v>271</v>
      </c>
      <c r="D97" s="5">
        <v>506</v>
      </c>
    </row>
    <row r="98" spans="1:4" ht="18" customHeight="1" x14ac:dyDescent="0.15">
      <c r="A98" s="8">
        <v>76</v>
      </c>
      <c r="B98" s="21">
        <v>271</v>
      </c>
      <c r="C98" s="6">
        <v>291</v>
      </c>
      <c r="D98" s="5">
        <v>562</v>
      </c>
    </row>
    <row r="99" spans="1:4" ht="18" customHeight="1" x14ac:dyDescent="0.15">
      <c r="A99" s="8">
        <v>77</v>
      </c>
      <c r="B99" s="21">
        <v>291</v>
      </c>
      <c r="C99" s="6">
        <v>302</v>
      </c>
      <c r="D99" s="5">
        <v>593</v>
      </c>
    </row>
    <row r="100" spans="1:4" ht="18" customHeight="1" x14ac:dyDescent="0.15">
      <c r="A100" s="8">
        <v>78</v>
      </c>
      <c r="B100" s="21">
        <v>267</v>
      </c>
      <c r="C100" s="6">
        <v>337</v>
      </c>
      <c r="D100" s="5">
        <v>604</v>
      </c>
    </row>
    <row r="101" spans="1:4" ht="18" customHeight="1" x14ac:dyDescent="0.15">
      <c r="A101" s="8">
        <v>79</v>
      </c>
      <c r="B101" s="21">
        <v>142</v>
      </c>
      <c r="C101" s="6">
        <v>176</v>
      </c>
      <c r="D101" s="5">
        <v>318</v>
      </c>
    </row>
    <row r="102" spans="1:4" ht="18" customHeight="1" x14ac:dyDescent="0.15">
      <c r="A102" s="8" t="s">
        <v>8</v>
      </c>
      <c r="B102" s="21">
        <v>1206</v>
      </c>
      <c r="C102" s="6">
        <v>1377</v>
      </c>
      <c r="D102" s="5">
        <v>2583</v>
      </c>
    </row>
    <row r="103" spans="1:4" ht="18" customHeight="1" x14ac:dyDescent="0.15">
      <c r="A103" s="8">
        <v>80</v>
      </c>
      <c r="B103" s="21">
        <v>117</v>
      </c>
      <c r="C103" s="6">
        <v>126</v>
      </c>
      <c r="D103" s="5">
        <v>243</v>
      </c>
    </row>
    <row r="104" spans="1:4" ht="18" customHeight="1" x14ac:dyDescent="0.15">
      <c r="A104" s="8">
        <v>81</v>
      </c>
      <c r="B104" s="21">
        <v>151</v>
      </c>
      <c r="C104" s="6">
        <v>204</v>
      </c>
      <c r="D104" s="5">
        <v>355</v>
      </c>
    </row>
    <row r="105" spans="1:4" ht="18" customHeight="1" x14ac:dyDescent="0.15">
      <c r="A105" s="8">
        <v>82</v>
      </c>
      <c r="B105" s="21">
        <v>129</v>
      </c>
      <c r="C105" s="6">
        <v>188</v>
      </c>
      <c r="D105" s="5">
        <v>317</v>
      </c>
    </row>
    <row r="106" spans="1:4" ht="18" customHeight="1" x14ac:dyDescent="0.15">
      <c r="A106" s="8">
        <v>83</v>
      </c>
      <c r="B106" s="21">
        <v>139</v>
      </c>
      <c r="C106" s="6">
        <v>185</v>
      </c>
      <c r="D106" s="5">
        <v>324</v>
      </c>
    </row>
    <row r="107" spans="1:4" ht="18" customHeight="1" x14ac:dyDescent="0.15">
      <c r="A107" s="8">
        <v>84</v>
      </c>
      <c r="B107" s="21">
        <v>119</v>
      </c>
      <c r="C107" s="6">
        <v>180</v>
      </c>
      <c r="D107" s="5">
        <v>299</v>
      </c>
    </row>
    <row r="108" spans="1:4" ht="18" customHeight="1" x14ac:dyDescent="0.15">
      <c r="A108" s="8" t="s">
        <v>7</v>
      </c>
      <c r="B108" s="21">
        <v>655</v>
      </c>
      <c r="C108" s="6">
        <v>883</v>
      </c>
      <c r="D108" s="5">
        <v>1538</v>
      </c>
    </row>
    <row r="109" spans="1:4" ht="18" customHeight="1" x14ac:dyDescent="0.15">
      <c r="A109" s="8">
        <v>85</v>
      </c>
      <c r="B109" s="21">
        <v>95</v>
      </c>
      <c r="C109" s="6">
        <v>152</v>
      </c>
      <c r="D109" s="5">
        <v>247</v>
      </c>
    </row>
    <row r="110" spans="1:4" ht="18" customHeight="1" x14ac:dyDescent="0.15">
      <c r="A110" s="8">
        <v>86</v>
      </c>
      <c r="B110" s="21">
        <v>88</v>
      </c>
      <c r="C110" s="6">
        <v>135</v>
      </c>
      <c r="D110" s="5">
        <v>223</v>
      </c>
    </row>
    <row r="111" spans="1:4" ht="18" customHeight="1" x14ac:dyDescent="0.15">
      <c r="A111" s="8">
        <v>87</v>
      </c>
      <c r="B111" s="21">
        <v>73</v>
      </c>
      <c r="C111" s="6">
        <v>104</v>
      </c>
      <c r="D111" s="5">
        <v>177</v>
      </c>
    </row>
    <row r="112" spans="1:4" ht="18" customHeight="1" x14ac:dyDescent="0.15">
      <c r="A112" s="8">
        <v>88</v>
      </c>
      <c r="B112" s="21">
        <v>64</v>
      </c>
      <c r="C112" s="6">
        <v>115</v>
      </c>
      <c r="D112" s="5">
        <v>179</v>
      </c>
    </row>
    <row r="113" spans="1:4" ht="18" customHeight="1" x14ac:dyDescent="0.15">
      <c r="A113" s="8">
        <v>89</v>
      </c>
      <c r="B113" s="21">
        <v>68</v>
      </c>
      <c r="C113" s="6">
        <v>110</v>
      </c>
      <c r="D113" s="5">
        <v>178</v>
      </c>
    </row>
    <row r="114" spans="1:4" ht="18" customHeight="1" x14ac:dyDescent="0.15">
      <c r="A114" s="8" t="s">
        <v>6</v>
      </c>
      <c r="B114" s="21">
        <v>388</v>
      </c>
      <c r="C114" s="6">
        <v>616</v>
      </c>
      <c r="D114" s="5">
        <v>1004</v>
      </c>
    </row>
    <row r="115" spans="1:4" ht="18" customHeight="1" x14ac:dyDescent="0.15">
      <c r="A115" s="8">
        <v>90</v>
      </c>
      <c r="B115" s="21">
        <v>55</v>
      </c>
      <c r="C115" s="6">
        <v>111</v>
      </c>
      <c r="D115" s="5">
        <v>166</v>
      </c>
    </row>
    <row r="116" spans="1:4" ht="18" customHeight="1" x14ac:dyDescent="0.15">
      <c r="A116" s="8">
        <v>91</v>
      </c>
      <c r="B116" s="21">
        <v>31</v>
      </c>
      <c r="C116" s="6">
        <v>93</v>
      </c>
      <c r="D116" s="5">
        <v>124</v>
      </c>
    </row>
    <row r="117" spans="1:4" ht="18" customHeight="1" x14ac:dyDescent="0.15">
      <c r="A117" s="8">
        <v>92</v>
      </c>
      <c r="B117" s="21">
        <v>28</v>
      </c>
      <c r="C117" s="6">
        <v>121</v>
      </c>
      <c r="D117" s="5">
        <v>149</v>
      </c>
    </row>
    <row r="118" spans="1:4" ht="18" customHeight="1" x14ac:dyDescent="0.15">
      <c r="A118" s="8">
        <v>93</v>
      </c>
      <c r="B118" s="21">
        <v>12</v>
      </c>
      <c r="C118" s="6">
        <v>96</v>
      </c>
      <c r="D118" s="5">
        <v>108</v>
      </c>
    </row>
    <row r="119" spans="1:4" ht="18" customHeight="1" x14ac:dyDescent="0.15">
      <c r="A119" s="8">
        <v>94</v>
      </c>
      <c r="B119" s="21">
        <v>23</v>
      </c>
      <c r="C119" s="6">
        <v>62</v>
      </c>
      <c r="D119" s="5">
        <v>85</v>
      </c>
    </row>
    <row r="120" spans="1:4" ht="18" customHeight="1" x14ac:dyDescent="0.15">
      <c r="A120" s="8" t="s">
        <v>5</v>
      </c>
      <c r="B120" s="21">
        <v>149</v>
      </c>
      <c r="C120" s="6">
        <v>483</v>
      </c>
      <c r="D120" s="5">
        <v>632</v>
      </c>
    </row>
    <row r="121" spans="1:4" ht="18" customHeight="1" x14ac:dyDescent="0.15">
      <c r="A121" s="8">
        <v>95</v>
      </c>
      <c r="B121" s="21">
        <v>16</v>
      </c>
      <c r="C121" s="6">
        <v>58</v>
      </c>
      <c r="D121" s="5">
        <v>74</v>
      </c>
    </row>
    <row r="122" spans="1:4" ht="18" customHeight="1" x14ac:dyDescent="0.15">
      <c r="A122" s="8">
        <v>96</v>
      </c>
      <c r="B122" s="21">
        <v>11</v>
      </c>
      <c r="C122" s="6">
        <v>36</v>
      </c>
      <c r="D122" s="5">
        <v>47</v>
      </c>
    </row>
    <row r="123" spans="1:4" ht="18" customHeight="1" x14ac:dyDescent="0.15">
      <c r="A123" s="8">
        <v>97</v>
      </c>
      <c r="B123" s="21">
        <v>9</v>
      </c>
      <c r="C123" s="6">
        <v>26</v>
      </c>
      <c r="D123" s="5">
        <v>35</v>
      </c>
    </row>
    <row r="124" spans="1:4" ht="18" customHeight="1" x14ac:dyDescent="0.15">
      <c r="A124" s="8">
        <v>98</v>
      </c>
      <c r="B124" s="21">
        <v>7</v>
      </c>
      <c r="C124" s="6">
        <v>20</v>
      </c>
      <c r="D124" s="5">
        <v>27</v>
      </c>
    </row>
    <row r="125" spans="1:4" ht="18" customHeight="1" x14ac:dyDescent="0.15">
      <c r="A125" s="8">
        <v>99</v>
      </c>
      <c r="B125" s="21">
        <v>5</v>
      </c>
      <c r="C125" s="6">
        <v>14</v>
      </c>
      <c r="D125" s="5">
        <v>19</v>
      </c>
    </row>
    <row r="126" spans="1:4" ht="18" customHeight="1" x14ac:dyDescent="0.15">
      <c r="A126" s="8" t="s">
        <v>4</v>
      </c>
      <c r="B126" s="21">
        <v>48</v>
      </c>
      <c r="C126" s="6">
        <v>154</v>
      </c>
      <c r="D126" s="5">
        <v>202</v>
      </c>
    </row>
    <row r="127" spans="1:4" ht="18" customHeight="1" x14ac:dyDescent="0.15">
      <c r="A127" s="8">
        <v>100</v>
      </c>
      <c r="B127" s="21">
        <v>3</v>
      </c>
      <c r="C127" s="6">
        <v>9</v>
      </c>
      <c r="D127" s="5">
        <v>12</v>
      </c>
    </row>
    <row r="128" spans="1:4" ht="18" customHeight="1" x14ac:dyDescent="0.15">
      <c r="A128" s="9" t="s">
        <v>3</v>
      </c>
      <c r="B128" s="21">
        <v>1</v>
      </c>
      <c r="C128" s="6">
        <v>17</v>
      </c>
      <c r="D128" s="5">
        <v>18</v>
      </c>
    </row>
    <row r="129" spans="1:4" ht="18" customHeight="1" x14ac:dyDescent="0.15">
      <c r="A129" s="8" t="s">
        <v>2</v>
      </c>
      <c r="B129" s="21">
        <v>4</v>
      </c>
      <c r="C129" s="6">
        <v>26</v>
      </c>
      <c r="D129" s="5">
        <v>30</v>
      </c>
    </row>
    <row r="130" spans="1:4" ht="18" customHeight="1" x14ac:dyDescent="0.15">
      <c r="A130" s="8" t="s">
        <v>1</v>
      </c>
      <c r="B130" s="21">
        <v>4648</v>
      </c>
      <c r="C130" s="6">
        <v>5951</v>
      </c>
      <c r="D130" s="5">
        <v>10599</v>
      </c>
    </row>
    <row r="131" spans="1:4" ht="18" customHeight="1" x14ac:dyDescent="0.15">
      <c r="A131" s="4" t="s">
        <v>0</v>
      </c>
      <c r="B131" s="20">
        <v>19920</v>
      </c>
      <c r="C131" s="2">
        <v>20491</v>
      </c>
      <c r="D131" s="1">
        <v>4041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F0C9FE-9CD0-4E32-B1C4-0D8221D41E2F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0</v>
      </c>
      <c r="C23" s="6">
        <v>0</v>
      </c>
      <c r="D23" s="5">
        <v>0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2</v>
      </c>
      <c r="C84" s="6">
        <v>3</v>
      </c>
      <c r="D84" s="5">
        <v>5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1</v>
      </c>
      <c r="C130" s="6">
        <v>3</v>
      </c>
      <c r="D130" s="5">
        <v>4</v>
      </c>
    </row>
    <row r="131" spans="1:4" ht="18" customHeight="1" x14ac:dyDescent="0.15">
      <c r="A131" s="4" t="s">
        <v>0</v>
      </c>
      <c r="B131" s="20">
        <v>3</v>
      </c>
      <c r="C131" s="2">
        <v>6</v>
      </c>
      <c r="D131" s="1">
        <v>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84F274-7841-4020-9D20-37E7A950896F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1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2</v>
      </c>
      <c r="D10" s="5">
        <v>5</v>
      </c>
    </row>
    <row r="11" spans="1:4" ht="18" customHeight="1" x14ac:dyDescent="0.15">
      <c r="A11" s="8">
        <v>5</v>
      </c>
      <c r="B11" s="26">
        <v>2</v>
      </c>
      <c r="C11" s="6">
        <v>2</v>
      </c>
      <c r="D11" s="5">
        <v>4</v>
      </c>
    </row>
    <row r="12" spans="1:4" ht="18" customHeight="1" x14ac:dyDescent="0.15">
      <c r="A12" s="8">
        <v>6</v>
      </c>
      <c r="B12" s="26">
        <v>0</v>
      </c>
      <c r="C12" s="6">
        <v>2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3</v>
      </c>
      <c r="D13" s="5">
        <v>4</v>
      </c>
    </row>
    <row r="14" spans="1:4" ht="18" customHeight="1" x14ac:dyDescent="0.15">
      <c r="A14" s="8">
        <v>8</v>
      </c>
      <c r="B14" s="26">
        <v>6</v>
      </c>
      <c r="C14" s="6">
        <v>1</v>
      </c>
      <c r="D14" s="5">
        <v>7</v>
      </c>
    </row>
    <row r="15" spans="1:4" ht="18" customHeight="1" x14ac:dyDescent="0.15">
      <c r="A15" s="8">
        <v>9</v>
      </c>
      <c r="B15" s="26">
        <v>3</v>
      </c>
      <c r="C15" s="6">
        <v>1</v>
      </c>
      <c r="D15" s="5">
        <v>4</v>
      </c>
    </row>
    <row r="16" spans="1:4" ht="18" customHeight="1" x14ac:dyDescent="0.15">
      <c r="A16" s="8" t="s">
        <v>24</v>
      </c>
      <c r="B16" s="21">
        <v>12</v>
      </c>
      <c r="C16" s="6">
        <v>9</v>
      </c>
      <c r="D16" s="5">
        <v>21</v>
      </c>
    </row>
    <row r="17" spans="1:4" ht="18" customHeight="1" x14ac:dyDescent="0.15">
      <c r="A17" s="8">
        <v>10</v>
      </c>
      <c r="B17" s="21">
        <v>3</v>
      </c>
      <c r="C17" s="6">
        <v>5</v>
      </c>
      <c r="D17" s="5">
        <v>8</v>
      </c>
    </row>
    <row r="18" spans="1:4" ht="18" customHeight="1" x14ac:dyDescent="0.15">
      <c r="A18" s="8">
        <v>11</v>
      </c>
      <c r="B18" s="21">
        <v>5</v>
      </c>
      <c r="C18" s="6">
        <v>1</v>
      </c>
      <c r="D18" s="5">
        <v>6</v>
      </c>
    </row>
    <row r="19" spans="1:4" ht="18" customHeight="1" x14ac:dyDescent="0.15">
      <c r="A19" s="8">
        <v>12</v>
      </c>
      <c r="B19" s="21">
        <v>1</v>
      </c>
      <c r="C19" s="6">
        <v>1</v>
      </c>
      <c r="D19" s="5">
        <v>2</v>
      </c>
    </row>
    <row r="20" spans="1:4" ht="18" customHeight="1" x14ac:dyDescent="0.15">
      <c r="A20" s="8">
        <v>13</v>
      </c>
      <c r="B20" s="21">
        <v>3</v>
      </c>
      <c r="C20" s="6">
        <v>4</v>
      </c>
      <c r="D20" s="5">
        <v>7</v>
      </c>
    </row>
    <row r="21" spans="1:4" ht="18" customHeight="1" x14ac:dyDescent="0.15">
      <c r="A21" s="8">
        <v>14</v>
      </c>
      <c r="B21" s="21">
        <v>5</v>
      </c>
      <c r="C21" s="6">
        <v>1</v>
      </c>
      <c r="D21" s="5">
        <v>6</v>
      </c>
    </row>
    <row r="22" spans="1:4" ht="18" customHeight="1" x14ac:dyDescent="0.15">
      <c r="A22" s="8" t="s">
        <v>23</v>
      </c>
      <c r="B22" s="21">
        <v>17</v>
      </c>
      <c r="C22" s="6">
        <v>12</v>
      </c>
      <c r="D22" s="5">
        <v>29</v>
      </c>
    </row>
    <row r="23" spans="1:4" ht="18" customHeight="1" x14ac:dyDescent="0.15">
      <c r="A23" s="8" t="s">
        <v>22</v>
      </c>
      <c r="B23" s="21">
        <v>32</v>
      </c>
      <c r="C23" s="6">
        <v>23</v>
      </c>
      <c r="D23" s="5">
        <v>55</v>
      </c>
    </row>
    <row r="24" spans="1:4" ht="18" customHeight="1" x14ac:dyDescent="0.15">
      <c r="A24" s="8">
        <v>15</v>
      </c>
      <c r="B24" s="21">
        <v>5</v>
      </c>
      <c r="C24" s="6">
        <v>2</v>
      </c>
      <c r="D24" s="5">
        <v>7</v>
      </c>
    </row>
    <row r="25" spans="1:4" ht="18" customHeight="1" x14ac:dyDescent="0.15">
      <c r="A25" s="8">
        <v>16</v>
      </c>
      <c r="B25" s="21">
        <v>4</v>
      </c>
      <c r="C25" s="6">
        <v>3</v>
      </c>
      <c r="D25" s="5">
        <v>7</v>
      </c>
    </row>
    <row r="26" spans="1:4" ht="18" customHeight="1" x14ac:dyDescent="0.15">
      <c r="A26" s="8">
        <v>17</v>
      </c>
      <c r="B26" s="21">
        <v>2</v>
      </c>
      <c r="C26" s="6">
        <v>4</v>
      </c>
      <c r="D26" s="5">
        <v>6</v>
      </c>
    </row>
    <row r="27" spans="1:4" ht="18" customHeight="1" x14ac:dyDescent="0.15">
      <c r="A27" s="8">
        <v>18</v>
      </c>
      <c r="B27" s="21">
        <v>3</v>
      </c>
      <c r="C27" s="6">
        <v>0</v>
      </c>
      <c r="D27" s="5">
        <v>3</v>
      </c>
    </row>
    <row r="28" spans="1:4" ht="18" customHeight="1" x14ac:dyDescent="0.15">
      <c r="A28" s="8">
        <v>19</v>
      </c>
      <c r="B28" s="21">
        <v>5</v>
      </c>
      <c r="C28" s="6">
        <v>5</v>
      </c>
      <c r="D28" s="5">
        <v>10</v>
      </c>
    </row>
    <row r="29" spans="1:4" ht="18" customHeight="1" x14ac:dyDescent="0.15">
      <c r="A29" s="8" t="s">
        <v>21</v>
      </c>
      <c r="B29" s="21">
        <v>19</v>
      </c>
      <c r="C29" s="6">
        <v>14</v>
      </c>
      <c r="D29" s="5">
        <v>33</v>
      </c>
    </row>
    <row r="30" spans="1:4" ht="18" customHeight="1" x14ac:dyDescent="0.15">
      <c r="A30" s="8">
        <v>20</v>
      </c>
      <c r="B30" s="21">
        <v>6</v>
      </c>
      <c r="C30" s="6">
        <v>5</v>
      </c>
      <c r="D30" s="5">
        <v>11</v>
      </c>
    </row>
    <row r="31" spans="1:4" ht="18" customHeight="1" x14ac:dyDescent="0.15">
      <c r="A31" s="8">
        <v>21</v>
      </c>
      <c r="B31" s="21">
        <v>3</v>
      </c>
      <c r="C31" s="6">
        <v>2</v>
      </c>
      <c r="D31" s="5">
        <v>5</v>
      </c>
    </row>
    <row r="32" spans="1:4" ht="18" customHeight="1" x14ac:dyDescent="0.15">
      <c r="A32" s="8">
        <v>22</v>
      </c>
      <c r="B32" s="21">
        <v>6</v>
      </c>
      <c r="C32" s="6">
        <v>2</v>
      </c>
      <c r="D32" s="5">
        <v>8</v>
      </c>
    </row>
    <row r="33" spans="1:4" ht="18" customHeight="1" x14ac:dyDescent="0.15">
      <c r="A33" s="8">
        <v>23</v>
      </c>
      <c r="B33" s="21">
        <v>3</v>
      </c>
      <c r="C33" s="6">
        <v>4</v>
      </c>
      <c r="D33" s="5">
        <v>7</v>
      </c>
    </row>
    <row r="34" spans="1:4" ht="18" customHeight="1" x14ac:dyDescent="0.15">
      <c r="A34" s="8">
        <v>24</v>
      </c>
      <c r="B34" s="21">
        <v>4</v>
      </c>
      <c r="C34" s="6">
        <v>3</v>
      </c>
      <c r="D34" s="5">
        <v>7</v>
      </c>
    </row>
    <row r="35" spans="1:4" ht="18" customHeight="1" x14ac:dyDescent="0.15">
      <c r="A35" s="8" t="s">
        <v>20</v>
      </c>
      <c r="B35" s="21">
        <v>22</v>
      </c>
      <c r="C35" s="6">
        <v>16</v>
      </c>
      <c r="D35" s="5">
        <v>38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2</v>
      </c>
      <c r="C38" s="6">
        <v>2</v>
      </c>
      <c r="D38" s="5">
        <v>4</v>
      </c>
    </row>
    <row r="39" spans="1:4" ht="18" customHeight="1" x14ac:dyDescent="0.15">
      <c r="A39" s="8">
        <v>28</v>
      </c>
      <c r="B39" s="21">
        <v>5</v>
      </c>
      <c r="C39" s="6">
        <v>1</v>
      </c>
      <c r="D39" s="5">
        <v>6</v>
      </c>
    </row>
    <row r="40" spans="1:4" ht="18" customHeight="1" x14ac:dyDescent="0.15">
      <c r="A40" s="8">
        <v>29</v>
      </c>
      <c r="B40" s="21">
        <v>4</v>
      </c>
      <c r="C40" s="6">
        <v>1</v>
      </c>
      <c r="D40" s="5">
        <v>5</v>
      </c>
    </row>
    <row r="41" spans="1:4" ht="18" customHeight="1" x14ac:dyDescent="0.15">
      <c r="A41" s="8" t="s">
        <v>19</v>
      </c>
      <c r="B41" s="21">
        <v>13</v>
      </c>
      <c r="C41" s="6">
        <v>6</v>
      </c>
      <c r="D41" s="5">
        <v>19</v>
      </c>
    </row>
    <row r="42" spans="1:4" ht="18" customHeight="1" x14ac:dyDescent="0.15">
      <c r="A42" s="8">
        <v>30</v>
      </c>
      <c r="B42" s="21">
        <v>3</v>
      </c>
      <c r="C42" s="6">
        <v>0</v>
      </c>
      <c r="D42" s="5">
        <v>3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2</v>
      </c>
      <c r="C44" s="6">
        <v>2</v>
      </c>
      <c r="D44" s="5">
        <v>4</v>
      </c>
    </row>
    <row r="45" spans="1:4" ht="18" customHeight="1" x14ac:dyDescent="0.15">
      <c r="A45" s="8">
        <v>33</v>
      </c>
      <c r="B45" s="21">
        <v>1</v>
      </c>
      <c r="C45" s="6">
        <v>1</v>
      </c>
      <c r="D45" s="5">
        <v>2</v>
      </c>
    </row>
    <row r="46" spans="1:4" ht="18" customHeight="1" x14ac:dyDescent="0.15">
      <c r="A46" s="8">
        <v>34</v>
      </c>
      <c r="B46" s="21">
        <v>1</v>
      </c>
      <c r="C46" s="6">
        <v>3</v>
      </c>
      <c r="D46" s="5">
        <v>4</v>
      </c>
    </row>
    <row r="47" spans="1:4" ht="18" customHeight="1" x14ac:dyDescent="0.15">
      <c r="A47" s="8" t="s">
        <v>18</v>
      </c>
      <c r="B47" s="21">
        <v>8</v>
      </c>
      <c r="C47" s="6">
        <v>6</v>
      </c>
      <c r="D47" s="5">
        <v>14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2</v>
      </c>
      <c r="C49" s="6">
        <v>4</v>
      </c>
      <c r="D49" s="5">
        <v>6</v>
      </c>
    </row>
    <row r="50" spans="1:4" ht="18" customHeight="1" x14ac:dyDescent="0.15">
      <c r="A50" s="8">
        <v>37</v>
      </c>
      <c r="B50" s="21">
        <v>3</v>
      </c>
      <c r="C50" s="6">
        <v>5</v>
      </c>
      <c r="D50" s="5">
        <v>8</v>
      </c>
    </row>
    <row r="51" spans="1:4" ht="18" customHeight="1" x14ac:dyDescent="0.15">
      <c r="A51" s="8">
        <v>38</v>
      </c>
      <c r="B51" s="21">
        <v>5</v>
      </c>
      <c r="C51" s="6">
        <v>3</v>
      </c>
      <c r="D51" s="5">
        <v>8</v>
      </c>
    </row>
    <row r="52" spans="1:4" ht="18" customHeight="1" x14ac:dyDescent="0.15">
      <c r="A52" s="8">
        <v>39</v>
      </c>
      <c r="B52" s="21">
        <v>1</v>
      </c>
      <c r="C52" s="6">
        <v>5</v>
      </c>
      <c r="D52" s="5">
        <v>6</v>
      </c>
    </row>
    <row r="53" spans="1:4" ht="18" customHeight="1" x14ac:dyDescent="0.15">
      <c r="A53" s="8" t="s">
        <v>17</v>
      </c>
      <c r="B53" s="21">
        <v>14</v>
      </c>
      <c r="C53" s="6">
        <v>18</v>
      </c>
      <c r="D53" s="5">
        <v>32</v>
      </c>
    </row>
    <row r="54" spans="1:4" ht="18" customHeight="1" x14ac:dyDescent="0.15">
      <c r="A54" s="8">
        <v>40</v>
      </c>
      <c r="B54" s="21">
        <v>7</v>
      </c>
      <c r="C54" s="6">
        <v>5</v>
      </c>
      <c r="D54" s="5">
        <v>12</v>
      </c>
    </row>
    <row r="55" spans="1:4" ht="18" customHeight="1" x14ac:dyDescent="0.15">
      <c r="A55" s="8">
        <v>41</v>
      </c>
      <c r="B55" s="21">
        <v>2</v>
      </c>
      <c r="C55" s="6">
        <v>2</v>
      </c>
      <c r="D55" s="5">
        <v>4</v>
      </c>
    </row>
    <row r="56" spans="1:4" ht="18" customHeight="1" x14ac:dyDescent="0.15">
      <c r="A56" s="8">
        <v>42</v>
      </c>
      <c r="B56" s="21">
        <v>2</v>
      </c>
      <c r="C56" s="6">
        <v>4</v>
      </c>
      <c r="D56" s="5">
        <v>6</v>
      </c>
    </row>
    <row r="57" spans="1:4" ht="18" customHeight="1" x14ac:dyDescent="0.15">
      <c r="A57" s="8">
        <v>43</v>
      </c>
      <c r="B57" s="21">
        <v>7</v>
      </c>
      <c r="C57" s="6">
        <v>2</v>
      </c>
      <c r="D57" s="5">
        <v>9</v>
      </c>
    </row>
    <row r="58" spans="1:4" ht="18" customHeight="1" x14ac:dyDescent="0.15">
      <c r="A58" s="8">
        <v>44</v>
      </c>
      <c r="B58" s="21">
        <v>6</v>
      </c>
      <c r="C58" s="6">
        <v>7</v>
      </c>
      <c r="D58" s="5">
        <v>13</v>
      </c>
    </row>
    <row r="59" spans="1:4" ht="18" customHeight="1" x14ac:dyDescent="0.15">
      <c r="A59" s="8" t="s">
        <v>16</v>
      </c>
      <c r="B59" s="21">
        <v>24</v>
      </c>
      <c r="C59" s="6">
        <v>20</v>
      </c>
      <c r="D59" s="5">
        <v>44</v>
      </c>
    </row>
    <row r="60" spans="1:4" ht="18" customHeight="1" x14ac:dyDescent="0.15">
      <c r="A60" s="8">
        <v>45</v>
      </c>
      <c r="B60" s="21">
        <v>4</v>
      </c>
      <c r="C60" s="6">
        <v>6</v>
      </c>
      <c r="D60" s="5">
        <v>10</v>
      </c>
    </row>
    <row r="61" spans="1:4" ht="18" customHeight="1" x14ac:dyDescent="0.15">
      <c r="A61" s="8">
        <v>46</v>
      </c>
      <c r="B61" s="21">
        <v>3</v>
      </c>
      <c r="C61" s="6">
        <v>2</v>
      </c>
      <c r="D61" s="5">
        <v>5</v>
      </c>
    </row>
    <row r="62" spans="1:4" ht="18" customHeight="1" x14ac:dyDescent="0.15">
      <c r="A62" s="8">
        <v>47</v>
      </c>
      <c r="B62" s="21">
        <v>4</v>
      </c>
      <c r="C62" s="6">
        <v>4</v>
      </c>
      <c r="D62" s="5">
        <v>8</v>
      </c>
    </row>
    <row r="63" spans="1:4" ht="18" customHeight="1" x14ac:dyDescent="0.15">
      <c r="A63" s="8">
        <v>48</v>
      </c>
      <c r="B63" s="21">
        <v>2</v>
      </c>
      <c r="C63" s="6">
        <v>2</v>
      </c>
      <c r="D63" s="5">
        <v>4</v>
      </c>
    </row>
    <row r="64" spans="1:4" ht="18" customHeight="1" x14ac:dyDescent="0.15">
      <c r="A64" s="8">
        <v>49</v>
      </c>
      <c r="B64" s="21">
        <v>4</v>
      </c>
      <c r="C64" s="6">
        <v>5</v>
      </c>
      <c r="D64" s="5">
        <v>9</v>
      </c>
    </row>
    <row r="65" spans="1:4" ht="18" customHeight="1" x14ac:dyDescent="0.15">
      <c r="A65" s="8" t="s">
        <v>15</v>
      </c>
      <c r="B65" s="21">
        <v>17</v>
      </c>
      <c r="C65" s="6">
        <v>19</v>
      </c>
      <c r="D65" s="5">
        <v>36</v>
      </c>
    </row>
    <row r="66" spans="1:4" ht="18" customHeight="1" x14ac:dyDescent="0.15">
      <c r="A66" s="8">
        <v>50</v>
      </c>
      <c r="B66" s="21">
        <v>3</v>
      </c>
      <c r="C66" s="6">
        <v>5</v>
      </c>
      <c r="D66" s="5">
        <v>8</v>
      </c>
    </row>
    <row r="67" spans="1:4" ht="18" customHeight="1" x14ac:dyDescent="0.15">
      <c r="A67" s="8">
        <v>51</v>
      </c>
      <c r="B67" s="21">
        <v>8</v>
      </c>
      <c r="C67" s="6">
        <v>6</v>
      </c>
      <c r="D67" s="5">
        <v>14</v>
      </c>
    </row>
    <row r="68" spans="1:4" ht="18" customHeight="1" x14ac:dyDescent="0.15">
      <c r="A68" s="8">
        <v>52</v>
      </c>
      <c r="B68" s="21">
        <v>8</v>
      </c>
      <c r="C68" s="6">
        <v>6</v>
      </c>
      <c r="D68" s="5">
        <v>14</v>
      </c>
    </row>
    <row r="69" spans="1:4" ht="18" customHeight="1" x14ac:dyDescent="0.15">
      <c r="A69" s="8">
        <v>53</v>
      </c>
      <c r="B69" s="21">
        <v>5</v>
      </c>
      <c r="C69" s="6">
        <v>5</v>
      </c>
      <c r="D69" s="5">
        <v>10</v>
      </c>
    </row>
    <row r="70" spans="1:4" ht="18" customHeight="1" x14ac:dyDescent="0.15">
      <c r="A70" s="8">
        <v>54</v>
      </c>
      <c r="B70" s="21">
        <v>3</v>
      </c>
      <c r="C70" s="6">
        <v>4</v>
      </c>
      <c r="D70" s="5">
        <v>7</v>
      </c>
    </row>
    <row r="71" spans="1:4" ht="18" customHeight="1" x14ac:dyDescent="0.15">
      <c r="A71" s="8" t="s">
        <v>14</v>
      </c>
      <c r="B71" s="21">
        <v>27</v>
      </c>
      <c r="C71" s="6">
        <v>26</v>
      </c>
      <c r="D71" s="5">
        <v>53</v>
      </c>
    </row>
    <row r="72" spans="1:4" ht="18" customHeight="1" x14ac:dyDescent="0.15">
      <c r="A72" s="8">
        <v>55</v>
      </c>
      <c r="B72" s="21">
        <v>4</v>
      </c>
      <c r="C72" s="6">
        <v>5</v>
      </c>
      <c r="D72" s="5">
        <v>9</v>
      </c>
    </row>
    <row r="73" spans="1:4" ht="18" customHeight="1" x14ac:dyDescent="0.15">
      <c r="A73" s="8">
        <v>56</v>
      </c>
      <c r="B73" s="21">
        <v>5</v>
      </c>
      <c r="C73" s="6">
        <v>6</v>
      </c>
      <c r="D73" s="5">
        <v>11</v>
      </c>
    </row>
    <row r="74" spans="1:4" ht="18" customHeight="1" x14ac:dyDescent="0.15">
      <c r="A74" s="8">
        <v>57</v>
      </c>
      <c r="B74" s="21">
        <v>1</v>
      </c>
      <c r="C74" s="6">
        <v>5</v>
      </c>
      <c r="D74" s="5">
        <v>6</v>
      </c>
    </row>
    <row r="75" spans="1:4" ht="18" customHeight="1" x14ac:dyDescent="0.15">
      <c r="A75" s="8">
        <v>58</v>
      </c>
      <c r="B75" s="21">
        <v>2</v>
      </c>
      <c r="C75" s="6">
        <v>10</v>
      </c>
      <c r="D75" s="5">
        <v>12</v>
      </c>
    </row>
    <row r="76" spans="1:4" ht="18" customHeight="1" x14ac:dyDescent="0.15">
      <c r="A76" s="8">
        <v>59</v>
      </c>
      <c r="B76" s="21">
        <v>6</v>
      </c>
      <c r="C76" s="6">
        <v>4</v>
      </c>
      <c r="D76" s="5">
        <v>10</v>
      </c>
    </row>
    <row r="77" spans="1:4" ht="18" customHeight="1" x14ac:dyDescent="0.15">
      <c r="A77" s="8" t="s">
        <v>13</v>
      </c>
      <c r="B77" s="21">
        <v>18</v>
      </c>
      <c r="C77" s="6">
        <v>30</v>
      </c>
      <c r="D77" s="5">
        <v>48</v>
      </c>
    </row>
    <row r="78" spans="1:4" ht="18" customHeight="1" x14ac:dyDescent="0.15">
      <c r="A78" s="8">
        <v>60</v>
      </c>
      <c r="B78" s="21">
        <v>4</v>
      </c>
      <c r="C78" s="6">
        <v>4</v>
      </c>
      <c r="D78" s="5">
        <v>8</v>
      </c>
    </row>
    <row r="79" spans="1:4" ht="18" customHeight="1" x14ac:dyDescent="0.15">
      <c r="A79" s="8">
        <v>61</v>
      </c>
      <c r="B79" s="21">
        <v>7</v>
      </c>
      <c r="C79" s="6">
        <v>5</v>
      </c>
      <c r="D79" s="5">
        <v>12</v>
      </c>
    </row>
    <row r="80" spans="1:4" ht="18" customHeight="1" x14ac:dyDescent="0.15">
      <c r="A80" s="8">
        <v>62</v>
      </c>
      <c r="B80" s="21">
        <v>8</v>
      </c>
      <c r="C80" s="6">
        <v>7</v>
      </c>
      <c r="D80" s="5">
        <v>15</v>
      </c>
    </row>
    <row r="81" spans="1:4" ht="18" customHeight="1" x14ac:dyDescent="0.15">
      <c r="A81" s="8">
        <v>63</v>
      </c>
      <c r="B81" s="21">
        <v>1</v>
      </c>
      <c r="C81" s="6">
        <v>4</v>
      </c>
      <c r="D81" s="5">
        <v>5</v>
      </c>
    </row>
    <row r="82" spans="1:4" ht="18" customHeight="1" x14ac:dyDescent="0.15">
      <c r="A82" s="8">
        <v>64</v>
      </c>
      <c r="B82" s="21">
        <v>4</v>
      </c>
      <c r="C82" s="6">
        <v>4</v>
      </c>
      <c r="D82" s="5">
        <v>8</v>
      </c>
    </row>
    <row r="83" spans="1:4" ht="18" customHeight="1" x14ac:dyDescent="0.15">
      <c r="A83" s="8" t="s">
        <v>12</v>
      </c>
      <c r="B83" s="21">
        <v>24</v>
      </c>
      <c r="C83" s="6">
        <v>24</v>
      </c>
      <c r="D83" s="5">
        <v>48</v>
      </c>
    </row>
    <row r="84" spans="1:4" ht="18" customHeight="1" x14ac:dyDescent="0.15">
      <c r="A84" s="8" t="s">
        <v>11</v>
      </c>
      <c r="B84" s="21">
        <v>186</v>
      </c>
      <c r="C84" s="6">
        <v>179</v>
      </c>
      <c r="D84" s="5">
        <v>365</v>
      </c>
    </row>
    <row r="85" spans="1:4" ht="18" customHeight="1" x14ac:dyDescent="0.15">
      <c r="A85" s="8">
        <v>65</v>
      </c>
      <c r="B85" s="21">
        <v>2</v>
      </c>
      <c r="C85" s="6">
        <v>5</v>
      </c>
      <c r="D85" s="5">
        <v>7</v>
      </c>
    </row>
    <row r="86" spans="1:4" ht="18" customHeight="1" x14ac:dyDescent="0.15">
      <c r="A86" s="8">
        <v>66</v>
      </c>
      <c r="B86" s="21">
        <v>6</v>
      </c>
      <c r="C86" s="6">
        <v>6</v>
      </c>
      <c r="D86" s="5">
        <v>12</v>
      </c>
    </row>
    <row r="87" spans="1:4" ht="18" customHeight="1" x14ac:dyDescent="0.15">
      <c r="A87" s="8">
        <v>67</v>
      </c>
      <c r="B87" s="21">
        <v>1</v>
      </c>
      <c r="C87" s="6">
        <v>13</v>
      </c>
      <c r="D87" s="5">
        <v>14</v>
      </c>
    </row>
    <row r="88" spans="1:4" ht="18" customHeight="1" x14ac:dyDescent="0.15">
      <c r="A88" s="8">
        <v>68</v>
      </c>
      <c r="B88" s="21">
        <v>7</v>
      </c>
      <c r="C88" s="6">
        <v>7</v>
      </c>
      <c r="D88" s="5">
        <v>14</v>
      </c>
    </row>
    <row r="89" spans="1:4" ht="18" customHeight="1" x14ac:dyDescent="0.15">
      <c r="A89" s="8">
        <v>69</v>
      </c>
      <c r="B89" s="21">
        <v>10</v>
      </c>
      <c r="C89" s="6">
        <v>8</v>
      </c>
      <c r="D89" s="5">
        <v>18</v>
      </c>
    </row>
    <row r="90" spans="1:4" ht="18" customHeight="1" x14ac:dyDescent="0.15">
      <c r="A90" s="8" t="s">
        <v>10</v>
      </c>
      <c r="B90" s="21">
        <v>26</v>
      </c>
      <c r="C90" s="6">
        <v>39</v>
      </c>
      <c r="D90" s="5">
        <v>65</v>
      </c>
    </row>
    <row r="91" spans="1:4" ht="18" customHeight="1" x14ac:dyDescent="0.15">
      <c r="A91" s="8">
        <v>70</v>
      </c>
      <c r="B91" s="21">
        <v>6</v>
      </c>
      <c r="C91" s="6">
        <v>4</v>
      </c>
      <c r="D91" s="5">
        <v>10</v>
      </c>
    </row>
    <row r="92" spans="1:4" ht="18" customHeight="1" x14ac:dyDescent="0.15">
      <c r="A92" s="8">
        <v>71</v>
      </c>
      <c r="B92" s="21">
        <v>5</v>
      </c>
      <c r="C92" s="6">
        <v>10</v>
      </c>
      <c r="D92" s="5">
        <v>15</v>
      </c>
    </row>
    <row r="93" spans="1:4" ht="18" customHeight="1" x14ac:dyDescent="0.15">
      <c r="A93" s="8">
        <v>72</v>
      </c>
      <c r="B93" s="21">
        <v>17</v>
      </c>
      <c r="C93" s="6">
        <v>9</v>
      </c>
      <c r="D93" s="5">
        <v>26</v>
      </c>
    </row>
    <row r="94" spans="1:4" ht="18" customHeight="1" x14ac:dyDescent="0.15">
      <c r="A94" s="8">
        <v>73</v>
      </c>
      <c r="B94" s="21">
        <v>13</v>
      </c>
      <c r="C94" s="6">
        <v>11</v>
      </c>
      <c r="D94" s="5">
        <v>24</v>
      </c>
    </row>
    <row r="95" spans="1:4" ht="18" customHeight="1" x14ac:dyDescent="0.15">
      <c r="A95" s="8">
        <v>74</v>
      </c>
      <c r="B95" s="21">
        <v>8</v>
      </c>
      <c r="C95" s="6">
        <v>10</v>
      </c>
      <c r="D95" s="5">
        <v>18</v>
      </c>
    </row>
    <row r="96" spans="1:4" ht="18" customHeight="1" x14ac:dyDescent="0.15">
      <c r="A96" s="8" t="s">
        <v>9</v>
      </c>
      <c r="B96" s="21">
        <v>49</v>
      </c>
      <c r="C96" s="6">
        <v>44</v>
      </c>
      <c r="D96" s="5">
        <v>93</v>
      </c>
    </row>
    <row r="97" spans="1:4" ht="18" customHeight="1" x14ac:dyDescent="0.15">
      <c r="A97" s="8">
        <v>75</v>
      </c>
      <c r="B97" s="21">
        <v>4</v>
      </c>
      <c r="C97" s="6">
        <v>8</v>
      </c>
      <c r="D97" s="5">
        <v>12</v>
      </c>
    </row>
    <row r="98" spans="1:4" ht="18" customHeight="1" x14ac:dyDescent="0.15">
      <c r="A98" s="8">
        <v>76</v>
      </c>
      <c r="B98" s="21">
        <v>12</v>
      </c>
      <c r="C98" s="6">
        <v>7</v>
      </c>
      <c r="D98" s="5">
        <v>19</v>
      </c>
    </row>
    <row r="99" spans="1:4" ht="18" customHeight="1" x14ac:dyDescent="0.15">
      <c r="A99" s="8">
        <v>77</v>
      </c>
      <c r="B99" s="21">
        <v>8</v>
      </c>
      <c r="C99" s="6">
        <v>13</v>
      </c>
      <c r="D99" s="5">
        <v>21</v>
      </c>
    </row>
    <row r="100" spans="1:4" ht="18" customHeight="1" x14ac:dyDescent="0.15">
      <c r="A100" s="8">
        <v>78</v>
      </c>
      <c r="B100" s="21">
        <v>8</v>
      </c>
      <c r="C100" s="6">
        <v>3</v>
      </c>
      <c r="D100" s="5">
        <v>11</v>
      </c>
    </row>
    <row r="101" spans="1:4" ht="18" customHeight="1" x14ac:dyDescent="0.15">
      <c r="A101" s="8">
        <v>79</v>
      </c>
      <c r="B101" s="21">
        <v>6</v>
      </c>
      <c r="C101" s="6">
        <v>9</v>
      </c>
      <c r="D101" s="5">
        <v>15</v>
      </c>
    </row>
    <row r="102" spans="1:4" ht="18" customHeight="1" x14ac:dyDescent="0.15">
      <c r="A102" s="8" t="s">
        <v>8</v>
      </c>
      <c r="B102" s="21">
        <v>38</v>
      </c>
      <c r="C102" s="6">
        <v>40</v>
      </c>
      <c r="D102" s="5">
        <v>78</v>
      </c>
    </row>
    <row r="103" spans="1:4" ht="18" customHeight="1" x14ac:dyDescent="0.15">
      <c r="A103" s="8">
        <v>80</v>
      </c>
      <c r="B103" s="21">
        <v>3</v>
      </c>
      <c r="C103" s="6">
        <v>1</v>
      </c>
      <c r="D103" s="5">
        <v>4</v>
      </c>
    </row>
    <row r="104" spans="1:4" ht="18" customHeight="1" x14ac:dyDescent="0.15">
      <c r="A104" s="8">
        <v>81</v>
      </c>
      <c r="B104" s="21">
        <v>3</v>
      </c>
      <c r="C104" s="6">
        <v>5</v>
      </c>
      <c r="D104" s="5">
        <v>8</v>
      </c>
    </row>
    <row r="105" spans="1:4" ht="18" customHeight="1" x14ac:dyDescent="0.15">
      <c r="A105" s="8">
        <v>82</v>
      </c>
      <c r="B105" s="21">
        <v>5</v>
      </c>
      <c r="C105" s="6">
        <v>6</v>
      </c>
      <c r="D105" s="5">
        <v>11</v>
      </c>
    </row>
    <row r="106" spans="1:4" ht="18" customHeight="1" x14ac:dyDescent="0.15">
      <c r="A106" s="8">
        <v>83</v>
      </c>
      <c r="B106" s="21">
        <v>5</v>
      </c>
      <c r="C106" s="6">
        <v>6</v>
      </c>
      <c r="D106" s="5">
        <v>11</v>
      </c>
    </row>
    <row r="107" spans="1:4" ht="18" customHeight="1" x14ac:dyDescent="0.15">
      <c r="A107" s="8">
        <v>84</v>
      </c>
      <c r="B107" s="21">
        <v>3</v>
      </c>
      <c r="C107" s="6">
        <v>10</v>
      </c>
      <c r="D107" s="5">
        <v>13</v>
      </c>
    </row>
    <row r="108" spans="1:4" ht="18" customHeight="1" x14ac:dyDescent="0.15">
      <c r="A108" s="8" t="s">
        <v>7</v>
      </c>
      <c r="B108" s="21">
        <v>19</v>
      </c>
      <c r="C108" s="6">
        <v>28</v>
      </c>
      <c r="D108" s="5">
        <v>47</v>
      </c>
    </row>
    <row r="109" spans="1:4" ht="18" customHeight="1" x14ac:dyDescent="0.15">
      <c r="A109" s="8">
        <v>85</v>
      </c>
      <c r="B109" s="21">
        <v>2</v>
      </c>
      <c r="C109" s="6">
        <v>5</v>
      </c>
      <c r="D109" s="5">
        <v>7</v>
      </c>
    </row>
    <row r="110" spans="1:4" ht="18" customHeight="1" x14ac:dyDescent="0.15">
      <c r="A110" s="8">
        <v>86</v>
      </c>
      <c r="B110" s="21">
        <v>2</v>
      </c>
      <c r="C110" s="6">
        <v>1</v>
      </c>
      <c r="D110" s="5">
        <v>3</v>
      </c>
    </row>
    <row r="111" spans="1:4" ht="18" customHeight="1" x14ac:dyDescent="0.15">
      <c r="A111" s="8">
        <v>87</v>
      </c>
      <c r="B111" s="21">
        <v>4</v>
      </c>
      <c r="C111" s="6">
        <v>1</v>
      </c>
      <c r="D111" s="5">
        <v>5</v>
      </c>
    </row>
    <row r="112" spans="1:4" ht="18" customHeight="1" x14ac:dyDescent="0.15">
      <c r="A112" s="8">
        <v>88</v>
      </c>
      <c r="B112" s="21">
        <v>1</v>
      </c>
      <c r="C112" s="6">
        <v>4</v>
      </c>
      <c r="D112" s="5">
        <v>5</v>
      </c>
    </row>
    <row r="113" spans="1:4" ht="18" customHeight="1" x14ac:dyDescent="0.15">
      <c r="A113" s="8">
        <v>89</v>
      </c>
      <c r="B113" s="21">
        <v>4</v>
      </c>
      <c r="C113" s="6">
        <v>4</v>
      </c>
      <c r="D113" s="5">
        <v>8</v>
      </c>
    </row>
    <row r="114" spans="1:4" ht="18" customHeight="1" x14ac:dyDescent="0.15">
      <c r="A114" s="8" t="s">
        <v>6</v>
      </c>
      <c r="B114" s="21">
        <v>13</v>
      </c>
      <c r="C114" s="6">
        <v>15</v>
      </c>
      <c r="D114" s="5">
        <v>28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2</v>
      </c>
      <c r="C116" s="6">
        <v>4</v>
      </c>
      <c r="D116" s="5">
        <v>6</v>
      </c>
    </row>
    <row r="117" spans="1:4" ht="18" customHeight="1" x14ac:dyDescent="0.15">
      <c r="A117" s="8">
        <v>92</v>
      </c>
      <c r="B117" s="21">
        <v>1</v>
      </c>
      <c r="C117" s="6">
        <v>4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5</v>
      </c>
      <c r="D118" s="5">
        <v>5</v>
      </c>
    </row>
    <row r="119" spans="1:4" ht="18" customHeight="1" x14ac:dyDescent="0.15">
      <c r="A119" s="8">
        <v>94</v>
      </c>
      <c r="B119" s="21">
        <v>1</v>
      </c>
      <c r="C119" s="6">
        <v>1</v>
      </c>
      <c r="D119" s="5">
        <v>2</v>
      </c>
    </row>
    <row r="120" spans="1:4" ht="18" customHeight="1" x14ac:dyDescent="0.15">
      <c r="A120" s="8" t="s">
        <v>5</v>
      </c>
      <c r="B120" s="21">
        <v>5</v>
      </c>
      <c r="C120" s="6">
        <v>19</v>
      </c>
      <c r="D120" s="5">
        <v>24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7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0</v>
      </c>
      <c r="C130" s="6">
        <v>192</v>
      </c>
      <c r="D130" s="5">
        <v>342</v>
      </c>
    </row>
    <row r="131" spans="1:4" ht="18" customHeight="1" x14ac:dyDescent="0.15">
      <c r="A131" s="4" t="s">
        <v>0</v>
      </c>
      <c r="B131" s="20">
        <v>368</v>
      </c>
      <c r="C131" s="2">
        <v>394</v>
      </c>
      <c r="D131" s="1">
        <v>7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5B930D-1E41-4BC7-8B36-34324BF414F3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3</v>
      </c>
      <c r="C23" s="6">
        <v>5</v>
      </c>
      <c r="D23" s="5">
        <v>8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36</v>
      </c>
      <c r="C84" s="6">
        <v>30</v>
      </c>
      <c r="D84" s="5">
        <v>66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38</v>
      </c>
      <c r="C130" s="6">
        <v>35</v>
      </c>
      <c r="D130" s="5">
        <v>73</v>
      </c>
    </row>
    <row r="131" spans="1:4" ht="18" customHeight="1" x14ac:dyDescent="0.15">
      <c r="A131" s="4" t="s">
        <v>0</v>
      </c>
      <c r="B131" s="20">
        <v>77</v>
      </c>
      <c r="C131" s="2">
        <v>70</v>
      </c>
      <c r="D131" s="1">
        <v>1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C37D67-1C67-4765-B010-259B48492261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1</v>
      </c>
      <c r="D10" s="5">
        <v>1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1</v>
      </c>
      <c r="C14" s="6">
        <v>0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3</v>
      </c>
      <c r="C16" s="6">
        <v>2</v>
      </c>
      <c r="D16" s="5">
        <v>5</v>
      </c>
    </row>
    <row r="17" spans="1:4" ht="18" customHeight="1" x14ac:dyDescent="0.15">
      <c r="A17" s="8">
        <v>10</v>
      </c>
      <c r="B17" s="21">
        <v>2</v>
      </c>
      <c r="C17" s="6">
        <v>0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1</v>
      </c>
      <c r="D20" s="5">
        <v>3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5</v>
      </c>
      <c r="C22" s="6">
        <v>2</v>
      </c>
      <c r="D22" s="5">
        <v>7</v>
      </c>
    </row>
    <row r="23" spans="1:4" ht="18" customHeight="1" x14ac:dyDescent="0.15">
      <c r="A23" s="8" t="s">
        <v>22</v>
      </c>
      <c r="B23" s="21">
        <v>8</v>
      </c>
      <c r="C23" s="6">
        <v>5</v>
      </c>
      <c r="D23" s="5">
        <v>13</v>
      </c>
    </row>
    <row r="24" spans="1:4" ht="18" customHeight="1" x14ac:dyDescent="0.15">
      <c r="A24" s="8">
        <v>15</v>
      </c>
      <c r="B24" s="21">
        <v>2</v>
      </c>
      <c r="C24" s="6">
        <v>0</v>
      </c>
      <c r="D24" s="5">
        <v>2</v>
      </c>
    </row>
    <row r="25" spans="1:4" ht="18" customHeight="1" x14ac:dyDescent="0.15">
      <c r="A25" s="8">
        <v>16</v>
      </c>
      <c r="B25" s="21">
        <v>0</v>
      </c>
      <c r="C25" s="6">
        <v>1</v>
      </c>
      <c r="D25" s="5">
        <v>1</v>
      </c>
    </row>
    <row r="26" spans="1:4" ht="18" customHeight="1" x14ac:dyDescent="0.15">
      <c r="A26" s="8">
        <v>17</v>
      </c>
      <c r="B26" s="21">
        <v>1</v>
      </c>
      <c r="C26" s="6">
        <v>1</v>
      </c>
      <c r="D26" s="5">
        <v>2</v>
      </c>
    </row>
    <row r="27" spans="1:4" ht="18" customHeight="1" x14ac:dyDescent="0.15">
      <c r="A27" s="8">
        <v>18</v>
      </c>
      <c r="B27" s="21">
        <v>3</v>
      </c>
      <c r="C27" s="6">
        <v>0</v>
      </c>
      <c r="D27" s="5">
        <v>3</v>
      </c>
    </row>
    <row r="28" spans="1:4" ht="18" customHeight="1" x14ac:dyDescent="0.15">
      <c r="A28" s="8">
        <v>19</v>
      </c>
      <c r="B28" s="21">
        <v>0</v>
      </c>
      <c r="C28" s="6">
        <v>2</v>
      </c>
      <c r="D28" s="5">
        <v>2</v>
      </c>
    </row>
    <row r="29" spans="1:4" ht="18" customHeight="1" x14ac:dyDescent="0.15">
      <c r="A29" s="8" t="s">
        <v>21</v>
      </c>
      <c r="B29" s="21">
        <v>6</v>
      </c>
      <c r="C29" s="6">
        <v>4</v>
      </c>
      <c r="D29" s="5">
        <v>10</v>
      </c>
    </row>
    <row r="30" spans="1:4" ht="18" customHeight="1" x14ac:dyDescent="0.15">
      <c r="A30" s="8">
        <v>20</v>
      </c>
      <c r="B30" s="21">
        <v>1</v>
      </c>
      <c r="C30" s="6">
        <v>1</v>
      </c>
      <c r="D30" s="5">
        <v>2</v>
      </c>
    </row>
    <row r="31" spans="1:4" ht="18" customHeight="1" x14ac:dyDescent="0.15">
      <c r="A31" s="8">
        <v>21</v>
      </c>
      <c r="B31" s="21">
        <v>0</v>
      </c>
      <c r="C31" s="6">
        <v>1</v>
      </c>
      <c r="D31" s="5">
        <v>1</v>
      </c>
    </row>
    <row r="32" spans="1:4" ht="18" customHeight="1" x14ac:dyDescent="0.15">
      <c r="A32" s="8">
        <v>22</v>
      </c>
      <c r="B32" s="21">
        <v>2</v>
      </c>
      <c r="C32" s="6">
        <v>1</v>
      </c>
      <c r="D32" s="5">
        <v>3</v>
      </c>
    </row>
    <row r="33" spans="1:4" ht="18" customHeight="1" x14ac:dyDescent="0.15">
      <c r="A33" s="8">
        <v>23</v>
      </c>
      <c r="B33" s="21">
        <v>1</v>
      </c>
      <c r="C33" s="6">
        <v>1</v>
      </c>
      <c r="D33" s="5">
        <v>2</v>
      </c>
    </row>
    <row r="34" spans="1:4" ht="18" customHeight="1" x14ac:dyDescent="0.15">
      <c r="A34" s="8">
        <v>24</v>
      </c>
      <c r="B34" s="21">
        <v>3</v>
      </c>
      <c r="C34" s="6">
        <v>0</v>
      </c>
      <c r="D34" s="5">
        <v>3</v>
      </c>
    </row>
    <row r="35" spans="1:4" ht="18" customHeight="1" x14ac:dyDescent="0.15">
      <c r="A35" s="8" t="s">
        <v>20</v>
      </c>
      <c r="B35" s="21">
        <v>7</v>
      </c>
      <c r="C35" s="6">
        <v>4</v>
      </c>
      <c r="D35" s="5">
        <v>11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2</v>
      </c>
      <c r="C41" s="6">
        <v>1</v>
      </c>
      <c r="D41" s="5">
        <v>3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0</v>
      </c>
      <c r="C43" s="6">
        <v>0</v>
      </c>
      <c r="D43" s="5">
        <v>0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4</v>
      </c>
      <c r="C47" s="6">
        <v>2</v>
      </c>
      <c r="D47" s="5">
        <v>6</v>
      </c>
    </row>
    <row r="48" spans="1:4" ht="18" customHeight="1" x14ac:dyDescent="0.15">
      <c r="A48" s="8">
        <v>35</v>
      </c>
      <c r="B48" s="21">
        <v>4</v>
      </c>
      <c r="C48" s="6">
        <v>1</v>
      </c>
      <c r="D48" s="5">
        <v>5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1</v>
      </c>
      <c r="C50" s="6">
        <v>0</v>
      </c>
      <c r="D50" s="5">
        <v>1</v>
      </c>
    </row>
    <row r="51" spans="1:4" ht="18" customHeight="1" x14ac:dyDescent="0.15">
      <c r="A51" s="8">
        <v>38</v>
      </c>
      <c r="B51" s="21">
        <v>2</v>
      </c>
      <c r="C51" s="6">
        <v>0</v>
      </c>
      <c r="D51" s="5">
        <v>2</v>
      </c>
    </row>
    <row r="52" spans="1:4" ht="18" customHeight="1" x14ac:dyDescent="0.15">
      <c r="A52" s="8">
        <v>39</v>
      </c>
      <c r="B52" s="21">
        <v>0</v>
      </c>
      <c r="C52" s="6">
        <v>0</v>
      </c>
      <c r="D52" s="5">
        <v>0</v>
      </c>
    </row>
    <row r="53" spans="1:4" ht="18" customHeight="1" x14ac:dyDescent="0.15">
      <c r="A53" s="8" t="s">
        <v>17</v>
      </c>
      <c r="B53" s="21">
        <v>7</v>
      </c>
      <c r="C53" s="6">
        <v>2</v>
      </c>
      <c r="D53" s="5">
        <v>9</v>
      </c>
    </row>
    <row r="54" spans="1:4" ht="18" customHeight="1" x14ac:dyDescent="0.15">
      <c r="A54" s="8">
        <v>40</v>
      </c>
      <c r="B54" s="21">
        <v>2</v>
      </c>
      <c r="C54" s="6">
        <v>1</v>
      </c>
      <c r="D54" s="5">
        <v>3</v>
      </c>
    </row>
    <row r="55" spans="1:4" ht="18" customHeight="1" x14ac:dyDescent="0.15">
      <c r="A55" s="8">
        <v>41</v>
      </c>
      <c r="B55" s="21">
        <v>0</v>
      </c>
      <c r="C55" s="6">
        <v>2</v>
      </c>
      <c r="D55" s="5">
        <v>2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1</v>
      </c>
      <c r="D57" s="5">
        <v>2</v>
      </c>
    </row>
    <row r="58" spans="1:4" ht="18" customHeight="1" x14ac:dyDescent="0.15">
      <c r="A58" s="8">
        <v>44</v>
      </c>
      <c r="B58" s="21">
        <v>4</v>
      </c>
      <c r="C58" s="6">
        <v>1</v>
      </c>
      <c r="D58" s="5">
        <v>5</v>
      </c>
    </row>
    <row r="59" spans="1:4" ht="18" customHeight="1" x14ac:dyDescent="0.15">
      <c r="A59" s="8" t="s">
        <v>16</v>
      </c>
      <c r="B59" s="21">
        <v>8</v>
      </c>
      <c r="C59" s="6">
        <v>5</v>
      </c>
      <c r="D59" s="5">
        <v>13</v>
      </c>
    </row>
    <row r="60" spans="1:4" ht="18" customHeight="1" x14ac:dyDescent="0.15">
      <c r="A60" s="8">
        <v>45</v>
      </c>
      <c r="B60" s="21">
        <v>2</v>
      </c>
      <c r="C60" s="6">
        <v>3</v>
      </c>
      <c r="D60" s="5">
        <v>5</v>
      </c>
    </row>
    <row r="61" spans="1:4" ht="18" customHeight="1" x14ac:dyDescent="0.15">
      <c r="A61" s="8">
        <v>46</v>
      </c>
      <c r="B61" s="21">
        <v>1</v>
      </c>
      <c r="C61" s="6">
        <v>2</v>
      </c>
      <c r="D61" s="5">
        <v>3</v>
      </c>
    </row>
    <row r="62" spans="1:4" ht="18" customHeight="1" x14ac:dyDescent="0.15">
      <c r="A62" s="8">
        <v>47</v>
      </c>
      <c r="B62" s="21">
        <v>2</v>
      </c>
      <c r="C62" s="6">
        <v>0</v>
      </c>
      <c r="D62" s="5">
        <v>2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2</v>
      </c>
      <c r="C64" s="6">
        <v>2</v>
      </c>
      <c r="D64" s="5">
        <v>4</v>
      </c>
    </row>
    <row r="65" spans="1:4" ht="18" customHeight="1" x14ac:dyDescent="0.15">
      <c r="A65" s="8" t="s">
        <v>15</v>
      </c>
      <c r="B65" s="21">
        <v>11</v>
      </c>
      <c r="C65" s="6">
        <v>9</v>
      </c>
      <c r="D65" s="5">
        <v>20</v>
      </c>
    </row>
    <row r="66" spans="1:4" ht="18" customHeight="1" x14ac:dyDescent="0.15">
      <c r="A66" s="8">
        <v>50</v>
      </c>
      <c r="B66" s="21">
        <v>2</v>
      </c>
      <c r="C66" s="6">
        <v>3</v>
      </c>
      <c r="D66" s="5">
        <v>5</v>
      </c>
    </row>
    <row r="67" spans="1:4" ht="18" customHeight="1" x14ac:dyDescent="0.15">
      <c r="A67" s="8">
        <v>51</v>
      </c>
      <c r="B67" s="21">
        <v>3</v>
      </c>
      <c r="C67" s="6">
        <v>3</v>
      </c>
      <c r="D67" s="5">
        <v>6</v>
      </c>
    </row>
    <row r="68" spans="1:4" ht="18" customHeight="1" x14ac:dyDescent="0.15">
      <c r="A68" s="8">
        <v>52</v>
      </c>
      <c r="B68" s="21">
        <v>4</v>
      </c>
      <c r="C68" s="6">
        <v>3</v>
      </c>
      <c r="D68" s="5">
        <v>7</v>
      </c>
    </row>
    <row r="69" spans="1:4" ht="18" customHeight="1" x14ac:dyDescent="0.15">
      <c r="A69" s="8">
        <v>53</v>
      </c>
      <c r="B69" s="21">
        <v>3</v>
      </c>
      <c r="C69" s="6">
        <v>3</v>
      </c>
      <c r="D69" s="5">
        <v>6</v>
      </c>
    </row>
    <row r="70" spans="1:4" ht="18" customHeight="1" x14ac:dyDescent="0.15">
      <c r="A70" s="8">
        <v>54</v>
      </c>
      <c r="B70" s="21">
        <v>4</v>
      </c>
      <c r="C70" s="6">
        <v>1</v>
      </c>
      <c r="D70" s="5">
        <v>5</v>
      </c>
    </row>
    <row r="71" spans="1:4" ht="18" customHeight="1" x14ac:dyDescent="0.15">
      <c r="A71" s="8" t="s">
        <v>14</v>
      </c>
      <c r="B71" s="21">
        <v>16</v>
      </c>
      <c r="C71" s="6">
        <v>13</v>
      </c>
      <c r="D71" s="5">
        <v>29</v>
      </c>
    </row>
    <row r="72" spans="1:4" ht="18" customHeight="1" x14ac:dyDescent="0.15">
      <c r="A72" s="8">
        <v>55</v>
      </c>
      <c r="B72" s="21">
        <v>5</v>
      </c>
      <c r="C72" s="6">
        <v>1</v>
      </c>
      <c r="D72" s="5">
        <v>6</v>
      </c>
    </row>
    <row r="73" spans="1:4" ht="18" customHeight="1" x14ac:dyDescent="0.15">
      <c r="A73" s="8">
        <v>56</v>
      </c>
      <c r="B73" s="21">
        <v>3</v>
      </c>
      <c r="C73" s="6">
        <v>2</v>
      </c>
      <c r="D73" s="5">
        <v>5</v>
      </c>
    </row>
    <row r="74" spans="1:4" ht="18" customHeight="1" x14ac:dyDescent="0.15">
      <c r="A74" s="8">
        <v>57</v>
      </c>
      <c r="B74" s="21">
        <v>1</v>
      </c>
      <c r="C74" s="6">
        <v>4</v>
      </c>
      <c r="D74" s="5">
        <v>5</v>
      </c>
    </row>
    <row r="75" spans="1:4" ht="18" customHeight="1" x14ac:dyDescent="0.15">
      <c r="A75" s="8">
        <v>58</v>
      </c>
      <c r="B75" s="21">
        <v>3</v>
      </c>
      <c r="C75" s="6">
        <v>1</v>
      </c>
      <c r="D75" s="5">
        <v>4</v>
      </c>
    </row>
    <row r="76" spans="1:4" ht="18" customHeight="1" x14ac:dyDescent="0.15">
      <c r="A76" s="8">
        <v>59</v>
      </c>
      <c r="B76" s="21">
        <v>3</v>
      </c>
      <c r="C76" s="6">
        <v>0</v>
      </c>
      <c r="D76" s="5">
        <v>3</v>
      </c>
    </row>
    <row r="77" spans="1:4" ht="18" customHeight="1" x14ac:dyDescent="0.15">
      <c r="A77" s="8" t="s">
        <v>13</v>
      </c>
      <c r="B77" s="21">
        <v>15</v>
      </c>
      <c r="C77" s="6">
        <v>8</v>
      </c>
      <c r="D77" s="5">
        <v>23</v>
      </c>
    </row>
    <row r="78" spans="1:4" ht="18" customHeight="1" x14ac:dyDescent="0.15">
      <c r="A78" s="8">
        <v>60</v>
      </c>
      <c r="B78" s="21">
        <v>1</v>
      </c>
      <c r="C78" s="6">
        <v>2</v>
      </c>
      <c r="D78" s="5">
        <v>3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1</v>
      </c>
      <c r="C80" s="6">
        <v>2</v>
      </c>
      <c r="D80" s="5">
        <v>3</v>
      </c>
    </row>
    <row r="81" spans="1:4" ht="18" customHeight="1" x14ac:dyDescent="0.15">
      <c r="A81" s="8">
        <v>63</v>
      </c>
      <c r="B81" s="21">
        <v>0</v>
      </c>
      <c r="C81" s="6">
        <v>1</v>
      </c>
      <c r="D81" s="5">
        <v>1</v>
      </c>
    </row>
    <row r="82" spans="1:4" ht="18" customHeight="1" x14ac:dyDescent="0.15">
      <c r="A82" s="8">
        <v>64</v>
      </c>
      <c r="B82" s="21">
        <v>0</v>
      </c>
      <c r="C82" s="6">
        <v>5</v>
      </c>
      <c r="D82" s="5">
        <v>5</v>
      </c>
    </row>
    <row r="83" spans="1:4" ht="18" customHeight="1" x14ac:dyDescent="0.15">
      <c r="A83" s="8" t="s">
        <v>12</v>
      </c>
      <c r="B83" s="21">
        <v>2</v>
      </c>
      <c r="C83" s="6">
        <v>11</v>
      </c>
      <c r="D83" s="5">
        <v>13</v>
      </c>
    </row>
    <row r="84" spans="1:4" ht="18" customHeight="1" x14ac:dyDescent="0.15">
      <c r="A84" s="8" t="s">
        <v>11</v>
      </c>
      <c r="B84" s="21">
        <v>78</v>
      </c>
      <c r="C84" s="6">
        <v>59</v>
      </c>
      <c r="D84" s="5">
        <v>137</v>
      </c>
    </row>
    <row r="85" spans="1:4" ht="18" customHeight="1" x14ac:dyDescent="0.15">
      <c r="A85" s="8">
        <v>65</v>
      </c>
      <c r="B85" s="21">
        <v>0</v>
      </c>
      <c r="C85" s="6">
        <v>2</v>
      </c>
      <c r="D85" s="5">
        <v>2</v>
      </c>
    </row>
    <row r="86" spans="1:4" ht="18" customHeight="1" x14ac:dyDescent="0.15">
      <c r="A86" s="8">
        <v>66</v>
      </c>
      <c r="B86" s="21">
        <v>0</v>
      </c>
      <c r="C86" s="6">
        <v>1</v>
      </c>
      <c r="D86" s="5">
        <v>1</v>
      </c>
    </row>
    <row r="87" spans="1:4" ht="18" customHeight="1" x14ac:dyDescent="0.15">
      <c r="A87" s="8">
        <v>67</v>
      </c>
      <c r="B87" s="21">
        <v>5</v>
      </c>
      <c r="C87" s="6">
        <v>1</v>
      </c>
      <c r="D87" s="5">
        <v>6</v>
      </c>
    </row>
    <row r="88" spans="1:4" ht="18" customHeight="1" x14ac:dyDescent="0.15">
      <c r="A88" s="8">
        <v>68</v>
      </c>
      <c r="B88" s="21">
        <v>1</v>
      </c>
      <c r="C88" s="6">
        <v>2</v>
      </c>
      <c r="D88" s="5">
        <v>3</v>
      </c>
    </row>
    <row r="89" spans="1:4" ht="18" customHeight="1" x14ac:dyDescent="0.15">
      <c r="A89" s="8">
        <v>69</v>
      </c>
      <c r="B89" s="21">
        <v>3</v>
      </c>
      <c r="C89" s="6">
        <v>2</v>
      </c>
      <c r="D89" s="5">
        <v>5</v>
      </c>
    </row>
    <row r="90" spans="1:4" ht="18" customHeight="1" x14ac:dyDescent="0.15">
      <c r="A90" s="8" t="s">
        <v>10</v>
      </c>
      <c r="B90" s="21">
        <v>9</v>
      </c>
      <c r="C90" s="6">
        <v>8</v>
      </c>
      <c r="D90" s="5">
        <v>17</v>
      </c>
    </row>
    <row r="91" spans="1:4" ht="18" customHeight="1" x14ac:dyDescent="0.15">
      <c r="A91" s="8">
        <v>70</v>
      </c>
      <c r="B91" s="21">
        <v>1</v>
      </c>
      <c r="C91" s="6">
        <v>2</v>
      </c>
      <c r="D91" s="5">
        <v>3</v>
      </c>
    </row>
    <row r="92" spans="1:4" ht="18" customHeight="1" x14ac:dyDescent="0.15">
      <c r="A92" s="8">
        <v>71</v>
      </c>
      <c r="B92" s="21">
        <v>5</v>
      </c>
      <c r="C92" s="6">
        <v>3</v>
      </c>
      <c r="D92" s="5">
        <v>8</v>
      </c>
    </row>
    <row r="93" spans="1:4" ht="18" customHeight="1" x14ac:dyDescent="0.15">
      <c r="A93" s="8">
        <v>72</v>
      </c>
      <c r="B93" s="21">
        <v>3</v>
      </c>
      <c r="C93" s="6">
        <v>2</v>
      </c>
      <c r="D93" s="5">
        <v>5</v>
      </c>
    </row>
    <row r="94" spans="1:4" ht="18" customHeight="1" x14ac:dyDescent="0.15">
      <c r="A94" s="8">
        <v>73</v>
      </c>
      <c r="B94" s="21">
        <v>1</v>
      </c>
      <c r="C94" s="6">
        <v>2</v>
      </c>
      <c r="D94" s="5">
        <v>3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2</v>
      </c>
      <c r="C96" s="6">
        <v>11</v>
      </c>
      <c r="D96" s="5">
        <v>23</v>
      </c>
    </row>
    <row r="97" spans="1:4" ht="18" customHeight="1" x14ac:dyDescent="0.15">
      <c r="A97" s="8">
        <v>75</v>
      </c>
      <c r="B97" s="21">
        <v>2</v>
      </c>
      <c r="C97" s="6">
        <v>4</v>
      </c>
      <c r="D97" s="5">
        <v>6</v>
      </c>
    </row>
    <row r="98" spans="1:4" ht="18" customHeight="1" x14ac:dyDescent="0.15">
      <c r="A98" s="8">
        <v>76</v>
      </c>
      <c r="B98" s="21">
        <v>4</v>
      </c>
      <c r="C98" s="6">
        <v>4</v>
      </c>
      <c r="D98" s="5">
        <v>8</v>
      </c>
    </row>
    <row r="99" spans="1:4" ht="18" customHeight="1" x14ac:dyDescent="0.15">
      <c r="A99" s="8">
        <v>77</v>
      </c>
      <c r="B99" s="21">
        <v>1</v>
      </c>
      <c r="C99" s="6">
        <v>1</v>
      </c>
      <c r="D99" s="5">
        <v>2</v>
      </c>
    </row>
    <row r="100" spans="1:4" ht="18" customHeight="1" x14ac:dyDescent="0.15">
      <c r="A100" s="8">
        <v>78</v>
      </c>
      <c r="B100" s="21">
        <v>3</v>
      </c>
      <c r="C100" s="6">
        <v>5</v>
      </c>
      <c r="D100" s="5">
        <v>8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11</v>
      </c>
      <c r="C102" s="6">
        <v>15</v>
      </c>
      <c r="D102" s="5">
        <v>26</v>
      </c>
    </row>
    <row r="103" spans="1:4" ht="18" customHeight="1" x14ac:dyDescent="0.15">
      <c r="A103" s="8">
        <v>80</v>
      </c>
      <c r="B103" s="21">
        <v>1</v>
      </c>
      <c r="C103" s="6">
        <v>1</v>
      </c>
      <c r="D103" s="5">
        <v>2</v>
      </c>
    </row>
    <row r="104" spans="1:4" ht="18" customHeight="1" x14ac:dyDescent="0.15">
      <c r="A104" s="8">
        <v>81</v>
      </c>
      <c r="B104" s="21">
        <v>1</v>
      </c>
      <c r="C104" s="6">
        <v>0</v>
      </c>
      <c r="D104" s="5">
        <v>1</v>
      </c>
    </row>
    <row r="105" spans="1:4" ht="18" customHeight="1" x14ac:dyDescent="0.15">
      <c r="A105" s="8">
        <v>82</v>
      </c>
      <c r="B105" s="21">
        <v>1</v>
      </c>
      <c r="C105" s="6">
        <v>1</v>
      </c>
      <c r="D105" s="5">
        <v>2</v>
      </c>
    </row>
    <row r="106" spans="1:4" ht="18" customHeight="1" x14ac:dyDescent="0.15">
      <c r="A106" s="8">
        <v>83</v>
      </c>
      <c r="B106" s="21">
        <v>0</v>
      </c>
      <c r="C106" s="6">
        <v>1</v>
      </c>
      <c r="D106" s="5">
        <v>1</v>
      </c>
    </row>
    <row r="107" spans="1:4" ht="18" customHeight="1" x14ac:dyDescent="0.15">
      <c r="A107" s="8">
        <v>84</v>
      </c>
      <c r="B107" s="21">
        <v>2</v>
      </c>
      <c r="C107" s="6">
        <v>5</v>
      </c>
      <c r="D107" s="5">
        <v>7</v>
      </c>
    </row>
    <row r="108" spans="1:4" ht="18" customHeight="1" x14ac:dyDescent="0.15">
      <c r="A108" s="8" t="s">
        <v>7</v>
      </c>
      <c r="B108" s="21">
        <v>5</v>
      </c>
      <c r="C108" s="6">
        <v>8</v>
      </c>
      <c r="D108" s="5">
        <v>13</v>
      </c>
    </row>
    <row r="109" spans="1:4" ht="18" customHeight="1" x14ac:dyDescent="0.15">
      <c r="A109" s="8">
        <v>85</v>
      </c>
      <c r="B109" s="21">
        <v>0</v>
      </c>
      <c r="C109" s="6">
        <v>0</v>
      </c>
      <c r="D109" s="5">
        <v>0</v>
      </c>
    </row>
    <row r="110" spans="1:4" ht="18" customHeight="1" x14ac:dyDescent="0.15">
      <c r="A110" s="8">
        <v>86</v>
      </c>
      <c r="B110" s="21">
        <v>1</v>
      </c>
      <c r="C110" s="6">
        <v>1</v>
      </c>
      <c r="D110" s="5">
        <v>2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1</v>
      </c>
      <c r="C112" s="6">
        <v>0</v>
      </c>
      <c r="D112" s="5">
        <v>1</v>
      </c>
    </row>
    <row r="113" spans="1:4" ht="18" customHeight="1" x14ac:dyDescent="0.15">
      <c r="A113" s="8">
        <v>89</v>
      </c>
      <c r="B113" s="21">
        <v>0</v>
      </c>
      <c r="C113" s="6">
        <v>2</v>
      </c>
      <c r="D113" s="5">
        <v>2</v>
      </c>
    </row>
    <row r="114" spans="1:4" ht="18" customHeight="1" x14ac:dyDescent="0.15">
      <c r="A114" s="8" t="s">
        <v>6</v>
      </c>
      <c r="B114" s="21">
        <v>2</v>
      </c>
      <c r="C114" s="6">
        <v>4</v>
      </c>
      <c r="D114" s="5">
        <v>6</v>
      </c>
    </row>
    <row r="115" spans="1:4" ht="18" customHeight="1" x14ac:dyDescent="0.15">
      <c r="A115" s="8">
        <v>90</v>
      </c>
      <c r="B115" s="21">
        <v>1</v>
      </c>
      <c r="C115" s="6">
        <v>1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3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1</v>
      </c>
      <c r="C120" s="6">
        <v>4</v>
      </c>
      <c r="D120" s="5">
        <v>5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4</v>
      </c>
      <c r="D126" s="5">
        <v>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1</v>
      </c>
      <c r="C130" s="6">
        <v>55</v>
      </c>
      <c r="D130" s="5">
        <v>96</v>
      </c>
    </row>
    <row r="131" spans="1:4" ht="18" customHeight="1" x14ac:dyDescent="0.15">
      <c r="A131" s="4" t="s">
        <v>0</v>
      </c>
      <c r="B131" s="20">
        <v>127</v>
      </c>
      <c r="C131" s="2">
        <v>119</v>
      </c>
      <c r="D131" s="1">
        <v>2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BB4F25-F1DC-4BF8-B386-1F9BA415D157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1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2</v>
      </c>
      <c r="D7" s="5">
        <v>2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3</v>
      </c>
      <c r="D10" s="5">
        <v>6</v>
      </c>
    </row>
    <row r="11" spans="1:4" ht="18" customHeight="1" x14ac:dyDescent="0.15">
      <c r="A11" s="8">
        <v>5</v>
      </c>
      <c r="B11" s="26">
        <v>3</v>
      </c>
      <c r="C11" s="6">
        <v>2</v>
      </c>
      <c r="D11" s="5">
        <v>5</v>
      </c>
    </row>
    <row r="12" spans="1:4" ht="18" customHeight="1" x14ac:dyDescent="0.15">
      <c r="A12" s="8">
        <v>6</v>
      </c>
      <c r="B12" s="26">
        <v>0</v>
      </c>
      <c r="C12" s="6">
        <v>4</v>
      </c>
      <c r="D12" s="5">
        <v>4</v>
      </c>
    </row>
    <row r="13" spans="1:4" ht="18" customHeight="1" x14ac:dyDescent="0.15">
      <c r="A13" s="8">
        <v>7</v>
      </c>
      <c r="B13" s="26">
        <v>1</v>
      </c>
      <c r="C13" s="6">
        <v>4</v>
      </c>
      <c r="D13" s="5">
        <v>5</v>
      </c>
    </row>
    <row r="14" spans="1:4" ht="18" customHeight="1" x14ac:dyDescent="0.15">
      <c r="A14" s="8">
        <v>8</v>
      </c>
      <c r="B14" s="26">
        <v>7</v>
      </c>
      <c r="C14" s="6">
        <v>1</v>
      </c>
      <c r="D14" s="5">
        <v>8</v>
      </c>
    </row>
    <row r="15" spans="1:4" ht="18" customHeight="1" x14ac:dyDescent="0.15">
      <c r="A15" s="8">
        <v>9</v>
      </c>
      <c r="B15" s="26">
        <v>5</v>
      </c>
      <c r="C15" s="6">
        <v>1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12</v>
      </c>
      <c r="D16" s="5">
        <v>28</v>
      </c>
    </row>
    <row r="17" spans="1:4" ht="18" customHeight="1" x14ac:dyDescent="0.15">
      <c r="A17" s="8">
        <v>10</v>
      </c>
      <c r="B17" s="21">
        <v>5</v>
      </c>
      <c r="C17" s="6">
        <v>5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3</v>
      </c>
      <c r="D18" s="5">
        <v>9</v>
      </c>
    </row>
    <row r="19" spans="1:4" ht="18" customHeight="1" x14ac:dyDescent="0.15">
      <c r="A19" s="8">
        <v>12</v>
      </c>
      <c r="B19" s="21">
        <v>2</v>
      </c>
      <c r="C19" s="6">
        <v>3</v>
      </c>
      <c r="D19" s="5">
        <v>5</v>
      </c>
    </row>
    <row r="20" spans="1:4" ht="18" customHeight="1" x14ac:dyDescent="0.15">
      <c r="A20" s="8">
        <v>13</v>
      </c>
      <c r="B20" s="21">
        <v>5</v>
      </c>
      <c r="C20" s="6">
        <v>6</v>
      </c>
      <c r="D20" s="5">
        <v>11</v>
      </c>
    </row>
    <row r="21" spans="1:4" ht="18" customHeight="1" x14ac:dyDescent="0.15">
      <c r="A21" s="8">
        <v>14</v>
      </c>
      <c r="B21" s="21">
        <v>6</v>
      </c>
      <c r="C21" s="6">
        <v>1</v>
      </c>
      <c r="D21" s="5">
        <v>7</v>
      </c>
    </row>
    <row r="22" spans="1:4" ht="18" customHeight="1" x14ac:dyDescent="0.15">
      <c r="A22" s="8" t="s">
        <v>23</v>
      </c>
      <c r="B22" s="21">
        <v>24</v>
      </c>
      <c r="C22" s="6">
        <v>18</v>
      </c>
      <c r="D22" s="5">
        <v>42</v>
      </c>
    </row>
    <row r="23" spans="1:4" ht="18" customHeight="1" x14ac:dyDescent="0.15">
      <c r="A23" s="8" t="s">
        <v>22</v>
      </c>
      <c r="B23" s="21">
        <v>43</v>
      </c>
      <c r="C23" s="6">
        <v>33</v>
      </c>
      <c r="D23" s="5">
        <v>76</v>
      </c>
    </row>
    <row r="24" spans="1:4" ht="18" customHeight="1" x14ac:dyDescent="0.15">
      <c r="A24" s="8">
        <v>15</v>
      </c>
      <c r="B24" s="21">
        <v>10</v>
      </c>
      <c r="C24" s="6">
        <v>2</v>
      </c>
      <c r="D24" s="5">
        <v>12</v>
      </c>
    </row>
    <row r="25" spans="1:4" ht="18" customHeight="1" x14ac:dyDescent="0.15">
      <c r="A25" s="8">
        <v>16</v>
      </c>
      <c r="B25" s="21">
        <v>4</v>
      </c>
      <c r="C25" s="6">
        <v>4</v>
      </c>
      <c r="D25" s="5">
        <v>8</v>
      </c>
    </row>
    <row r="26" spans="1:4" ht="18" customHeight="1" x14ac:dyDescent="0.15">
      <c r="A26" s="8">
        <v>17</v>
      </c>
      <c r="B26" s="21">
        <v>3</v>
      </c>
      <c r="C26" s="6">
        <v>7</v>
      </c>
      <c r="D26" s="5">
        <v>10</v>
      </c>
    </row>
    <row r="27" spans="1:4" ht="18" customHeight="1" x14ac:dyDescent="0.15">
      <c r="A27" s="8">
        <v>18</v>
      </c>
      <c r="B27" s="21">
        <v>8</v>
      </c>
      <c r="C27" s="6">
        <v>1</v>
      </c>
      <c r="D27" s="5">
        <v>9</v>
      </c>
    </row>
    <row r="28" spans="1:4" ht="18" customHeight="1" x14ac:dyDescent="0.15">
      <c r="A28" s="8">
        <v>19</v>
      </c>
      <c r="B28" s="21">
        <v>5</v>
      </c>
      <c r="C28" s="6">
        <v>8</v>
      </c>
      <c r="D28" s="5">
        <v>13</v>
      </c>
    </row>
    <row r="29" spans="1:4" ht="18" customHeight="1" x14ac:dyDescent="0.15">
      <c r="A29" s="8" t="s">
        <v>21</v>
      </c>
      <c r="B29" s="21">
        <v>30</v>
      </c>
      <c r="C29" s="6">
        <v>22</v>
      </c>
      <c r="D29" s="5">
        <v>52</v>
      </c>
    </row>
    <row r="30" spans="1:4" ht="18" customHeight="1" x14ac:dyDescent="0.15">
      <c r="A30" s="8">
        <v>20</v>
      </c>
      <c r="B30" s="21">
        <v>7</v>
      </c>
      <c r="C30" s="6">
        <v>6</v>
      </c>
      <c r="D30" s="5">
        <v>13</v>
      </c>
    </row>
    <row r="31" spans="1:4" ht="18" customHeight="1" x14ac:dyDescent="0.15">
      <c r="A31" s="8">
        <v>21</v>
      </c>
      <c r="B31" s="21">
        <v>3</v>
      </c>
      <c r="C31" s="6">
        <v>5</v>
      </c>
      <c r="D31" s="5">
        <v>8</v>
      </c>
    </row>
    <row r="32" spans="1:4" ht="18" customHeight="1" x14ac:dyDescent="0.15">
      <c r="A32" s="8">
        <v>22</v>
      </c>
      <c r="B32" s="21">
        <v>9</v>
      </c>
      <c r="C32" s="6">
        <v>4</v>
      </c>
      <c r="D32" s="5">
        <v>13</v>
      </c>
    </row>
    <row r="33" spans="1:4" ht="18" customHeight="1" x14ac:dyDescent="0.15">
      <c r="A33" s="8">
        <v>23</v>
      </c>
      <c r="B33" s="21">
        <v>5</v>
      </c>
      <c r="C33" s="6">
        <v>5</v>
      </c>
      <c r="D33" s="5">
        <v>10</v>
      </c>
    </row>
    <row r="34" spans="1:4" ht="18" customHeight="1" x14ac:dyDescent="0.15">
      <c r="A34" s="8">
        <v>24</v>
      </c>
      <c r="B34" s="21">
        <v>7</v>
      </c>
      <c r="C34" s="6">
        <v>3</v>
      </c>
      <c r="D34" s="5">
        <v>10</v>
      </c>
    </row>
    <row r="35" spans="1:4" ht="18" customHeight="1" x14ac:dyDescent="0.15">
      <c r="A35" s="8" t="s">
        <v>20</v>
      </c>
      <c r="B35" s="21">
        <v>31</v>
      </c>
      <c r="C35" s="6">
        <v>23</v>
      </c>
      <c r="D35" s="5">
        <v>54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3</v>
      </c>
      <c r="C38" s="6">
        <v>2</v>
      </c>
      <c r="D38" s="5">
        <v>5</v>
      </c>
    </row>
    <row r="39" spans="1:4" ht="18" customHeight="1" x14ac:dyDescent="0.15">
      <c r="A39" s="8">
        <v>28</v>
      </c>
      <c r="B39" s="21">
        <v>5</v>
      </c>
      <c r="C39" s="6">
        <v>1</v>
      </c>
      <c r="D39" s="5">
        <v>6</v>
      </c>
    </row>
    <row r="40" spans="1:4" ht="18" customHeight="1" x14ac:dyDescent="0.15">
      <c r="A40" s="8">
        <v>29</v>
      </c>
      <c r="B40" s="21">
        <v>4</v>
      </c>
      <c r="C40" s="6">
        <v>1</v>
      </c>
      <c r="D40" s="5">
        <v>5</v>
      </c>
    </row>
    <row r="41" spans="1:4" ht="18" customHeight="1" x14ac:dyDescent="0.15">
      <c r="A41" s="8" t="s">
        <v>19</v>
      </c>
      <c r="B41" s="21">
        <v>15</v>
      </c>
      <c r="C41" s="6">
        <v>7</v>
      </c>
      <c r="D41" s="5">
        <v>22</v>
      </c>
    </row>
    <row r="42" spans="1:4" ht="18" customHeight="1" x14ac:dyDescent="0.15">
      <c r="A42" s="8">
        <v>30</v>
      </c>
      <c r="B42" s="21">
        <v>3</v>
      </c>
      <c r="C42" s="6">
        <v>2</v>
      </c>
      <c r="D42" s="5">
        <v>5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4</v>
      </c>
      <c r="C44" s="6">
        <v>3</v>
      </c>
      <c r="D44" s="5">
        <v>7</v>
      </c>
    </row>
    <row r="45" spans="1:4" ht="18" customHeight="1" x14ac:dyDescent="0.15">
      <c r="A45" s="8">
        <v>33</v>
      </c>
      <c r="B45" s="21">
        <v>4</v>
      </c>
      <c r="C45" s="6">
        <v>2</v>
      </c>
      <c r="D45" s="5">
        <v>6</v>
      </c>
    </row>
    <row r="46" spans="1:4" ht="18" customHeight="1" x14ac:dyDescent="0.15">
      <c r="A46" s="8">
        <v>34</v>
      </c>
      <c r="B46" s="21">
        <v>3</v>
      </c>
      <c r="C46" s="6">
        <v>3</v>
      </c>
      <c r="D46" s="5">
        <v>6</v>
      </c>
    </row>
    <row r="47" spans="1:4" ht="18" customHeight="1" x14ac:dyDescent="0.15">
      <c r="A47" s="8" t="s">
        <v>18</v>
      </c>
      <c r="B47" s="21">
        <v>15</v>
      </c>
      <c r="C47" s="6">
        <v>10</v>
      </c>
      <c r="D47" s="5">
        <v>25</v>
      </c>
    </row>
    <row r="48" spans="1:4" ht="18" customHeight="1" x14ac:dyDescent="0.15">
      <c r="A48" s="8">
        <v>35</v>
      </c>
      <c r="B48" s="21">
        <v>8</v>
      </c>
      <c r="C48" s="6">
        <v>2</v>
      </c>
      <c r="D48" s="5">
        <v>10</v>
      </c>
    </row>
    <row r="49" spans="1:4" ht="18" customHeight="1" x14ac:dyDescent="0.15">
      <c r="A49" s="8">
        <v>36</v>
      </c>
      <c r="B49" s="21">
        <v>2</v>
      </c>
      <c r="C49" s="6">
        <v>5</v>
      </c>
      <c r="D49" s="5">
        <v>7</v>
      </c>
    </row>
    <row r="50" spans="1:4" ht="18" customHeight="1" x14ac:dyDescent="0.15">
      <c r="A50" s="8">
        <v>37</v>
      </c>
      <c r="B50" s="21">
        <v>4</v>
      </c>
      <c r="C50" s="6">
        <v>6</v>
      </c>
      <c r="D50" s="5">
        <v>10</v>
      </c>
    </row>
    <row r="51" spans="1:4" ht="18" customHeight="1" x14ac:dyDescent="0.15">
      <c r="A51" s="8">
        <v>38</v>
      </c>
      <c r="B51" s="21">
        <v>7</v>
      </c>
      <c r="C51" s="6">
        <v>4</v>
      </c>
      <c r="D51" s="5">
        <v>11</v>
      </c>
    </row>
    <row r="52" spans="1:4" ht="18" customHeight="1" x14ac:dyDescent="0.15">
      <c r="A52" s="8">
        <v>39</v>
      </c>
      <c r="B52" s="21">
        <v>1</v>
      </c>
      <c r="C52" s="6">
        <v>5</v>
      </c>
      <c r="D52" s="5">
        <v>6</v>
      </c>
    </row>
    <row r="53" spans="1:4" ht="18" customHeight="1" x14ac:dyDescent="0.15">
      <c r="A53" s="8" t="s">
        <v>17</v>
      </c>
      <c r="B53" s="21">
        <v>22</v>
      </c>
      <c r="C53" s="6">
        <v>22</v>
      </c>
      <c r="D53" s="5">
        <v>44</v>
      </c>
    </row>
    <row r="54" spans="1:4" ht="18" customHeight="1" x14ac:dyDescent="0.15">
      <c r="A54" s="8">
        <v>40</v>
      </c>
      <c r="B54" s="21">
        <v>10</v>
      </c>
      <c r="C54" s="6">
        <v>6</v>
      </c>
      <c r="D54" s="5">
        <v>16</v>
      </c>
    </row>
    <row r="55" spans="1:4" ht="18" customHeight="1" x14ac:dyDescent="0.15">
      <c r="A55" s="8">
        <v>41</v>
      </c>
      <c r="B55" s="21">
        <v>3</v>
      </c>
      <c r="C55" s="6">
        <v>4</v>
      </c>
      <c r="D55" s="5">
        <v>7</v>
      </c>
    </row>
    <row r="56" spans="1:4" ht="18" customHeight="1" x14ac:dyDescent="0.15">
      <c r="A56" s="8">
        <v>42</v>
      </c>
      <c r="B56" s="21">
        <v>3</v>
      </c>
      <c r="C56" s="6">
        <v>5</v>
      </c>
      <c r="D56" s="5">
        <v>8</v>
      </c>
    </row>
    <row r="57" spans="1:4" ht="18" customHeight="1" x14ac:dyDescent="0.15">
      <c r="A57" s="8">
        <v>43</v>
      </c>
      <c r="B57" s="21">
        <v>8</v>
      </c>
      <c r="C57" s="6">
        <v>4</v>
      </c>
      <c r="D57" s="5">
        <v>12</v>
      </c>
    </row>
    <row r="58" spans="1:4" ht="18" customHeight="1" x14ac:dyDescent="0.15">
      <c r="A58" s="8">
        <v>44</v>
      </c>
      <c r="B58" s="21">
        <v>12</v>
      </c>
      <c r="C58" s="6">
        <v>9</v>
      </c>
      <c r="D58" s="5">
        <v>21</v>
      </c>
    </row>
    <row r="59" spans="1:4" ht="18" customHeight="1" x14ac:dyDescent="0.15">
      <c r="A59" s="8" t="s">
        <v>16</v>
      </c>
      <c r="B59" s="21">
        <v>36</v>
      </c>
      <c r="C59" s="6">
        <v>28</v>
      </c>
      <c r="D59" s="5">
        <v>64</v>
      </c>
    </row>
    <row r="60" spans="1:4" ht="18" customHeight="1" x14ac:dyDescent="0.15">
      <c r="A60" s="8">
        <v>45</v>
      </c>
      <c r="B60" s="21">
        <v>7</v>
      </c>
      <c r="C60" s="6">
        <v>9</v>
      </c>
      <c r="D60" s="5">
        <v>16</v>
      </c>
    </row>
    <row r="61" spans="1:4" ht="18" customHeight="1" x14ac:dyDescent="0.15">
      <c r="A61" s="8">
        <v>46</v>
      </c>
      <c r="B61" s="21">
        <v>5</v>
      </c>
      <c r="C61" s="6">
        <v>5</v>
      </c>
      <c r="D61" s="5">
        <v>10</v>
      </c>
    </row>
    <row r="62" spans="1:4" ht="18" customHeight="1" x14ac:dyDescent="0.15">
      <c r="A62" s="8">
        <v>47</v>
      </c>
      <c r="B62" s="21">
        <v>6</v>
      </c>
      <c r="C62" s="6">
        <v>4</v>
      </c>
      <c r="D62" s="5">
        <v>10</v>
      </c>
    </row>
    <row r="63" spans="1:4" ht="18" customHeight="1" x14ac:dyDescent="0.15">
      <c r="A63" s="8">
        <v>48</v>
      </c>
      <c r="B63" s="21">
        <v>8</v>
      </c>
      <c r="C63" s="6">
        <v>6</v>
      </c>
      <c r="D63" s="5">
        <v>14</v>
      </c>
    </row>
    <row r="64" spans="1:4" ht="18" customHeight="1" x14ac:dyDescent="0.15">
      <c r="A64" s="8">
        <v>49</v>
      </c>
      <c r="B64" s="21">
        <v>6</v>
      </c>
      <c r="C64" s="6">
        <v>8</v>
      </c>
      <c r="D64" s="5">
        <v>14</v>
      </c>
    </row>
    <row r="65" spans="1:4" ht="18" customHeight="1" x14ac:dyDescent="0.15">
      <c r="A65" s="8" t="s">
        <v>15</v>
      </c>
      <c r="B65" s="21">
        <v>32</v>
      </c>
      <c r="C65" s="6">
        <v>32</v>
      </c>
      <c r="D65" s="5">
        <v>64</v>
      </c>
    </row>
    <row r="66" spans="1:4" ht="18" customHeight="1" x14ac:dyDescent="0.15">
      <c r="A66" s="8">
        <v>50</v>
      </c>
      <c r="B66" s="21">
        <v>8</v>
      </c>
      <c r="C66" s="6">
        <v>10</v>
      </c>
      <c r="D66" s="5">
        <v>18</v>
      </c>
    </row>
    <row r="67" spans="1:4" ht="18" customHeight="1" x14ac:dyDescent="0.15">
      <c r="A67" s="8">
        <v>51</v>
      </c>
      <c r="B67" s="21">
        <v>14</v>
      </c>
      <c r="C67" s="6">
        <v>10</v>
      </c>
      <c r="D67" s="5">
        <v>24</v>
      </c>
    </row>
    <row r="68" spans="1:4" ht="18" customHeight="1" x14ac:dyDescent="0.15">
      <c r="A68" s="8">
        <v>52</v>
      </c>
      <c r="B68" s="21">
        <v>17</v>
      </c>
      <c r="C68" s="6">
        <v>10</v>
      </c>
      <c r="D68" s="5">
        <v>27</v>
      </c>
    </row>
    <row r="69" spans="1:4" ht="18" customHeight="1" x14ac:dyDescent="0.15">
      <c r="A69" s="8">
        <v>53</v>
      </c>
      <c r="B69" s="21">
        <v>8</v>
      </c>
      <c r="C69" s="6">
        <v>9</v>
      </c>
      <c r="D69" s="5">
        <v>17</v>
      </c>
    </row>
    <row r="70" spans="1:4" ht="18" customHeight="1" x14ac:dyDescent="0.15">
      <c r="A70" s="8">
        <v>54</v>
      </c>
      <c r="B70" s="21">
        <v>9</v>
      </c>
      <c r="C70" s="6">
        <v>6</v>
      </c>
      <c r="D70" s="5">
        <v>15</v>
      </c>
    </row>
    <row r="71" spans="1:4" ht="18" customHeight="1" x14ac:dyDescent="0.15">
      <c r="A71" s="8" t="s">
        <v>14</v>
      </c>
      <c r="B71" s="21">
        <v>56</v>
      </c>
      <c r="C71" s="6">
        <v>45</v>
      </c>
      <c r="D71" s="5">
        <v>101</v>
      </c>
    </row>
    <row r="72" spans="1:4" ht="18" customHeight="1" x14ac:dyDescent="0.15">
      <c r="A72" s="8">
        <v>55</v>
      </c>
      <c r="B72" s="21">
        <v>10</v>
      </c>
      <c r="C72" s="6">
        <v>6</v>
      </c>
      <c r="D72" s="5">
        <v>16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2</v>
      </c>
      <c r="C74" s="6">
        <v>10</v>
      </c>
      <c r="D74" s="5">
        <v>12</v>
      </c>
    </row>
    <row r="75" spans="1:4" ht="18" customHeight="1" x14ac:dyDescent="0.15">
      <c r="A75" s="8">
        <v>58</v>
      </c>
      <c r="B75" s="21">
        <v>6</v>
      </c>
      <c r="C75" s="6">
        <v>12</v>
      </c>
      <c r="D75" s="5">
        <v>18</v>
      </c>
    </row>
    <row r="76" spans="1:4" ht="18" customHeight="1" x14ac:dyDescent="0.15">
      <c r="A76" s="8">
        <v>59</v>
      </c>
      <c r="B76" s="21">
        <v>10</v>
      </c>
      <c r="C76" s="6">
        <v>5</v>
      </c>
      <c r="D76" s="5">
        <v>15</v>
      </c>
    </row>
    <row r="77" spans="1:4" ht="18" customHeight="1" x14ac:dyDescent="0.15">
      <c r="A77" s="8" t="s">
        <v>13</v>
      </c>
      <c r="B77" s="21">
        <v>37</v>
      </c>
      <c r="C77" s="6">
        <v>41</v>
      </c>
      <c r="D77" s="5">
        <v>78</v>
      </c>
    </row>
    <row r="78" spans="1:4" ht="18" customHeight="1" x14ac:dyDescent="0.15">
      <c r="A78" s="8">
        <v>60</v>
      </c>
      <c r="B78" s="21">
        <v>5</v>
      </c>
      <c r="C78" s="6">
        <v>7</v>
      </c>
      <c r="D78" s="5">
        <v>12</v>
      </c>
    </row>
    <row r="79" spans="1:4" ht="18" customHeight="1" x14ac:dyDescent="0.15">
      <c r="A79" s="8">
        <v>61</v>
      </c>
      <c r="B79" s="21">
        <v>7</v>
      </c>
      <c r="C79" s="6">
        <v>8</v>
      </c>
      <c r="D79" s="5">
        <v>15</v>
      </c>
    </row>
    <row r="80" spans="1:4" ht="18" customHeight="1" x14ac:dyDescent="0.15">
      <c r="A80" s="8">
        <v>62</v>
      </c>
      <c r="B80" s="21">
        <v>9</v>
      </c>
      <c r="C80" s="6">
        <v>9</v>
      </c>
      <c r="D80" s="5">
        <v>18</v>
      </c>
    </row>
    <row r="81" spans="1:4" ht="18" customHeight="1" x14ac:dyDescent="0.15">
      <c r="A81" s="8">
        <v>63</v>
      </c>
      <c r="B81" s="21">
        <v>1</v>
      </c>
      <c r="C81" s="6">
        <v>7</v>
      </c>
      <c r="D81" s="5">
        <v>8</v>
      </c>
    </row>
    <row r="82" spans="1:4" ht="18" customHeight="1" x14ac:dyDescent="0.15">
      <c r="A82" s="8">
        <v>64</v>
      </c>
      <c r="B82" s="21">
        <v>6</v>
      </c>
      <c r="C82" s="6">
        <v>10</v>
      </c>
      <c r="D82" s="5">
        <v>16</v>
      </c>
    </row>
    <row r="83" spans="1:4" ht="18" customHeight="1" x14ac:dyDescent="0.15">
      <c r="A83" s="8" t="s">
        <v>12</v>
      </c>
      <c r="B83" s="21">
        <v>28</v>
      </c>
      <c r="C83" s="6">
        <v>41</v>
      </c>
      <c r="D83" s="5">
        <v>69</v>
      </c>
    </row>
    <row r="84" spans="1:4" ht="18" customHeight="1" x14ac:dyDescent="0.15">
      <c r="A84" s="8" t="s">
        <v>11</v>
      </c>
      <c r="B84" s="21">
        <v>302</v>
      </c>
      <c r="C84" s="6">
        <v>271</v>
      </c>
      <c r="D84" s="5">
        <v>573</v>
      </c>
    </row>
    <row r="85" spans="1:4" ht="18" customHeight="1" x14ac:dyDescent="0.15">
      <c r="A85" s="8">
        <v>65</v>
      </c>
      <c r="B85" s="21">
        <v>2</v>
      </c>
      <c r="C85" s="6">
        <v>8</v>
      </c>
      <c r="D85" s="5">
        <v>10</v>
      </c>
    </row>
    <row r="86" spans="1:4" ht="18" customHeight="1" x14ac:dyDescent="0.15">
      <c r="A86" s="8">
        <v>66</v>
      </c>
      <c r="B86" s="21">
        <v>8</v>
      </c>
      <c r="C86" s="6">
        <v>8</v>
      </c>
      <c r="D86" s="5">
        <v>16</v>
      </c>
    </row>
    <row r="87" spans="1:4" ht="18" customHeight="1" x14ac:dyDescent="0.15">
      <c r="A87" s="8">
        <v>67</v>
      </c>
      <c r="B87" s="21">
        <v>8</v>
      </c>
      <c r="C87" s="6">
        <v>15</v>
      </c>
      <c r="D87" s="5">
        <v>23</v>
      </c>
    </row>
    <row r="88" spans="1:4" ht="18" customHeight="1" x14ac:dyDescent="0.15">
      <c r="A88" s="8">
        <v>68</v>
      </c>
      <c r="B88" s="21">
        <v>11</v>
      </c>
      <c r="C88" s="6">
        <v>9</v>
      </c>
      <c r="D88" s="5">
        <v>20</v>
      </c>
    </row>
    <row r="89" spans="1:4" ht="18" customHeight="1" x14ac:dyDescent="0.15">
      <c r="A89" s="8">
        <v>69</v>
      </c>
      <c r="B89" s="21">
        <v>15</v>
      </c>
      <c r="C89" s="6">
        <v>11</v>
      </c>
      <c r="D89" s="5">
        <v>26</v>
      </c>
    </row>
    <row r="90" spans="1:4" ht="18" customHeight="1" x14ac:dyDescent="0.15">
      <c r="A90" s="8" t="s">
        <v>10</v>
      </c>
      <c r="B90" s="21">
        <v>44</v>
      </c>
      <c r="C90" s="6">
        <v>51</v>
      </c>
      <c r="D90" s="5">
        <v>95</v>
      </c>
    </row>
    <row r="91" spans="1:4" ht="18" customHeight="1" x14ac:dyDescent="0.15">
      <c r="A91" s="8">
        <v>70</v>
      </c>
      <c r="B91" s="21">
        <v>9</v>
      </c>
      <c r="C91" s="6">
        <v>7</v>
      </c>
      <c r="D91" s="5">
        <v>16</v>
      </c>
    </row>
    <row r="92" spans="1:4" ht="18" customHeight="1" x14ac:dyDescent="0.15">
      <c r="A92" s="8">
        <v>71</v>
      </c>
      <c r="B92" s="21">
        <v>14</v>
      </c>
      <c r="C92" s="6">
        <v>16</v>
      </c>
      <c r="D92" s="5">
        <v>30</v>
      </c>
    </row>
    <row r="93" spans="1:4" ht="18" customHeight="1" x14ac:dyDescent="0.15">
      <c r="A93" s="8">
        <v>72</v>
      </c>
      <c r="B93" s="21">
        <v>20</v>
      </c>
      <c r="C93" s="6">
        <v>12</v>
      </c>
      <c r="D93" s="5">
        <v>32</v>
      </c>
    </row>
    <row r="94" spans="1:4" ht="18" customHeight="1" x14ac:dyDescent="0.15">
      <c r="A94" s="8">
        <v>73</v>
      </c>
      <c r="B94" s="21">
        <v>16</v>
      </c>
      <c r="C94" s="6">
        <v>13</v>
      </c>
      <c r="D94" s="5">
        <v>29</v>
      </c>
    </row>
    <row r="95" spans="1:4" ht="18" customHeight="1" x14ac:dyDescent="0.15">
      <c r="A95" s="8">
        <v>74</v>
      </c>
      <c r="B95" s="21">
        <v>12</v>
      </c>
      <c r="C95" s="6">
        <v>12</v>
      </c>
      <c r="D95" s="5">
        <v>24</v>
      </c>
    </row>
    <row r="96" spans="1:4" ht="18" customHeight="1" x14ac:dyDescent="0.15">
      <c r="A96" s="8" t="s">
        <v>9</v>
      </c>
      <c r="B96" s="21">
        <v>71</v>
      </c>
      <c r="C96" s="6">
        <v>60</v>
      </c>
      <c r="D96" s="5">
        <v>131</v>
      </c>
    </row>
    <row r="97" spans="1:4" ht="18" customHeight="1" x14ac:dyDescent="0.15">
      <c r="A97" s="8">
        <v>75</v>
      </c>
      <c r="B97" s="21">
        <v>7</v>
      </c>
      <c r="C97" s="6">
        <v>15</v>
      </c>
      <c r="D97" s="5">
        <v>22</v>
      </c>
    </row>
    <row r="98" spans="1:4" ht="18" customHeight="1" x14ac:dyDescent="0.15">
      <c r="A98" s="8">
        <v>76</v>
      </c>
      <c r="B98" s="21">
        <v>17</v>
      </c>
      <c r="C98" s="6">
        <v>14</v>
      </c>
      <c r="D98" s="5">
        <v>31</v>
      </c>
    </row>
    <row r="99" spans="1:4" ht="18" customHeight="1" x14ac:dyDescent="0.15">
      <c r="A99" s="8">
        <v>77</v>
      </c>
      <c r="B99" s="21">
        <v>12</v>
      </c>
      <c r="C99" s="6">
        <v>15</v>
      </c>
      <c r="D99" s="5">
        <v>27</v>
      </c>
    </row>
    <row r="100" spans="1:4" ht="18" customHeight="1" x14ac:dyDescent="0.15">
      <c r="A100" s="8">
        <v>78</v>
      </c>
      <c r="B100" s="21">
        <v>13</v>
      </c>
      <c r="C100" s="6">
        <v>10</v>
      </c>
      <c r="D100" s="5">
        <v>23</v>
      </c>
    </row>
    <row r="101" spans="1:4" ht="18" customHeight="1" x14ac:dyDescent="0.15">
      <c r="A101" s="8">
        <v>79</v>
      </c>
      <c r="B101" s="21">
        <v>7</v>
      </c>
      <c r="C101" s="6">
        <v>11</v>
      </c>
      <c r="D101" s="5">
        <v>18</v>
      </c>
    </row>
    <row r="102" spans="1:4" ht="18" customHeight="1" x14ac:dyDescent="0.15">
      <c r="A102" s="8" t="s">
        <v>8</v>
      </c>
      <c r="B102" s="21">
        <v>56</v>
      </c>
      <c r="C102" s="6">
        <v>65</v>
      </c>
      <c r="D102" s="5">
        <v>121</v>
      </c>
    </row>
    <row r="103" spans="1:4" ht="18" customHeight="1" x14ac:dyDescent="0.15">
      <c r="A103" s="8">
        <v>80</v>
      </c>
      <c r="B103" s="21">
        <v>6</v>
      </c>
      <c r="C103" s="6">
        <v>3</v>
      </c>
      <c r="D103" s="5">
        <v>9</v>
      </c>
    </row>
    <row r="104" spans="1:4" ht="18" customHeight="1" x14ac:dyDescent="0.15">
      <c r="A104" s="8">
        <v>81</v>
      </c>
      <c r="B104" s="21">
        <v>6</v>
      </c>
      <c r="C104" s="6">
        <v>6</v>
      </c>
      <c r="D104" s="5">
        <v>12</v>
      </c>
    </row>
    <row r="105" spans="1:4" ht="18" customHeight="1" x14ac:dyDescent="0.15">
      <c r="A105" s="8">
        <v>82</v>
      </c>
      <c r="B105" s="21">
        <v>7</v>
      </c>
      <c r="C105" s="6">
        <v>7</v>
      </c>
      <c r="D105" s="5">
        <v>14</v>
      </c>
    </row>
    <row r="106" spans="1:4" ht="18" customHeight="1" x14ac:dyDescent="0.15">
      <c r="A106" s="8">
        <v>83</v>
      </c>
      <c r="B106" s="21">
        <v>6</v>
      </c>
      <c r="C106" s="6">
        <v>9</v>
      </c>
      <c r="D106" s="5">
        <v>15</v>
      </c>
    </row>
    <row r="107" spans="1:4" ht="18" customHeight="1" x14ac:dyDescent="0.15">
      <c r="A107" s="8">
        <v>84</v>
      </c>
      <c r="B107" s="21">
        <v>6</v>
      </c>
      <c r="C107" s="6">
        <v>15</v>
      </c>
      <c r="D107" s="5">
        <v>21</v>
      </c>
    </row>
    <row r="108" spans="1:4" ht="18" customHeight="1" x14ac:dyDescent="0.15">
      <c r="A108" s="8" t="s">
        <v>7</v>
      </c>
      <c r="B108" s="21">
        <v>31</v>
      </c>
      <c r="C108" s="6">
        <v>40</v>
      </c>
      <c r="D108" s="5">
        <v>71</v>
      </c>
    </row>
    <row r="109" spans="1:4" ht="18" customHeight="1" x14ac:dyDescent="0.15">
      <c r="A109" s="8">
        <v>85</v>
      </c>
      <c r="B109" s="21">
        <v>2</v>
      </c>
      <c r="C109" s="6">
        <v>5</v>
      </c>
      <c r="D109" s="5">
        <v>7</v>
      </c>
    </row>
    <row r="110" spans="1:4" ht="18" customHeight="1" x14ac:dyDescent="0.15">
      <c r="A110" s="8">
        <v>86</v>
      </c>
      <c r="B110" s="21">
        <v>5</v>
      </c>
      <c r="C110" s="6">
        <v>6</v>
      </c>
      <c r="D110" s="5">
        <v>11</v>
      </c>
    </row>
    <row r="111" spans="1:4" ht="18" customHeight="1" x14ac:dyDescent="0.15">
      <c r="A111" s="8">
        <v>87</v>
      </c>
      <c r="B111" s="21">
        <v>5</v>
      </c>
      <c r="C111" s="6">
        <v>2</v>
      </c>
      <c r="D111" s="5">
        <v>7</v>
      </c>
    </row>
    <row r="112" spans="1:4" ht="18" customHeight="1" x14ac:dyDescent="0.15">
      <c r="A112" s="8">
        <v>88</v>
      </c>
      <c r="B112" s="21">
        <v>3</v>
      </c>
      <c r="C112" s="6">
        <v>6</v>
      </c>
      <c r="D112" s="5">
        <v>9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19</v>
      </c>
      <c r="C114" s="6">
        <v>25</v>
      </c>
      <c r="D114" s="5">
        <v>44</v>
      </c>
    </row>
    <row r="115" spans="1:4" ht="18" customHeight="1" x14ac:dyDescent="0.15">
      <c r="A115" s="8">
        <v>90</v>
      </c>
      <c r="B115" s="21">
        <v>4</v>
      </c>
      <c r="C115" s="6">
        <v>8</v>
      </c>
      <c r="D115" s="5">
        <v>12</v>
      </c>
    </row>
    <row r="116" spans="1:4" ht="18" customHeight="1" x14ac:dyDescent="0.15">
      <c r="A116" s="8">
        <v>91</v>
      </c>
      <c r="B116" s="21">
        <v>2</v>
      </c>
      <c r="C116" s="6">
        <v>7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7</v>
      </c>
      <c r="D117" s="5">
        <v>8</v>
      </c>
    </row>
    <row r="118" spans="1:4" ht="18" customHeight="1" x14ac:dyDescent="0.15">
      <c r="A118" s="8">
        <v>93</v>
      </c>
      <c r="B118" s="21">
        <v>0</v>
      </c>
      <c r="C118" s="6">
        <v>7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1</v>
      </c>
      <c r="D119" s="5">
        <v>2</v>
      </c>
    </row>
    <row r="120" spans="1:4" ht="18" customHeight="1" x14ac:dyDescent="0.15">
      <c r="A120" s="8" t="s">
        <v>5</v>
      </c>
      <c r="B120" s="21">
        <v>8</v>
      </c>
      <c r="C120" s="6">
        <v>30</v>
      </c>
      <c r="D120" s="5">
        <v>38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5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3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230</v>
      </c>
      <c r="C130" s="6">
        <v>285</v>
      </c>
      <c r="D130" s="5">
        <v>515</v>
      </c>
    </row>
    <row r="131" spans="1:4" ht="18" customHeight="1" x14ac:dyDescent="0.15">
      <c r="A131" s="4" t="s">
        <v>0</v>
      </c>
      <c r="B131" s="20">
        <v>575</v>
      </c>
      <c r="C131" s="2">
        <v>589</v>
      </c>
      <c r="D131" s="1">
        <v>11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5403AB-ADEF-41CF-A6CA-2F7C0085B8B1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1</v>
      </c>
      <c r="D9" s="27">
        <v>2</v>
      </c>
    </row>
    <row r="10" spans="1:4" ht="18" customHeight="1" x14ac:dyDescent="0.15">
      <c r="A10" s="8" t="s">
        <v>25</v>
      </c>
      <c r="B10" s="21">
        <v>4</v>
      </c>
      <c r="C10" s="6">
        <v>7</v>
      </c>
      <c r="D10" s="5">
        <v>11</v>
      </c>
    </row>
    <row r="11" spans="1:4" ht="18" customHeight="1" x14ac:dyDescent="0.15">
      <c r="A11" s="8">
        <v>5</v>
      </c>
      <c r="B11" s="26">
        <v>2</v>
      </c>
      <c r="C11" s="6">
        <v>5</v>
      </c>
      <c r="D11" s="5">
        <v>7</v>
      </c>
    </row>
    <row r="12" spans="1:4" ht="18" customHeight="1" x14ac:dyDescent="0.15">
      <c r="A12" s="8">
        <v>6</v>
      </c>
      <c r="B12" s="26">
        <v>0</v>
      </c>
      <c r="C12" s="6">
        <v>2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2</v>
      </c>
      <c r="C14" s="6">
        <v>1</v>
      </c>
      <c r="D14" s="5">
        <v>3</v>
      </c>
    </row>
    <row r="15" spans="1:4" ht="18" customHeight="1" x14ac:dyDescent="0.15">
      <c r="A15" s="8">
        <v>9</v>
      </c>
      <c r="B15" s="26">
        <v>1</v>
      </c>
      <c r="C15" s="6">
        <v>1</v>
      </c>
      <c r="D15" s="5">
        <v>2</v>
      </c>
    </row>
    <row r="16" spans="1:4" ht="18" customHeight="1" x14ac:dyDescent="0.15">
      <c r="A16" s="8" t="s">
        <v>24</v>
      </c>
      <c r="B16" s="21">
        <v>6</v>
      </c>
      <c r="C16" s="6">
        <v>10</v>
      </c>
      <c r="D16" s="5">
        <v>16</v>
      </c>
    </row>
    <row r="17" spans="1:4" ht="18" customHeight="1" x14ac:dyDescent="0.15">
      <c r="A17" s="8">
        <v>10</v>
      </c>
      <c r="B17" s="21">
        <v>1</v>
      </c>
      <c r="C17" s="6">
        <v>0</v>
      </c>
      <c r="D17" s="5">
        <v>1</v>
      </c>
    </row>
    <row r="18" spans="1:4" ht="18" customHeight="1" x14ac:dyDescent="0.15">
      <c r="A18" s="8">
        <v>11</v>
      </c>
      <c r="B18" s="21">
        <v>2</v>
      </c>
      <c r="C18" s="6">
        <v>3</v>
      </c>
      <c r="D18" s="5">
        <v>5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6</v>
      </c>
      <c r="C21" s="6">
        <v>2</v>
      </c>
      <c r="D21" s="5">
        <v>8</v>
      </c>
    </row>
    <row r="22" spans="1:4" ht="18" customHeight="1" x14ac:dyDescent="0.15">
      <c r="A22" s="8" t="s">
        <v>23</v>
      </c>
      <c r="B22" s="21">
        <v>14</v>
      </c>
      <c r="C22" s="6">
        <v>8</v>
      </c>
      <c r="D22" s="5">
        <v>22</v>
      </c>
    </row>
    <row r="23" spans="1:4" ht="18" customHeight="1" x14ac:dyDescent="0.15">
      <c r="A23" s="8" t="s">
        <v>22</v>
      </c>
      <c r="B23" s="21">
        <v>24</v>
      </c>
      <c r="C23" s="6">
        <v>25</v>
      </c>
      <c r="D23" s="5">
        <v>49</v>
      </c>
    </row>
    <row r="24" spans="1:4" ht="18" customHeight="1" x14ac:dyDescent="0.15">
      <c r="A24" s="8">
        <v>15</v>
      </c>
      <c r="B24" s="21">
        <v>8</v>
      </c>
      <c r="C24" s="6">
        <v>1</v>
      </c>
      <c r="D24" s="5">
        <v>9</v>
      </c>
    </row>
    <row r="25" spans="1:4" ht="18" customHeight="1" x14ac:dyDescent="0.15">
      <c r="A25" s="8">
        <v>16</v>
      </c>
      <c r="B25" s="21">
        <v>7</v>
      </c>
      <c r="C25" s="6">
        <v>1</v>
      </c>
      <c r="D25" s="5">
        <v>8</v>
      </c>
    </row>
    <row r="26" spans="1:4" ht="18" customHeight="1" x14ac:dyDescent="0.15">
      <c r="A26" s="8">
        <v>17</v>
      </c>
      <c r="B26" s="21">
        <v>3</v>
      </c>
      <c r="C26" s="6">
        <v>3</v>
      </c>
      <c r="D26" s="5">
        <v>6</v>
      </c>
    </row>
    <row r="27" spans="1:4" ht="18" customHeight="1" x14ac:dyDescent="0.15">
      <c r="A27" s="8">
        <v>18</v>
      </c>
      <c r="B27" s="21">
        <v>3</v>
      </c>
      <c r="C27" s="6">
        <v>1</v>
      </c>
      <c r="D27" s="5">
        <v>4</v>
      </c>
    </row>
    <row r="28" spans="1:4" ht="18" customHeight="1" x14ac:dyDescent="0.15">
      <c r="A28" s="8">
        <v>19</v>
      </c>
      <c r="B28" s="21">
        <v>11</v>
      </c>
      <c r="C28" s="6">
        <v>6</v>
      </c>
      <c r="D28" s="5">
        <v>17</v>
      </c>
    </row>
    <row r="29" spans="1:4" ht="18" customHeight="1" x14ac:dyDescent="0.15">
      <c r="A29" s="8" t="s">
        <v>21</v>
      </c>
      <c r="B29" s="21">
        <v>32</v>
      </c>
      <c r="C29" s="6">
        <v>12</v>
      </c>
      <c r="D29" s="5">
        <v>44</v>
      </c>
    </row>
    <row r="30" spans="1:4" ht="18" customHeight="1" x14ac:dyDescent="0.15">
      <c r="A30" s="8">
        <v>20</v>
      </c>
      <c r="B30" s="21">
        <v>5</v>
      </c>
      <c r="C30" s="6">
        <v>2</v>
      </c>
      <c r="D30" s="5">
        <v>7</v>
      </c>
    </row>
    <row r="31" spans="1:4" ht="18" customHeight="1" x14ac:dyDescent="0.15">
      <c r="A31" s="8">
        <v>21</v>
      </c>
      <c r="B31" s="21">
        <v>6</v>
      </c>
      <c r="C31" s="6">
        <v>3</v>
      </c>
      <c r="D31" s="5">
        <v>9</v>
      </c>
    </row>
    <row r="32" spans="1:4" ht="18" customHeight="1" x14ac:dyDescent="0.15">
      <c r="A32" s="8">
        <v>22</v>
      </c>
      <c r="B32" s="21">
        <v>5</v>
      </c>
      <c r="C32" s="6">
        <v>8</v>
      </c>
      <c r="D32" s="5">
        <v>13</v>
      </c>
    </row>
    <row r="33" spans="1:4" ht="18" customHeight="1" x14ac:dyDescent="0.15">
      <c r="A33" s="8">
        <v>23</v>
      </c>
      <c r="B33" s="21">
        <v>2</v>
      </c>
      <c r="C33" s="6">
        <v>4</v>
      </c>
      <c r="D33" s="5">
        <v>6</v>
      </c>
    </row>
    <row r="34" spans="1:4" ht="18" customHeight="1" x14ac:dyDescent="0.15">
      <c r="A34" s="8">
        <v>24</v>
      </c>
      <c r="B34" s="21">
        <v>1</v>
      </c>
      <c r="C34" s="6">
        <v>2</v>
      </c>
      <c r="D34" s="5">
        <v>3</v>
      </c>
    </row>
    <row r="35" spans="1:4" ht="18" customHeight="1" x14ac:dyDescent="0.15">
      <c r="A35" s="8" t="s">
        <v>20</v>
      </c>
      <c r="B35" s="21">
        <v>19</v>
      </c>
      <c r="C35" s="6">
        <v>19</v>
      </c>
      <c r="D35" s="5">
        <v>38</v>
      </c>
    </row>
    <row r="36" spans="1:4" ht="18" customHeight="1" x14ac:dyDescent="0.15">
      <c r="A36" s="8">
        <v>25</v>
      </c>
      <c r="B36" s="21">
        <v>3</v>
      </c>
      <c r="C36" s="6">
        <v>3</v>
      </c>
      <c r="D36" s="5">
        <v>6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5</v>
      </c>
      <c r="C38" s="6">
        <v>3</v>
      </c>
      <c r="D38" s="5">
        <v>8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3</v>
      </c>
      <c r="C40" s="6">
        <v>3</v>
      </c>
      <c r="D40" s="5">
        <v>6</v>
      </c>
    </row>
    <row r="41" spans="1:4" ht="18" customHeight="1" x14ac:dyDescent="0.15">
      <c r="A41" s="8" t="s">
        <v>19</v>
      </c>
      <c r="B41" s="21">
        <v>15</v>
      </c>
      <c r="C41" s="6">
        <v>11</v>
      </c>
      <c r="D41" s="5">
        <v>26</v>
      </c>
    </row>
    <row r="42" spans="1:4" ht="18" customHeight="1" x14ac:dyDescent="0.15">
      <c r="A42" s="8">
        <v>30</v>
      </c>
      <c r="B42" s="21">
        <v>3</v>
      </c>
      <c r="C42" s="6">
        <v>5</v>
      </c>
      <c r="D42" s="5">
        <v>8</v>
      </c>
    </row>
    <row r="43" spans="1:4" ht="18" customHeight="1" x14ac:dyDescent="0.15">
      <c r="A43" s="8">
        <v>31</v>
      </c>
      <c r="B43" s="21">
        <v>1</v>
      </c>
      <c r="C43" s="6">
        <v>3</v>
      </c>
      <c r="D43" s="5">
        <v>4</v>
      </c>
    </row>
    <row r="44" spans="1:4" ht="18" customHeight="1" x14ac:dyDescent="0.15">
      <c r="A44" s="8">
        <v>32</v>
      </c>
      <c r="B44" s="21">
        <v>1</v>
      </c>
      <c r="C44" s="6">
        <v>3</v>
      </c>
      <c r="D44" s="5">
        <v>4</v>
      </c>
    </row>
    <row r="45" spans="1:4" ht="18" customHeight="1" x14ac:dyDescent="0.15">
      <c r="A45" s="8">
        <v>33</v>
      </c>
      <c r="B45" s="21">
        <v>2</v>
      </c>
      <c r="C45" s="6">
        <v>1</v>
      </c>
      <c r="D45" s="5">
        <v>3</v>
      </c>
    </row>
    <row r="46" spans="1:4" ht="18" customHeight="1" x14ac:dyDescent="0.15">
      <c r="A46" s="8">
        <v>34</v>
      </c>
      <c r="B46" s="21">
        <v>6</v>
      </c>
      <c r="C46" s="6">
        <v>2</v>
      </c>
      <c r="D46" s="5">
        <v>8</v>
      </c>
    </row>
    <row r="47" spans="1:4" ht="18" customHeight="1" x14ac:dyDescent="0.15">
      <c r="A47" s="8" t="s">
        <v>18</v>
      </c>
      <c r="B47" s="21">
        <v>13</v>
      </c>
      <c r="C47" s="6">
        <v>14</v>
      </c>
      <c r="D47" s="5">
        <v>27</v>
      </c>
    </row>
    <row r="48" spans="1:4" ht="18" customHeight="1" x14ac:dyDescent="0.15">
      <c r="A48" s="8">
        <v>35</v>
      </c>
      <c r="B48" s="21">
        <v>2</v>
      </c>
      <c r="C48" s="6">
        <v>1</v>
      </c>
      <c r="D48" s="5">
        <v>3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2</v>
      </c>
      <c r="C50" s="6">
        <v>4</v>
      </c>
      <c r="D50" s="5">
        <v>6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5</v>
      </c>
      <c r="C52" s="6">
        <v>5</v>
      </c>
      <c r="D52" s="5">
        <v>10</v>
      </c>
    </row>
    <row r="53" spans="1:4" ht="18" customHeight="1" x14ac:dyDescent="0.15">
      <c r="A53" s="8" t="s">
        <v>17</v>
      </c>
      <c r="B53" s="21">
        <v>13</v>
      </c>
      <c r="C53" s="6">
        <v>11</v>
      </c>
      <c r="D53" s="5">
        <v>24</v>
      </c>
    </row>
    <row r="54" spans="1:4" ht="18" customHeight="1" x14ac:dyDescent="0.15">
      <c r="A54" s="8">
        <v>40</v>
      </c>
      <c r="B54" s="21">
        <v>4</v>
      </c>
      <c r="C54" s="6">
        <v>3</v>
      </c>
      <c r="D54" s="5">
        <v>7</v>
      </c>
    </row>
    <row r="55" spans="1:4" ht="18" customHeight="1" x14ac:dyDescent="0.15">
      <c r="A55" s="8">
        <v>41</v>
      </c>
      <c r="B55" s="21">
        <v>2</v>
      </c>
      <c r="C55" s="6">
        <v>5</v>
      </c>
      <c r="D55" s="5">
        <v>7</v>
      </c>
    </row>
    <row r="56" spans="1:4" ht="18" customHeight="1" x14ac:dyDescent="0.15">
      <c r="A56" s="8">
        <v>42</v>
      </c>
      <c r="B56" s="21">
        <v>7</v>
      </c>
      <c r="C56" s="6">
        <v>1</v>
      </c>
      <c r="D56" s="5">
        <v>8</v>
      </c>
    </row>
    <row r="57" spans="1:4" ht="18" customHeight="1" x14ac:dyDescent="0.15">
      <c r="A57" s="8">
        <v>43</v>
      </c>
      <c r="B57" s="21">
        <v>6</v>
      </c>
      <c r="C57" s="6">
        <v>0</v>
      </c>
      <c r="D57" s="5">
        <v>6</v>
      </c>
    </row>
    <row r="58" spans="1:4" ht="18" customHeight="1" x14ac:dyDescent="0.15">
      <c r="A58" s="8">
        <v>44</v>
      </c>
      <c r="B58" s="21">
        <v>4</v>
      </c>
      <c r="C58" s="6">
        <v>3</v>
      </c>
      <c r="D58" s="5">
        <v>7</v>
      </c>
    </row>
    <row r="59" spans="1:4" ht="18" customHeight="1" x14ac:dyDescent="0.15">
      <c r="A59" s="8" t="s">
        <v>16</v>
      </c>
      <c r="B59" s="21">
        <v>23</v>
      </c>
      <c r="C59" s="6">
        <v>12</v>
      </c>
      <c r="D59" s="5">
        <v>35</v>
      </c>
    </row>
    <row r="60" spans="1:4" ht="18" customHeight="1" x14ac:dyDescent="0.15">
      <c r="A60" s="8">
        <v>45</v>
      </c>
      <c r="B60" s="21">
        <v>3</v>
      </c>
      <c r="C60" s="6">
        <v>8</v>
      </c>
      <c r="D60" s="5">
        <v>11</v>
      </c>
    </row>
    <row r="61" spans="1:4" ht="18" customHeight="1" x14ac:dyDescent="0.15">
      <c r="A61" s="8">
        <v>46</v>
      </c>
      <c r="B61" s="21">
        <v>6</v>
      </c>
      <c r="C61" s="6">
        <v>3</v>
      </c>
      <c r="D61" s="5">
        <v>9</v>
      </c>
    </row>
    <row r="62" spans="1:4" ht="18" customHeight="1" x14ac:dyDescent="0.15">
      <c r="A62" s="8">
        <v>47</v>
      </c>
      <c r="B62" s="21">
        <v>7</v>
      </c>
      <c r="C62" s="6">
        <v>4</v>
      </c>
      <c r="D62" s="5">
        <v>11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12</v>
      </c>
      <c r="C64" s="6">
        <v>6</v>
      </c>
      <c r="D64" s="5">
        <v>18</v>
      </c>
    </row>
    <row r="65" spans="1:4" ht="18" customHeight="1" x14ac:dyDescent="0.15">
      <c r="A65" s="8" t="s">
        <v>15</v>
      </c>
      <c r="B65" s="21">
        <v>32</v>
      </c>
      <c r="C65" s="6">
        <v>23</v>
      </c>
      <c r="D65" s="5">
        <v>55</v>
      </c>
    </row>
    <row r="66" spans="1:4" ht="18" customHeight="1" x14ac:dyDescent="0.15">
      <c r="A66" s="8">
        <v>50</v>
      </c>
      <c r="B66" s="21">
        <v>5</v>
      </c>
      <c r="C66" s="6">
        <v>5</v>
      </c>
      <c r="D66" s="5">
        <v>10</v>
      </c>
    </row>
    <row r="67" spans="1:4" ht="18" customHeight="1" x14ac:dyDescent="0.15">
      <c r="A67" s="8">
        <v>51</v>
      </c>
      <c r="B67" s="21">
        <v>9</v>
      </c>
      <c r="C67" s="6">
        <v>7</v>
      </c>
      <c r="D67" s="5">
        <v>16</v>
      </c>
    </row>
    <row r="68" spans="1:4" ht="18" customHeight="1" x14ac:dyDescent="0.15">
      <c r="A68" s="8">
        <v>52</v>
      </c>
      <c r="B68" s="21">
        <v>9</v>
      </c>
      <c r="C68" s="6">
        <v>8</v>
      </c>
      <c r="D68" s="5">
        <v>17</v>
      </c>
    </row>
    <row r="69" spans="1:4" ht="18" customHeight="1" x14ac:dyDescent="0.15">
      <c r="A69" s="8">
        <v>53</v>
      </c>
      <c r="B69" s="21">
        <v>7</v>
      </c>
      <c r="C69" s="6">
        <v>6</v>
      </c>
      <c r="D69" s="5">
        <v>13</v>
      </c>
    </row>
    <row r="70" spans="1:4" ht="18" customHeight="1" x14ac:dyDescent="0.15">
      <c r="A70" s="8">
        <v>54</v>
      </c>
      <c r="B70" s="21">
        <v>2</v>
      </c>
      <c r="C70" s="6">
        <v>5</v>
      </c>
      <c r="D70" s="5">
        <v>7</v>
      </c>
    </row>
    <row r="71" spans="1:4" ht="18" customHeight="1" x14ac:dyDescent="0.15">
      <c r="A71" s="8" t="s">
        <v>14</v>
      </c>
      <c r="B71" s="21">
        <v>32</v>
      </c>
      <c r="C71" s="6">
        <v>31</v>
      </c>
      <c r="D71" s="5">
        <v>63</v>
      </c>
    </row>
    <row r="72" spans="1:4" ht="18" customHeight="1" x14ac:dyDescent="0.15">
      <c r="A72" s="8">
        <v>55</v>
      </c>
      <c r="B72" s="21">
        <v>6</v>
      </c>
      <c r="C72" s="6">
        <v>11</v>
      </c>
      <c r="D72" s="5">
        <v>17</v>
      </c>
    </row>
    <row r="73" spans="1:4" ht="18" customHeight="1" x14ac:dyDescent="0.15">
      <c r="A73" s="8">
        <v>56</v>
      </c>
      <c r="B73" s="21">
        <v>6</v>
      </c>
      <c r="C73" s="6">
        <v>6</v>
      </c>
      <c r="D73" s="5">
        <v>12</v>
      </c>
    </row>
    <row r="74" spans="1:4" ht="18" customHeight="1" x14ac:dyDescent="0.15">
      <c r="A74" s="8">
        <v>57</v>
      </c>
      <c r="B74" s="21">
        <v>4</v>
      </c>
      <c r="C74" s="6">
        <v>6</v>
      </c>
      <c r="D74" s="5">
        <v>10</v>
      </c>
    </row>
    <row r="75" spans="1:4" ht="18" customHeight="1" x14ac:dyDescent="0.15">
      <c r="A75" s="8">
        <v>58</v>
      </c>
      <c r="B75" s="21">
        <v>7</v>
      </c>
      <c r="C75" s="6">
        <v>5</v>
      </c>
      <c r="D75" s="5">
        <v>12</v>
      </c>
    </row>
    <row r="76" spans="1:4" ht="18" customHeight="1" x14ac:dyDescent="0.15">
      <c r="A76" s="8">
        <v>59</v>
      </c>
      <c r="B76" s="21">
        <v>4</v>
      </c>
      <c r="C76" s="6">
        <v>4</v>
      </c>
      <c r="D76" s="5">
        <v>8</v>
      </c>
    </row>
    <row r="77" spans="1:4" ht="18" customHeight="1" x14ac:dyDescent="0.15">
      <c r="A77" s="8" t="s">
        <v>13</v>
      </c>
      <c r="B77" s="21">
        <v>27</v>
      </c>
      <c r="C77" s="6">
        <v>32</v>
      </c>
      <c r="D77" s="5">
        <v>59</v>
      </c>
    </row>
    <row r="78" spans="1:4" ht="18" customHeight="1" x14ac:dyDescent="0.15">
      <c r="A78" s="8">
        <v>60</v>
      </c>
      <c r="B78" s="21">
        <v>3</v>
      </c>
      <c r="C78" s="6">
        <v>4</v>
      </c>
      <c r="D78" s="5">
        <v>7</v>
      </c>
    </row>
    <row r="79" spans="1:4" ht="18" customHeight="1" x14ac:dyDescent="0.15">
      <c r="A79" s="8">
        <v>61</v>
      </c>
      <c r="B79" s="21">
        <v>6</v>
      </c>
      <c r="C79" s="6">
        <v>6</v>
      </c>
      <c r="D79" s="5">
        <v>12</v>
      </c>
    </row>
    <row r="80" spans="1:4" ht="18" customHeight="1" x14ac:dyDescent="0.15">
      <c r="A80" s="8">
        <v>62</v>
      </c>
      <c r="B80" s="21">
        <v>5</v>
      </c>
      <c r="C80" s="6">
        <v>7</v>
      </c>
      <c r="D80" s="5">
        <v>12</v>
      </c>
    </row>
    <row r="81" spans="1:4" ht="18" customHeight="1" x14ac:dyDescent="0.15">
      <c r="A81" s="8">
        <v>63</v>
      </c>
      <c r="B81" s="21">
        <v>6</v>
      </c>
      <c r="C81" s="6">
        <v>4</v>
      </c>
      <c r="D81" s="5">
        <v>10</v>
      </c>
    </row>
    <row r="82" spans="1:4" ht="18" customHeight="1" x14ac:dyDescent="0.15">
      <c r="A82" s="8">
        <v>64</v>
      </c>
      <c r="B82" s="21">
        <v>4</v>
      </c>
      <c r="C82" s="6">
        <v>6</v>
      </c>
      <c r="D82" s="5">
        <v>10</v>
      </c>
    </row>
    <row r="83" spans="1:4" ht="18" customHeight="1" x14ac:dyDescent="0.15">
      <c r="A83" s="8" t="s">
        <v>12</v>
      </c>
      <c r="B83" s="21">
        <v>24</v>
      </c>
      <c r="C83" s="6">
        <v>27</v>
      </c>
      <c r="D83" s="5">
        <v>51</v>
      </c>
    </row>
    <row r="84" spans="1:4" ht="18" customHeight="1" x14ac:dyDescent="0.15">
      <c r="A84" s="8" t="s">
        <v>11</v>
      </c>
      <c r="B84" s="21">
        <v>230</v>
      </c>
      <c r="C84" s="6">
        <v>192</v>
      </c>
      <c r="D84" s="5">
        <v>422</v>
      </c>
    </row>
    <row r="85" spans="1:4" ht="18" customHeight="1" x14ac:dyDescent="0.15">
      <c r="A85" s="8">
        <v>65</v>
      </c>
      <c r="B85" s="21">
        <v>6</v>
      </c>
      <c r="C85" s="6">
        <v>4</v>
      </c>
      <c r="D85" s="5">
        <v>10</v>
      </c>
    </row>
    <row r="86" spans="1:4" ht="18" customHeight="1" x14ac:dyDescent="0.15">
      <c r="A86" s="8">
        <v>66</v>
      </c>
      <c r="B86" s="21">
        <v>4</v>
      </c>
      <c r="C86" s="6">
        <v>8</v>
      </c>
      <c r="D86" s="5">
        <v>12</v>
      </c>
    </row>
    <row r="87" spans="1:4" ht="18" customHeight="1" x14ac:dyDescent="0.15">
      <c r="A87" s="8">
        <v>67</v>
      </c>
      <c r="B87" s="21">
        <v>8</v>
      </c>
      <c r="C87" s="6">
        <v>8</v>
      </c>
      <c r="D87" s="5">
        <v>16</v>
      </c>
    </row>
    <row r="88" spans="1:4" ht="18" customHeight="1" x14ac:dyDescent="0.15">
      <c r="A88" s="8">
        <v>68</v>
      </c>
      <c r="B88" s="21">
        <v>5</v>
      </c>
      <c r="C88" s="6">
        <v>4</v>
      </c>
      <c r="D88" s="5">
        <v>9</v>
      </c>
    </row>
    <row r="89" spans="1:4" ht="18" customHeight="1" x14ac:dyDescent="0.15">
      <c r="A89" s="8">
        <v>69</v>
      </c>
      <c r="B89" s="21">
        <v>5</v>
      </c>
      <c r="C89" s="6">
        <v>3</v>
      </c>
      <c r="D89" s="5">
        <v>8</v>
      </c>
    </row>
    <row r="90" spans="1:4" ht="18" customHeight="1" x14ac:dyDescent="0.15">
      <c r="A90" s="8" t="s">
        <v>10</v>
      </c>
      <c r="B90" s="21">
        <v>28</v>
      </c>
      <c r="C90" s="6">
        <v>27</v>
      </c>
      <c r="D90" s="5">
        <v>55</v>
      </c>
    </row>
    <row r="91" spans="1:4" ht="18" customHeight="1" x14ac:dyDescent="0.15">
      <c r="A91" s="8">
        <v>70</v>
      </c>
      <c r="B91" s="21">
        <v>3</v>
      </c>
      <c r="C91" s="6">
        <v>9</v>
      </c>
      <c r="D91" s="5">
        <v>12</v>
      </c>
    </row>
    <row r="92" spans="1:4" ht="18" customHeight="1" x14ac:dyDescent="0.15">
      <c r="A92" s="8">
        <v>71</v>
      </c>
      <c r="B92" s="21">
        <v>11</v>
      </c>
      <c r="C92" s="6">
        <v>10</v>
      </c>
      <c r="D92" s="5">
        <v>21</v>
      </c>
    </row>
    <row r="93" spans="1:4" ht="18" customHeight="1" x14ac:dyDescent="0.15">
      <c r="A93" s="8">
        <v>72</v>
      </c>
      <c r="B93" s="21">
        <v>10</v>
      </c>
      <c r="C93" s="6">
        <v>6</v>
      </c>
      <c r="D93" s="5">
        <v>16</v>
      </c>
    </row>
    <row r="94" spans="1:4" ht="18" customHeight="1" x14ac:dyDescent="0.15">
      <c r="A94" s="8">
        <v>73</v>
      </c>
      <c r="B94" s="21">
        <v>11</v>
      </c>
      <c r="C94" s="6">
        <v>3</v>
      </c>
      <c r="D94" s="5">
        <v>14</v>
      </c>
    </row>
    <row r="95" spans="1:4" ht="18" customHeight="1" x14ac:dyDescent="0.15">
      <c r="A95" s="8">
        <v>74</v>
      </c>
      <c r="B95" s="21">
        <v>8</v>
      </c>
      <c r="C95" s="6">
        <v>10</v>
      </c>
      <c r="D95" s="5">
        <v>18</v>
      </c>
    </row>
    <row r="96" spans="1:4" ht="18" customHeight="1" x14ac:dyDescent="0.15">
      <c r="A96" s="8" t="s">
        <v>9</v>
      </c>
      <c r="B96" s="21">
        <v>43</v>
      </c>
      <c r="C96" s="6">
        <v>38</v>
      </c>
      <c r="D96" s="5">
        <v>81</v>
      </c>
    </row>
    <row r="97" spans="1:4" ht="18" customHeight="1" x14ac:dyDescent="0.15">
      <c r="A97" s="8">
        <v>75</v>
      </c>
      <c r="B97" s="21">
        <v>5</v>
      </c>
      <c r="C97" s="6">
        <v>12</v>
      </c>
      <c r="D97" s="5">
        <v>17</v>
      </c>
    </row>
    <row r="98" spans="1:4" ht="18" customHeight="1" x14ac:dyDescent="0.15">
      <c r="A98" s="8">
        <v>76</v>
      </c>
      <c r="B98" s="21">
        <v>8</v>
      </c>
      <c r="C98" s="6">
        <v>10</v>
      </c>
      <c r="D98" s="5">
        <v>18</v>
      </c>
    </row>
    <row r="99" spans="1:4" ht="18" customHeight="1" x14ac:dyDescent="0.15">
      <c r="A99" s="8">
        <v>77</v>
      </c>
      <c r="B99" s="21">
        <v>9</v>
      </c>
      <c r="C99" s="6">
        <v>15</v>
      </c>
      <c r="D99" s="5">
        <v>24</v>
      </c>
    </row>
    <row r="100" spans="1:4" ht="18" customHeight="1" x14ac:dyDescent="0.15">
      <c r="A100" s="8">
        <v>78</v>
      </c>
      <c r="B100" s="21">
        <v>7</v>
      </c>
      <c r="C100" s="6">
        <v>17</v>
      </c>
      <c r="D100" s="5">
        <v>24</v>
      </c>
    </row>
    <row r="101" spans="1:4" ht="18" customHeight="1" x14ac:dyDescent="0.15">
      <c r="A101" s="8">
        <v>79</v>
      </c>
      <c r="B101" s="21">
        <v>12</v>
      </c>
      <c r="C101" s="6">
        <v>9</v>
      </c>
      <c r="D101" s="5">
        <v>21</v>
      </c>
    </row>
    <row r="102" spans="1:4" ht="18" customHeight="1" x14ac:dyDescent="0.15">
      <c r="A102" s="8" t="s">
        <v>8</v>
      </c>
      <c r="B102" s="21">
        <v>41</v>
      </c>
      <c r="C102" s="6">
        <v>63</v>
      </c>
      <c r="D102" s="5">
        <v>104</v>
      </c>
    </row>
    <row r="103" spans="1:4" ht="18" customHeight="1" x14ac:dyDescent="0.15">
      <c r="A103" s="8">
        <v>80</v>
      </c>
      <c r="B103" s="21">
        <v>4</v>
      </c>
      <c r="C103" s="6">
        <v>5</v>
      </c>
      <c r="D103" s="5">
        <v>9</v>
      </c>
    </row>
    <row r="104" spans="1:4" ht="18" customHeight="1" x14ac:dyDescent="0.15">
      <c r="A104" s="8">
        <v>81</v>
      </c>
      <c r="B104" s="21">
        <v>9</v>
      </c>
      <c r="C104" s="6">
        <v>6</v>
      </c>
      <c r="D104" s="5">
        <v>15</v>
      </c>
    </row>
    <row r="105" spans="1:4" ht="18" customHeight="1" x14ac:dyDescent="0.15">
      <c r="A105" s="8">
        <v>82</v>
      </c>
      <c r="B105" s="21">
        <v>4</v>
      </c>
      <c r="C105" s="6">
        <v>10</v>
      </c>
      <c r="D105" s="5">
        <v>14</v>
      </c>
    </row>
    <row r="106" spans="1:4" ht="18" customHeight="1" x14ac:dyDescent="0.15">
      <c r="A106" s="8">
        <v>83</v>
      </c>
      <c r="B106" s="21">
        <v>4</v>
      </c>
      <c r="C106" s="6">
        <v>8</v>
      </c>
      <c r="D106" s="5">
        <v>12</v>
      </c>
    </row>
    <row r="107" spans="1:4" ht="18" customHeight="1" x14ac:dyDescent="0.15">
      <c r="A107" s="8">
        <v>84</v>
      </c>
      <c r="B107" s="21">
        <v>5</v>
      </c>
      <c r="C107" s="6">
        <v>6</v>
      </c>
      <c r="D107" s="5">
        <v>11</v>
      </c>
    </row>
    <row r="108" spans="1:4" ht="18" customHeight="1" x14ac:dyDescent="0.15">
      <c r="A108" s="8" t="s">
        <v>7</v>
      </c>
      <c r="B108" s="21">
        <v>26</v>
      </c>
      <c r="C108" s="6">
        <v>35</v>
      </c>
      <c r="D108" s="5">
        <v>61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4</v>
      </c>
      <c r="C110" s="6">
        <v>6</v>
      </c>
      <c r="D110" s="5">
        <v>10</v>
      </c>
    </row>
    <row r="111" spans="1:4" ht="18" customHeight="1" x14ac:dyDescent="0.15">
      <c r="A111" s="8">
        <v>87</v>
      </c>
      <c r="B111" s="21">
        <v>1</v>
      </c>
      <c r="C111" s="6">
        <v>10</v>
      </c>
      <c r="D111" s="5">
        <v>11</v>
      </c>
    </row>
    <row r="112" spans="1:4" ht="18" customHeight="1" x14ac:dyDescent="0.15">
      <c r="A112" s="8">
        <v>88</v>
      </c>
      <c r="B112" s="21">
        <v>2</v>
      </c>
      <c r="C112" s="6">
        <v>4</v>
      </c>
      <c r="D112" s="5">
        <v>6</v>
      </c>
    </row>
    <row r="113" spans="1:4" ht="18" customHeight="1" x14ac:dyDescent="0.15">
      <c r="A113" s="8">
        <v>89</v>
      </c>
      <c r="B113" s="21">
        <v>2</v>
      </c>
      <c r="C113" s="6">
        <v>2</v>
      </c>
      <c r="D113" s="5">
        <v>4</v>
      </c>
    </row>
    <row r="114" spans="1:4" ht="18" customHeight="1" x14ac:dyDescent="0.15">
      <c r="A114" s="8" t="s">
        <v>6</v>
      </c>
      <c r="B114" s="21">
        <v>9</v>
      </c>
      <c r="C114" s="6">
        <v>23</v>
      </c>
      <c r="D114" s="5">
        <v>32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3</v>
      </c>
      <c r="D116" s="5">
        <v>5</v>
      </c>
    </row>
    <row r="117" spans="1:4" ht="18" customHeight="1" x14ac:dyDescent="0.15">
      <c r="A117" s="8">
        <v>92</v>
      </c>
      <c r="B117" s="21">
        <v>3</v>
      </c>
      <c r="C117" s="6">
        <v>2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2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11</v>
      </c>
      <c r="C120" s="6">
        <v>18</v>
      </c>
      <c r="D120" s="5">
        <v>29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6</v>
      </c>
      <c r="D126" s="5">
        <v>9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61</v>
      </c>
      <c r="C130" s="6">
        <v>212</v>
      </c>
      <c r="D130" s="5">
        <v>373</v>
      </c>
    </row>
    <row r="131" spans="1:4" ht="18" customHeight="1" x14ac:dyDescent="0.15">
      <c r="A131" s="4" t="s">
        <v>0</v>
      </c>
      <c r="B131" s="20">
        <v>415</v>
      </c>
      <c r="C131" s="2">
        <v>429</v>
      </c>
      <c r="D131" s="1">
        <v>8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99B46A-65D7-4115-A89C-9BC685D66BAB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0</v>
      </c>
      <c r="C9" s="28">
        <v>1</v>
      </c>
      <c r="D9" s="27">
        <v>1</v>
      </c>
    </row>
    <row r="10" spans="1:4" ht="18" customHeight="1" x14ac:dyDescent="0.15">
      <c r="A10" s="8" t="s">
        <v>25</v>
      </c>
      <c r="B10" s="21">
        <v>2</v>
      </c>
      <c r="C10" s="6">
        <v>1</v>
      </c>
      <c r="D10" s="5">
        <v>3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1</v>
      </c>
      <c r="D16" s="5">
        <v>2</v>
      </c>
    </row>
    <row r="17" spans="1:4" ht="18" customHeight="1" x14ac:dyDescent="0.15">
      <c r="A17" s="8">
        <v>10</v>
      </c>
      <c r="B17" s="21">
        <v>1</v>
      </c>
      <c r="C17" s="6">
        <v>1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1</v>
      </c>
      <c r="C22" s="6">
        <v>2</v>
      </c>
      <c r="D22" s="5">
        <v>3</v>
      </c>
    </row>
    <row r="23" spans="1:4" ht="18" customHeight="1" x14ac:dyDescent="0.15">
      <c r="A23" s="8" t="s">
        <v>22</v>
      </c>
      <c r="B23" s="21">
        <v>4</v>
      </c>
      <c r="C23" s="6">
        <v>4</v>
      </c>
      <c r="D23" s="5">
        <v>8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0</v>
      </c>
      <c r="C27" s="6">
        <v>2</v>
      </c>
      <c r="D27" s="5">
        <v>2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2</v>
      </c>
      <c r="C29" s="6">
        <v>3</v>
      </c>
      <c r="D29" s="5">
        <v>5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1</v>
      </c>
      <c r="D32" s="5">
        <v>1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3</v>
      </c>
      <c r="C41" s="6">
        <v>0</v>
      </c>
      <c r="D41" s="5">
        <v>3</v>
      </c>
    </row>
    <row r="42" spans="1:4" ht="18" customHeight="1" x14ac:dyDescent="0.15">
      <c r="A42" s="8">
        <v>30</v>
      </c>
      <c r="B42" s="21">
        <v>1</v>
      </c>
      <c r="C42" s="6">
        <v>0</v>
      </c>
      <c r="D42" s="5">
        <v>1</v>
      </c>
    </row>
    <row r="43" spans="1:4" ht="18" customHeight="1" x14ac:dyDescent="0.15">
      <c r="A43" s="8">
        <v>31</v>
      </c>
      <c r="B43" s="21">
        <v>1</v>
      </c>
      <c r="C43" s="6">
        <v>2</v>
      </c>
      <c r="D43" s="5">
        <v>3</v>
      </c>
    </row>
    <row r="44" spans="1:4" ht="18" customHeight="1" x14ac:dyDescent="0.15">
      <c r="A44" s="8">
        <v>32</v>
      </c>
      <c r="B44" s="21">
        <v>0</v>
      </c>
      <c r="C44" s="6">
        <v>1</v>
      </c>
      <c r="D44" s="5">
        <v>1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5</v>
      </c>
      <c r="C47" s="6">
        <v>5</v>
      </c>
      <c r="D47" s="5">
        <v>10</v>
      </c>
    </row>
    <row r="48" spans="1:4" ht="18" customHeight="1" x14ac:dyDescent="0.15">
      <c r="A48" s="8">
        <v>35</v>
      </c>
      <c r="B48" s="21">
        <v>0</v>
      </c>
      <c r="C48" s="6">
        <v>1</v>
      </c>
      <c r="D48" s="5">
        <v>1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2</v>
      </c>
      <c r="C50" s="6">
        <v>0</v>
      </c>
      <c r="D50" s="5">
        <v>2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4</v>
      </c>
      <c r="C53" s="6">
        <v>2</v>
      </c>
      <c r="D53" s="5">
        <v>6</v>
      </c>
    </row>
    <row r="54" spans="1:4" ht="18" customHeight="1" x14ac:dyDescent="0.15">
      <c r="A54" s="8">
        <v>40</v>
      </c>
      <c r="B54" s="21">
        <v>3</v>
      </c>
      <c r="C54" s="6">
        <v>1</v>
      </c>
      <c r="D54" s="5">
        <v>4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0</v>
      </c>
      <c r="C57" s="6">
        <v>0</v>
      </c>
      <c r="D57" s="5">
        <v>0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1</v>
      </c>
      <c r="D59" s="5">
        <v>6</v>
      </c>
    </row>
    <row r="60" spans="1:4" ht="18" customHeight="1" x14ac:dyDescent="0.15">
      <c r="A60" s="8">
        <v>45</v>
      </c>
      <c r="B60" s="21">
        <v>0</v>
      </c>
      <c r="C60" s="6">
        <v>1</v>
      </c>
      <c r="D60" s="5">
        <v>1</v>
      </c>
    </row>
    <row r="61" spans="1:4" ht="18" customHeight="1" x14ac:dyDescent="0.15">
      <c r="A61" s="8">
        <v>46</v>
      </c>
      <c r="B61" s="21">
        <v>1</v>
      </c>
      <c r="C61" s="6">
        <v>2</v>
      </c>
      <c r="D61" s="5">
        <v>3</v>
      </c>
    </row>
    <row r="62" spans="1:4" ht="18" customHeight="1" x14ac:dyDescent="0.15">
      <c r="A62" s="8">
        <v>47</v>
      </c>
      <c r="B62" s="21">
        <v>0</v>
      </c>
      <c r="C62" s="6">
        <v>1</v>
      </c>
      <c r="D62" s="5">
        <v>1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2</v>
      </c>
      <c r="C65" s="6">
        <v>4</v>
      </c>
      <c r="D65" s="5">
        <v>6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3</v>
      </c>
      <c r="C69" s="6">
        <v>2</v>
      </c>
      <c r="D69" s="5">
        <v>5</v>
      </c>
    </row>
    <row r="70" spans="1:4" ht="18" customHeight="1" x14ac:dyDescent="0.15">
      <c r="A70" s="8">
        <v>54</v>
      </c>
      <c r="B70" s="21">
        <v>1</v>
      </c>
      <c r="C70" s="6">
        <v>4</v>
      </c>
      <c r="D70" s="5">
        <v>5</v>
      </c>
    </row>
    <row r="71" spans="1:4" ht="18" customHeight="1" x14ac:dyDescent="0.15">
      <c r="A71" s="8" t="s">
        <v>14</v>
      </c>
      <c r="B71" s="21">
        <v>6</v>
      </c>
      <c r="C71" s="6">
        <v>9</v>
      </c>
      <c r="D71" s="5">
        <v>15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3</v>
      </c>
      <c r="C73" s="6">
        <v>2</v>
      </c>
      <c r="D73" s="5">
        <v>5</v>
      </c>
    </row>
    <row r="74" spans="1:4" ht="18" customHeight="1" x14ac:dyDescent="0.15">
      <c r="A74" s="8">
        <v>57</v>
      </c>
      <c r="B74" s="21">
        <v>2</v>
      </c>
      <c r="C74" s="6">
        <v>0</v>
      </c>
      <c r="D74" s="5">
        <v>2</v>
      </c>
    </row>
    <row r="75" spans="1:4" ht="18" customHeight="1" x14ac:dyDescent="0.15">
      <c r="A75" s="8">
        <v>58</v>
      </c>
      <c r="B75" s="21">
        <v>1</v>
      </c>
      <c r="C75" s="6">
        <v>5</v>
      </c>
      <c r="D75" s="5">
        <v>6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6</v>
      </c>
      <c r="C77" s="6">
        <v>10</v>
      </c>
      <c r="D77" s="5">
        <v>16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1</v>
      </c>
      <c r="C79" s="6">
        <v>2</v>
      </c>
      <c r="D79" s="5">
        <v>3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2</v>
      </c>
      <c r="C81" s="6">
        <v>1</v>
      </c>
      <c r="D81" s="5">
        <v>3</v>
      </c>
    </row>
    <row r="82" spans="1:4" ht="18" customHeight="1" x14ac:dyDescent="0.15">
      <c r="A82" s="8">
        <v>64</v>
      </c>
      <c r="B82" s="21">
        <v>2</v>
      </c>
      <c r="C82" s="6">
        <v>1</v>
      </c>
      <c r="D82" s="5">
        <v>3</v>
      </c>
    </row>
    <row r="83" spans="1:4" ht="18" customHeight="1" x14ac:dyDescent="0.15">
      <c r="A83" s="8" t="s">
        <v>12</v>
      </c>
      <c r="B83" s="21">
        <v>7</v>
      </c>
      <c r="C83" s="6">
        <v>6</v>
      </c>
      <c r="D83" s="5">
        <v>13</v>
      </c>
    </row>
    <row r="84" spans="1:4" ht="18" customHeight="1" x14ac:dyDescent="0.15">
      <c r="A84" s="8" t="s">
        <v>11</v>
      </c>
      <c r="B84" s="21">
        <v>41</v>
      </c>
      <c r="C84" s="6">
        <v>41</v>
      </c>
      <c r="D84" s="5">
        <v>82</v>
      </c>
    </row>
    <row r="85" spans="1:4" ht="18" customHeight="1" x14ac:dyDescent="0.15">
      <c r="A85" s="8">
        <v>65</v>
      </c>
      <c r="B85" s="21">
        <v>1</v>
      </c>
      <c r="C85" s="6">
        <v>2</v>
      </c>
      <c r="D85" s="5">
        <v>3</v>
      </c>
    </row>
    <row r="86" spans="1:4" ht="18" customHeight="1" x14ac:dyDescent="0.15">
      <c r="A86" s="8">
        <v>66</v>
      </c>
      <c r="B86" s="21">
        <v>1</v>
      </c>
      <c r="C86" s="6">
        <v>1</v>
      </c>
      <c r="D86" s="5">
        <v>2</v>
      </c>
    </row>
    <row r="87" spans="1:4" ht="18" customHeight="1" x14ac:dyDescent="0.15">
      <c r="A87" s="8">
        <v>67</v>
      </c>
      <c r="B87" s="21">
        <v>2</v>
      </c>
      <c r="C87" s="6">
        <v>4</v>
      </c>
      <c r="D87" s="5">
        <v>6</v>
      </c>
    </row>
    <row r="88" spans="1:4" ht="18" customHeight="1" x14ac:dyDescent="0.15">
      <c r="A88" s="8">
        <v>68</v>
      </c>
      <c r="B88" s="21">
        <v>4</v>
      </c>
      <c r="C88" s="6">
        <v>2</v>
      </c>
      <c r="D88" s="5">
        <v>6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8</v>
      </c>
      <c r="C90" s="6">
        <v>12</v>
      </c>
      <c r="D90" s="5">
        <v>20</v>
      </c>
    </row>
    <row r="91" spans="1:4" ht="18" customHeight="1" x14ac:dyDescent="0.15">
      <c r="A91" s="8">
        <v>70</v>
      </c>
      <c r="B91" s="21">
        <v>2</v>
      </c>
      <c r="C91" s="6">
        <v>3</v>
      </c>
      <c r="D91" s="5">
        <v>5</v>
      </c>
    </row>
    <row r="92" spans="1:4" ht="18" customHeight="1" x14ac:dyDescent="0.15">
      <c r="A92" s="8">
        <v>71</v>
      </c>
      <c r="B92" s="21">
        <v>2</v>
      </c>
      <c r="C92" s="6">
        <v>3</v>
      </c>
      <c r="D92" s="5">
        <v>5</v>
      </c>
    </row>
    <row r="93" spans="1:4" ht="18" customHeight="1" x14ac:dyDescent="0.15">
      <c r="A93" s="8">
        <v>72</v>
      </c>
      <c r="B93" s="21">
        <v>5</v>
      </c>
      <c r="C93" s="6">
        <v>3</v>
      </c>
      <c r="D93" s="5">
        <v>8</v>
      </c>
    </row>
    <row r="94" spans="1:4" ht="18" customHeight="1" x14ac:dyDescent="0.15">
      <c r="A94" s="8">
        <v>73</v>
      </c>
      <c r="B94" s="21">
        <v>1</v>
      </c>
      <c r="C94" s="6">
        <v>1</v>
      </c>
      <c r="D94" s="5">
        <v>2</v>
      </c>
    </row>
    <row r="95" spans="1:4" ht="18" customHeight="1" x14ac:dyDescent="0.15">
      <c r="A95" s="8">
        <v>74</v>
      </c>
      <c r="B95" s="21">
        <v>3</v>
      </c>
      <c r="C95" s="6">
        <v>2</v>
      </c>
      <c r="D95" s="5">
        <v>5</v>
      </c>
    </row>
    <row r="96" spans="1:4" ht="18" customHeight="1" x14ac:dyDescent="0.15">
      <c r="A96" s="8" t="s">
        <v>9</v>
      </c>
      <c r="B96" s="21">
        <v>13</v>
      </c>
      <c r="C96" s="6">
        <v>12</v>
      </c>
      <c r="D96" s="5">
        <v>25</v>
      </c>
    </row>
    <row r="97" spans="1:4" ht="18" customHeight="1" x14ac:dyDescent="0.15">
      <c r="A97" s="8">
        <v>75</v>
      </c>
      <c r="B97" s="21">
        <v>3</v>
      </c>
      <c r="C97" s="6">
        <v>3</v>
      </c>
      <c r="D97" s="5">
        <v>6</v>
      </c>
    </row>
    <row r="98" spans="1:4" ht="18" customHeight="1" x14ac:dyDescent="0.15">
      <c r="A98" s="8">
        <v>76</v>
      </c>
      <c r="B98" s="21">
        <v>5</v>
      </c>
      <c r="C98" s="6">
        <v>2</v>
      </c>
      <c r="D98" s="5">
        <v>7</v>
      </c>
    </row>
    <row r="99" spans="1:4" ht="18" customHeight="1" x14ac:dyDescent="0.15">
      <c r="A99" s="8">
        <v>77</v>
      </c>
      <c r="B99" s="21">
        <v>3</v>
      </c>
      <c r="C99" s="6">
        <v>2</v>
      </c>
      <c r="D99" s="5">
        <v>5</v>
      </c>
    </row>
    <row r="100" spans="1:4" ht="18" customHeight="1" x14ac:dyDescent="0.15">
      <c r="A100" s="8">
        <v>78</v>
      </c>
      <c r="B100" s="21">
        <v>5</v>
      </c>
      <c r="C100" s="6">
        <v>3</v>
      </c>
      <c r="D100" s="5">
        <v>8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6</v>
      </c>
      <c r="C102" s="6">
        <v>11</v>
      </c>
      <c r="D102" s="5">
        <v>27</v>
      </c>
    </row>
    <row r="103" spans="1:4" ht="18" customHeight="1" x14ac:dyDescent="0.15">
      <c r="A103" s="8">
        <v>80</v>
      </c>
      <c r="B103" s="21">
        <v>2</v>
      </c>
      <c r="C103" s="6">
        <v>1</v>
      </c>
      <c r="D103" s="5">
        <v>3</v>
      </c>
    </row>
    <row r="104" spans="1:4" ht="18" customHeight="1" x14ac:dyDescent="0.15">
      <c r="A104" s="8">
        <v>81</v>
      </c>
      <c r="B104" s="21">
        <v>4</v>
      </c>
      <c r="C104" s="6">
        <v>3</v>
      </c>
      <c r="D104" s="5">
        <v>7</v>
      </c>
    </row>
    <row r="105" spans="1:4" ht="18" customHeight="1" x14ac:dyDescent="0.15">
      <c r="A105" s="8">
        <v>82</v>
      </c>
      <c r="B105" s="21">
        <v>0</v>
      </c>
      <c r="C105" s="6">
        <v>4</v>
      </c>
      <c r="D105" s="5">
        <v>4</v>
      </c>
    </row>
    <row r="106" spans="1:4" ht="18" customHeight="1" x14ac:dyDescent="0.15">
      <c r="A106" s="8">
        <v>83</v>
      </c>
      <c r="B106" s="21">
        <v>3</v>
      </c>
      <c r="C106" s="6">
        <v>1</v>
      </c>
      <c r="D106" s="5">
        <v>4</v>
      </c>
    </row>
    <row r="107" spans="1:4" ht="18" customHeight="1" x14ac:dyDescent="0.15">
      <c r="A107" s="8">
        <v>84</v>
      </c>
      <c r="B107" s="21">
        <v>2</v>
      </c>
      <c r="C107" s="6">
        <v>2</v>
      </c>
      <c r="D107" s="5">
        <v>4</v>
      </c>
    </row>
    <row r="108" spans="1:4" ht="18" customHeight="1" x14ac:dyDescent="0.15">
      <c r="A108" s="8" t="s">
        <v>7</v>
      </c>
      <c r="B108" s="21">
        <v>11</v>
      </c>
      <c r="C108" s="6">
        <v>11</v>
      </c>
      <c r="D108" s="5">
        <v>22</v>
      </c>
    </row>
    <row r="109" spans="1:4" ht="18" customHeight="1" x14ac:dyDescent="0.15">
      <c r="A109" s="8">
        <v>85</v>
      </c>
      <c r="B109" s="21">
        <v>1</v>
      </c>
      <c r="C109" s="6">
        <v>2</v>
      </c>
      <c r="D109" s="5">
        <v>3</v>
      </c>
    </row>
    <row r="110" spans="1:4" ht="18" customHeight="1" x14ac:dyDescent="0.15">
      <c r="A110" s="8">
        <v>86</v>
      </c>
      <c r="B110" s="21">
        <v>1</v>
      </c>
      <c r="C110" s="6">
        <v>4</v>
      </c>
      <c r="D110" s="5">
        <v>5</v>
      </c>
    </row>
    <row r="111" spans="1:4" ht="18" customHeight="1" x14ac:dyDescent="0.15">
      <c r="A111" s="8">
        <v>87</v>
      </c>
      <c r="B111" s="21">
        <v>3</v>
      </c>
      <c r="C111" s="6">
        <v>2</v>
      </c>
      <c r="D111" s="5">
        <v>5</v>
      </c>
    </row>
    <row r="112" spans="1:4" ht="18" customHeight="1" x14ac:dyDescent="0.15">
      <c r="A112" s="8">
        <v>88</v>
      </c>
      <c r="B112" s="21">
        <v>1</v>
      </c>
      <c r="C112" s="6">
        <v>2</v>
      </c>
      <c r="D112" s="5">
        <v>3</v>
      </c>
    </row>
    <row r="113" spans="1:4" ht="18" customHeight="1" x14ac:dyDescent="0.15">
      <c r="A113" s="8">
        <v>89</v>
      </c>
      <c r="B113" s="21">
        <v>0</v>
      </c>
      <c r="C113" s="6">
        <v>0</v>
      </c>
      <c r="D113" s="5">
        <v>0</v>
      </c>
    </row>
    <row r="114" spans="1:4" ht="18" customHeight="1" x14ac:dyDescent="0.15">
      <c r="A114" s="8" t="s">
        <v>6</v>
      </c>
      <c r="B114" s="21">
        <v>6</v>
      </c>
      <c r="C114" s="6">
        <v>10</v>
      </c>
      <c r="D114" s="5">
        <v>16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2</v>
      </c>
      <c r="D116" s="5">
        <v>2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4</v>
      </c>
      <c r="D119" s="5">
        <v>4</v>
      </c>
    </row>
    <row r="120" spans="1:4" ht="18" customHeight="1" x14ac:dyDescent="0.15">
      <c r="A120" s="8" t="s">
        <v>5</v>
      </c>
      <c r="B120" s="21">
        <v>1</v>
      </c>
      <c r="C120" s="6">
        <v>11</v>
      </c>
      <c r="D120" s="5">
        <v>12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56</v>
      </c>
      <c r="C130" s="6">
        <v>70</v>
      </c>
      <c r="D130" s="5">
        <v>126</v>
      </c>
    </row>
    <row r="131" spans="1:4" ht="18" customHeight="1" x14ac:dyDescent="0.15">
      <c r="A131" s="4" t="s">
        <v>0</v>
      </c>
      <c r="B131" s="20">
        <v>101</v>
      </c>
      <c r="C131" s="2">
        <v>115</v>
      </c>
      <c r="D131" s="1">
        <v>21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16ACEF-C862-41BA-8CE5-6AAF766E8288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2</v>
      </c>
      <c r="C5" s="11">
        <v>7</v>
      </c>
      <c r="D5" s="10">
        <v>19</v>
      </c>
    </row>
    <row r="6" spans="1:4" ht="18" customHeight="1" x14ac:dyDescent="0.15">
      <c r="A6" s="8">
        <v>1</v>
      </c>
      <c r="B6" s="21">
        <v>5</v>
      </c>
      <c r="C6" s="6">
        <v>5</v>
      </c>
      <c r="D6" s="5">
        <v>10</v>
      </c>
    </row>
    <row r="7" spans="1:4" ht="18" customHeight="1" x14ac:dyDescent="0.15">
      <c r="A7" s="8">
        <v>2</v>
      </c>
      <c r="B7" s="21">
        <v>8</v>
      </c>
      <c r="C7" s="6">
        <v>7</v>
      </c>
      <c r="D7" s="5">
        <v>15</v>
      </c>
    </row>
    <row r="8" spans="1:4" ht="18" customHeight="1" x14ac:dyDescent="0.15">
      <c r="A8" s="8">
        <v>3</v>
      </c>
      <c r="B8" s="21">
        <v>6</v>
      </c>
      <c r="C8" s="6">
        <v>8</v>
      </c>
      <c r="D8" s="5">
        <v>14</v>
      </c>
    </row>
    <row r="9" spans="1:4" ht="18" customHeight="1" x14ac:dyDescent="0.15">
      <c r="A9" s="8">
        <v>4</v>
      </c>
      <c r="B9" s="21">
        <v>5</v>
      </c>
      <c r="C9" s="6">
        <v>9</v>
      </c>
      <c r="D9" s="5">
        <v>14</v>
      </c>
    </row>
    <row r="10" spans="1:4" ht="18" customHeight="1" x14ac:dyDescent="0.15">
      <c r="A10" s="8" t="s">
        <v>25</v>
      </c>
      <c r="B10" s="21">
        <v>36</v>
      </c>
      <c r="C10" s="6">
        <v>36</v>
      </c>
      <c r="D10" s="5">
        <v>72</v>
      </c>
    </row>
    <row r="11" spans="1:4" ht="18" customHeight="1" x14ac:dyDescent="0.15">
      <c r="A11" s="8">
        <v>5</v>
      </c>
      <c r="B11" s="21">
        <v>11</v>
      </c>
      <c r="C11" s="6">
        <v>5</v>
      </c>
      <c r="D11" s="5">
        <v>16</v>
      </c>
    </row>
    <row r="12" spans="1:4" ht="18" customHeight="1" x14ac:dyDescent="0.15">
      <c r="A12" s="8">
        <v>6</v>
      </c>
      <c r="B12" s="21">
        <v>8</v>
      </c>
      <c r="C12" s="6">
        <v>9</v>
      </c>
      <c r="D12" s="5">
        <v>17</v>
      </c>
    </row>
    <row r="13" spans="1:4" ht="18" customHeight="1" x14ac:dyDescent="0.15">
      <c r="A13" s="8">
        <v>7</v>
      </c>
      <c r="B13" s="21">
        <v>13</v>
      </c>
      <c r="C13" s="6">
        <v>4</v>
      </c>
      <c r="D13" s="5">
        <v>17</v>
      </c>
    </row>
    <row r="14" spans="1:4" ht="18" customHeight="1" x14ac:dyDescent="0.15">
      <c r="A14" s="8">
        <v>8</v>
      </c>
      <c r="B14" s="21">
        <v>6</v>
      </c>
      <c r="C14" s="6">
        <v>7</v>
      </c>
      <c r="D14" s="5">
        <v>13</v>
      </c>
    </row>
    <row r="15" spans="1:4" ht="18" customHeight="1" x14ac:dyDescent="0.15">
      <c r="A15" s="8">
        <v>9</v>
      </c>
      <c r="B15" s="21">
        <v>13</v>
      </c>
      <c r="C15" s="6">
        <v>11</v>
      </c>
      <c r="D15" s="5">
        <v>24</v>
      </c>
    </row>
    <row r="16" spans="1:4" ht="18" customHeight="1" x14ac:dyDescent="0.15">
      <c r="A16" s="8" t="s">
        <v>24</v>
      </c>
      <c r="B16" s="21">
        <v>51</v>
      </c>
      <c r="C16" s="6">
        <v>36</v>
      </c>
      <c r="D16" s="5">
        <v>87</v>
      </c>
    </row>
    <row r="17" spans="1:4" ht="18" customHeight="1" x14ac:dyDescent="0.15">
      <c r="A17" s="8">
        <v>10</v>
      </c>
      <c r="B17" s="21">
        <v>7</v>
      </c>
      <c r="C17" s="6">
        <v>9</v>
      </c>
      <c r="D17" s="5">
        <v>16</v>
      </c>
    </row>
    <row r="18" spans="1:4" ht="18" customHeight="1" x14ac:dyDescent="0.15">
      <c r="A18" s="8">
        <v>11</v>
      </c>
      <c r="B18" s="21">
        <v>9</v>
      </c>
      <c r="C18" s="6">
        <v>11</v>
      </c>
      <c r="D18" s="5">
        <v>20</v>
      </c>
    </row>
    <row r="19" spans="1:4" ht="18" customHeight="1" x14ac:dyDescent="0.15">
      <c r="A19" s="8">
        <v>12</v>
      </c>
      <c r="B19" s="21">
        <v>3</v>
      </c>
      <c r="C19" s="6">
        <v>14</v>
      </c>
      <c r="D19" s="5">
        <v>17</v>
      </c>
    </row>
    <row r="20" spans="1:4" ht="18" customHeight="1" x14ac:dyDescent="0.15">
      <c r="A20" s="8">
        <v>13</v>
      </c>
      <c r="B20" s="21">
        <v>8</v>
      </c>
      <c r="C20" s="6">
        <v>4</v>
      </c>
      <c r="D20" s="5">
        <v>12</v>
      </c>
    </row>
    <row r="21" spans="1:4" ht="18" customHeight="1" x14ac:dyDescent="0.15">
      <c r="A21" s="8">
        <v>14</v>
      </c>
      <c r="B21" s="21">
        <v>10</v>
      </c>
      <c r="C21" s="6">
        <v>5</v>
      </c>
      <c r="D21" s="5">
        <v>15</v>
      </c>
    </row>
    <row r="22" spans="1:4" ht="18" customHeight="1" x14ac:dyDescent="0.15">
      <c r="A22" s="8" t="s">
        <v>23</v>
      </c>
      <c r="B22" s="21">
        <v>37</v>
      </c>
      <c r="C22" s="6">
        <v>43</v>
      </c>
      <c r="D22" s="5">
        <v>80</v>
      </c>
    </row>
    <row r="23" spans="1:4" ht="18" customHeight="1" x14ac:dyDescent="0.15">
      <c r="A23" s="8" t="s">
        <v>22</v>
      </c>
      <c r="B23" s="21">
        <v>124</v>
      </c>
      <c r="C23" s="6">
        <v>115</v>
      </c>
      <c r="D23" s="5">
        <v>239</v>
      </c>
    </row>
    <row r="24" spans="1:4" ht="18" customHeight="1" x14ac:dyDescent="0.15">
      <c r="A24" s="8">
        <v>15</v>
      </c>
      <c r="B24" s="21">
        <v>8</v>
      </c>
      <c r="C24" s="6">
        <v>10</v>
      </c>
      <c r="D24" s="5">
        <v>18</v>
      </c>
    </row>
    <row r="25" spans="1:4" ht="18" customHeight="1" x14ac:dyDescent="0.15">
      <c r="A25" s="8">
        <v>16</v>
      </c>
      <c r="B25" s="21">
        <v>12</v>
      </c>
      <c r="C25" s="6">
        <v>12</v>
      </c>
      <c r="D25" s="5">
        <v>24</v>
      </c>
    </row>
    <row r="26" spans="1:4" ht="18" customHeight="1" x14ac:dyDescent="0.15">
      <c r="A26" s="8">
        <v>17</v>
      </c>
      <c r="B26" s="21">
        <v>9</v>
      </c>
      <c r="C26" s="6">
        <v>5</v>
      </c>
      <c r="D26" s="5">
        <v>14</v>
      </c>
    </row>
    <row r="27" spans="1:4" ht="18" customHeight="1" x14ac:dyDescent="0.15">
      <c r="A27" s="8">
        <v>18</v>
      </c>
      <c r="B27" s="21">
        <v>11</v>
      </c>
      <c r="C27" s="6">
        <v>10</v>
      </c>
      <c r="D27" s="5">
        <v>21</v>
      </c>
    </row>
    <row r="28" spans="1:4" ht="18" customHeight="1" x14ac:dyDescent="0.15">
      <c r="A28" s="8">
        <v>19</v>
      </c>
      <c r="B28" s="21">
        <v>8</v>
      </c>
      <c r="C28" s="6">
        <v>7</v>
      </c>
      <c r="D28" s="5">
        <v>15</v>
      </c>
    </row>
    <row r="29" spans="1:4" ht="18" customHeight="1" x14ac:dyDescent="0.15">
      <c r="A29" s="8" t="s">
        <v>21</v>
      </c>
      <c r="B29" s="21">
        <v>48</v>
      </c>
      <c r="C29" s="6">
        <v>44</v>
      </c>
      <c r="D29" s="5">
        <v>92</v>
      </c>
    </row>
    <row r="30" spans="1:4" ht="18" customHeight="1" x14ac:dyDescent="0.15">
      <c r="A30" s="8">
        <v>20</v>
      </c>
      <c r="B30" s="21">
        <v>10</v>
      </c>
      <c r="C30" s="6">
        <v>11</v>
      </c>
      <c r="D30" s="5">
        <v>21</v>
      </c>
    </row>
    <row r="31" spans="1:4" ht="18" customHeight="1" x14ac:dyDescent="0.15">
      <c r="A31" s="8">
        <v>21</v>
      </c>
      <c r="B31" s="21">
        <v>5</v>
      </c>
      <c r="C31" s="6">
        <v>8</v>
      </c>
      <c r="D31" s="5">
        <v>13</v>
      </c>
    </row>
    <row r="32" spans="1:4" ht="18" customHeight="1" x14ac:dyDescent="0.15">
      <c r="A32" s="8">
        <v>22</v>
      </c>
      <c r="B32" s="21">
        <v>7</v>
      </c>
      <c r="C32" s="6">
        <v>12</v>
      </c>
      <c r="D32" s="5">
        <v>19</v>
      </c>
    </row>
    <row r="33" spans="1:4" ht="18" customHeight="1" x14ac:dyDescent="0.15">
      <c r="A33" s="8">
        <v>23</v>
      </c>
      <c r="B33" s="21">
        <v>12</v>
      </c>
      <c r="C33" s="6">
        <v>7</v>
      </c>
      <c r="D33" s="5">
        <v>19</v>
      </c>
    </row>
    <row r="34" spans="1:4" ht="18" customHeight="1" x14ac:dyDescent="0.15">
      <c r="A34" s="8">
        <v>24</v>
      </c>
      <c r="B34" s="21">
        <v>14</v>
      </c>
      <c r="C34" s="6">
        <v>3</v>
      </c>
      <c r="D34" s="5">
        <v>17</v>
      </c>
    </row>
    <row r="35" spans="1:4" ht="18" customHeight="1" x14ac:dyDescent="0.15">
      <c r="A35" s="8" t="s">
        <v>20</v>
      </c>
      <c r="B35" s="21">
        <v>48</v>
      </c>
      <c r="C35" s="6">
        <v>41</v>
      </c>
      <c r="D35" s="5">
        <v>89</v>
      </c>
    </row>
    <row r="36" spans="1:4" ht="18" customHeight="1" x14ac:dyDescent="0.15">
      <c r="A36" s="8">
        <v>25</v>
      </c>
      <c r="B36" s="21">
        <v>15</v>
      </c>
      <c r="C36" s="6">
        <v>11</v>
      </c>
      <c r="D36" s="5">
        <v>26</v>
      </c>
    </row>
    <row r="37" spans="1:4" ht="18" customHeight="1" x14ac:dyDescent="0.15">
      <c r="A37" s="8">
        <v>26</v>
      </c>
      <c r="B37" s="21">
        <v>12</v>
      </c>
      <c r="C37" s="6">
        <v>8</v>
      </c>
      <c r="D37" s="5">
        <v>20</v>
      </c>
    </row>
    <row r="38" spans="1:4" ht="18" customHeight="1" x14ac:dyDescent="0.15">
      <c r="A38" s="8">
        <v>27</v>
      </c>
      <c r="B38" s="21">
        <v>6</v>
      </c>
      <c r="C38" s="6">
        <v>5</v>
      </c>
      <c r="D38" s="5">
        <v>11</v>
      </c>
    </row>
    <row r="39" spans="1:4" ht="18" customHeight="1" x14ac:dyDescent="0.15">
      <c r="A39" s="8">
        <v>28</v>
      </c>
      <c r="B39" s="21">
        <v>10</v>
      </c>
      <c r="C39" s="6">
        <v>9</v>
      </c>
      <c r="D39" s="5">
        <v>19</v>
      </c>
    </row>
    <row r="40" spans="1:4" ht="18" customHeight="1" x14ac:dyDescent="0.15">
      <c r="A40" s="8">
        <v>29</v>
      </c>
      <c r="B40" s="21">
        <v>7</v>
      </c>
      <c r="C40" s="6">
        <v>8</v>
      </c>
      <c r="D40" s="5">
        <v>15</v>
      </c>
    </row>
    <row r="41" spans="1:4" ht="18" customHeight="1" x14ac:dyDescent="0.15">
      <c r="A41" s="8" t="s">
        <v>19</v>
      </c>
      <c r="B41" s="21">
        <v>50</v>
      </c>
      <c r="C41" s="6">
        <v>41</v>
      </c>
      <c r="D41" s="5">
        <v>91</v>
      </c>
    </row>
    <row r="42" spans="1:4" ht="18" customHeight="1" x14ac:dyDescent="0.15">
      <c r="A42" s="8">
        <v>30</v>
      </c>
      <c r="B42" s="21">
        <v>11</v>
      </c>
      <c r="C42" s="6">
        <v>8</v>
      </c>
      <c r="D42" s="5">
        <v>19</v>
      </c>
    </row>
    <row r="43" spans="1:4" ht="18" customHeight="1" x14ac:dyDescent="0.15">
      <c r="A43" s="8">
        <v>31</v>
      </c>
      <c r="B43" s="21">
        <v>10</v>
      </c>
      <c r="C43" s="6">
        <v>6</v>
      </c>
      <c r="D43" s="5">
        <v>16</v>
      </c>
    </row>
    <row r="44" spans="1:4" ht="18" customHeight="1" x14ac:dyDescent="0.15">
      <c r="A44" s="8">
        <v>32</v>
      </c>
      <c r="B44" s="21">
        <v>9</v>
      </c>
      <c r="C44" s="6">
        <v>9</v>
      </c>
      <c r="D44" s="5">
        <v>18</v>
      </c>
    </row>
    <row r="45" spans="1:4" ht="18" customHeight="1" x14ac:dyDescent="0.15">
      <c r="A45" s="8">
        <v>33</v>
      </c>
      <c r="B45" s="21">
        <v>14</v>
      </c>
      <c r="C45" s="6">
        <v>14</v>
      </c>
      <c r="D45" s="5">
        <v>28</v>
      </c>
    </row>
    <row r="46" spans="1:4" ht="18" customHeight="1" x14ac:dyDescent="0.15">
      <c r="A46" s="8">
        <v>34</v>
      </c>
      <c r="B46" s="21">
        <v>7</v>
      </c>
      <c r="C46" s="6">
        <v>14</v>
      </c>
      <c r="D46" s="5">
        <v>21</v>
      </c>
    </row>
    <row r="47" spans="1:4" ht="18" customHeight="1" x14ac:dyDescent="0.15">
      <c r="A47" s="8" t="s">
        <v>18</v>
      </c>
      <c r="B47" s="21">
        <v>51</v>
      </c>
      <c r="C47" s="6">
        <v>51</v>
      </c>
      <c r="D47" s="5">
        <v>102</v>
      </c>
    </row>
    <row r="48" spans="1:4" ht="18" customHeight="1" x14ac:dyDescent="0.15">
      <c r="A48" s="8">
        <v>35</v>
      </c>
      <c r="B48" s="21">
        <v>11</v>
      </c>
      <c r="C48" s="6">
        <v>6</v>
      </c>
      <c r="D48" s="5">
        <v>17</v>
      </c>
    </row>
    <row r="49" spans="1:4" ht="18" customHeight="1" x14ac:dyDescent="0.15">
      <c r="A49" s="8">
        <v>36</v>
      </c>
      <c r="B49" s="21">
        <v>16</v>
      </c>
      <c r="C49" s="6">
        <v>9</v>
      </c>
      <c r="D49" s="5">
        <v>25</v>
      </c>
    </row>
    <row r="50" spans="1:4" ht="18" customHeight="1" x14ac:dyDescent="0.15">
      <c r="A50" s="8">
        <v>37</v>
      </c>
      <c r="B50" s="21">
        <v>8</v>
      </c>
      <c r="C50" s="6">
        <v>11</v>
      </c>
      <c r="D50" s="5">
        <v>19</v>
      </c>
    </row>
    <row r="51" spans="1:4" ht="18" customHeight="1" x14ac:dyDescent="0.15">
      <c r="A51" s="8">
        <v>38</v>
      </c>
      <c r="B51" s="21">
        <v>12</v>
      </c>
      <c r="C51" s="6">
        <v>18</v>
      </c>
      <c r="D51" s="5">
        <v>30</v>
      </c>
    </row>
    <row r="52" spans="1:4" ht="18" customHeight="1" x14ac:dyDescent="0.15">
      <c r="A52" s="8">
        <v>39</v>
      </c>
      <c r="B52" s="21">
        <v>24</v>
      </c>
      <c r="C52" s="6">
        <v>14</v>
      </c>
      <c r="D52" s="5">
        <v>38</v>
      </c>
    </row>
    <row r="53" spans="1:4" ht="18" customHeight="1" x14ac:dyDescent="0.15">
      <c r="A53" s="8" t="s">
        <v>17</v>
      </c>
      <c r="B53" s="21">
        <v>71</v>
      </c>
      <c r="C53" s="6">
        <v>58</v>
      </c>
      <c r="D53" s="5">
        <v>129</v>
      </c>
    </row>
    <row r="54" spans="1:4" ht="18" customHeight="1" x14ac:dyDescent="0.15">
      <c r="A54" s="8">
        <v>40</v>
      </c>
      <c r="B54" s="21">
        <v>13</v>
      </c>
      <c r="C54" s="6">
        <v>18</v>
      </c>
      <c r="D54" s="5">
        <v>31</v>
      </c>
    </row>
    <row r="55" spans="1:4" ht="18" customHeight="1" x14ac:dyDescent="0.15">
      <c r="A55" s="8">
        <v>41</v>
      </c>
      <c r="B55" s="21">
        <v>12</v>
      </c>
      <c r="C55" s="6">
        <v>16</v>
      </c>
      <c r="D55" s="5">
        <v>28</v>
      </c>
    </row>
    <row r="56" spans="1:4" ht="18" customHeight="1" x14ac:dyDescent="0.15">
      <c r="A56" s="8">
        <v>42</v>
      </c>
      <c r="B56" s="21">
        <v>10</v>
      </c>
      <c r="C56" s="6">
        <v>18</v>
      </c>
      <c r="D56" s="5">
        <v>28</v>
      </c>
    </row>
    <row r="57" spans="1:4" ht="18" customHeight="1" x14ac:dyDescent="0.15">
      <c r="A57" s="8">
        <v>43</v>
      </c>
      <c r="B57" s="21">
        <v>14</v>
      </c>
      <c r="C57" s="6">
        <v>19</v>
      </c>
      <c r="D57" s="5">
        <v>33</v>
      </c>
    </row>
    <row r="58" spans="1:4" ht="18" customHeight="1" x14ac:dyDescent="0.15">
      <c r="A58" s="8">
        <v>44</v>
      </c>
      <c r="B58" s="21">
        <v>21</v>
      </c>
      <c r="C58" s="6">
        <v>17</v>
      </c>
      <c r="D58" s="5">
        <v>38</v>
      </c>
    </row>
    <row r="59" spans="1:4" ht="18" customHeight="1" x14ac:dyDescent="0.15">
      <c r="A59" s="8" t="s">
        <v>16</v>
      </c>
      <c r="B59" s="21">
        <v>70</v>
      </c>
      <c r="C59" s="6">
        <v>88</v>
      </c>
      <c r="D59" s="5">
        <v>158</v>
      </c>
    </row>
    <row r="60" spans="1:4" ht="18" customHeight="1" x14ac:dyDescent="0.15">
      <c r="A60" s="8">
        <v>45</v>
      </c>
      <c r="B60" s="21">
        <v>9</v>
      </c>
      <c r="C60" s="6">
        <v>12</v>
      </c>
      <c r="D60" s="5">
        <v>21</v>
      </c>
    </row>
    <row r="61" spans="1:4" ht="18" customHeight="1" x14ac:dyDescent="0.15">
      <c r="A61" s="8">
        <v>46</v>
      </c>
      <c r="B61" s="21">
        <v>19</v>
      </c>
      <c r="C61" s="6">
        <v>11</v>
      </c>
      <c r="D61" s="5">
        <v>30</v>
      </c>
    </row>
    <row r="62" spans="1:4" ht="18" customHeight="1" x14ac:dyDescent="0.15">
      <c r="A62" s="8">
        <v>47</v>
      </c>
      <c r="B62" s="21">
        <v>10</v>
      </c>
      <c r="C62" s="6">
        <v>14</v>
      </c>
      <c r="D62" s="5">
        <v>24</v>
      </c>
    </row>
    <row r="63" spans="1:4" ht="18" customHeight="1" x14ac:dyDescent="0.15">
      <c r="A63" s="8">
        <v>48</v>
      </c>
      <c r="B63" s="21">
        <v>17</v>
      </c>
      <c r="C63" s="6">
        <v>10</v>
      </c>
      <c r="D63" s="5">
        <v>27</v>
      </c>
    </row>
    <row r="64" spans="1:4" ht="18" customHeight="1" x14ac:dyDescent="0.15">
      <c r="A64" s="8">
        <v>49</v>
      </c>
      <c r="B64" s="21">
        <v>18</v>
      </c>
      <c r="C64" s="6">
        <v>18</v>
      </c>
      <c r="D64" s="5">
        <v>36</v>
      </c>
    </row>
    <row r="65" spans="1:4" ht="18" customHeight="1" x14ac:dyDescent="0.15">
      <c r="A65" s="8" t="s">
        <v>15</v>
      </c>
      <c r="B65" s="21">
        <v>73</v>
      </c>
      <c r="C65" s="6">
        <v>65</v>
      </c>
      <c r="D65" s="5">
        <v>138</v>
      </c>
    </row>
    <row r="66" spans="1:4" ht="18" customHeight="1" x14ac:dyDescent="0.15">
      <c r="A66" s="8">
        <v>50</v>
      </c>
      <c r="B66" s="21">
        <v>17</v>
      </c>
      <c r="C66" s="6">
        <v>16</v>
      </c>
      <c r="D66" s="5">
        <v>33</v>
      </c>
    </row>
    <row r="67" spans="1:4" ht="18" customHeight="1" x14ac:dyDescent="0.15">
      <c r="A67" s="8">
        <v>51</v>
      </c>
      <c r="B67" s="21">
        <v>22</v>
      </c>
      <c r="C67" s="6">
        <v>26</v>
      </c>
      <c r="D67" s="5">
        <v>48</v>
      </c>
    </row>
    <row r="68" spans="1:4" ht="18" customHeight="1" x14ac:dyDescent="0.15">
      <c r="A68" s="8">
        <v>52</v>
      </c>
      <c r="B68" s="21">
        <v>26</v>
      </c>
      <c r="C68" s="6">
        <v>25</v>
      </c>
      <c r="D68" s="5">
        <v>51</v>
      </c>
    </row>
    <row r="69" spans="1:4" ht="18" customHeight="1" x14ac:dyDescent="0.15">
      <c r="A69" s="8">
        <v>53</v>
      </c>
      <c r="B69" s="21">
        <v>23</v>
      </c>
      <c r="C69" s="6">
        <v>16</v>
      </c>
      <c r="D69" s="5">
        <v>39</v>
      </c>
    </row>
    <row r="70" spans="1:4" ht="18" customHeight="1" x14ac:dyDescent="0.15">
      <c r="A70" s="8">
        <v>54</v>
      </c>
      <c r="B70" s="21">
        <v>24</v>
      </c>
      <c r="C70" s="6">
        <v>22</v>
      </c>
      <c r="D70" s="5">
        <v>46</v>
      </c>
    </row>
    <row r="71" spans="1:4" ht="18" customHeight="1" x14ac:dyDescent="0.15">
      <c r="A71" s="8" t="s">
        <v>14</v>
      </c>
      <c r="B71" s="21">
        <v>112</v>
      </c>
      <c r="C71" s="6">
        <v>105</v>
      </c>
      <c r="D71" s="5">
        <v>217</v>
      </c>
    </row>
    <row r="72" spans="1:4" ht="18" customHeight="1" x14ac:dyDescent="0.15">
      <c r="A72" s="8">
        <v>55</v>
      </c>
      <c r="B72" s="21">
        <v>29</v>
      </c>
      <c r="C72" s="6">
        <v>20</v>
      </c>
      <c r="D72" s="5">
        <v>49</v>
      </c>
    </row>
    <row r="73" spans="1:4" ht="18" customHeight="1" x14ac:dyDescent="0.15">
      <c r="A73" s="8">
        <v>56</v>
      </c>
      <c r="B73" s="21">
        <v>19</v>
      </c>
      <c r="C73" s="6">
        <v>21</v>
      </c>
      <c r="D73" s="5">
        <v>40</v>
      </c>
    </row>
    <row r="74" spans="1:4" ht="18" customHeight="1" x14ac:dyDescent="0.15">
      <c r="A74" s="8">
        <v>57</v>
      </c>
      <c r="B74" s="21">
        <v>19</v>
      </c>
      <c r="C74" s="6">
        <v>15</v>
      </c>
      <c r="D74" s="5">
        <v>34</v>
      </c>
    </row>
    <row r="75" spans="1:4" ht="18" customHeight="1" x14ac:dyDescent="0.15">
      <c r="A75" s="8">
        <v>58</v>
      </c>
      <c r="B75" s="21">
        <v>29</v>
      </c>
      <c r="C75" s="6">
        <v>16</v>
      </c>
      <c r="D75" s="5">
        <v>45</v>
      </c>
    </row>
    <row r="76" spans="1:4" ht="18" customHeight="1" x14ac:dyDescent="0.15">
      <c r="A76" s="8">
        <v>59</v>
      </c>
      <c r="B76" s="21">
        <v>7</v>
      </c>
      <c r="C76" s="6">
        <v>18</v>
      </c>
      <c r="D76" s="5">
        <v>25</v>
      </c>
    </row>
    <row r="77" spans="1:4" ht="18" customHeight="1" x14ac:dyDescent="0.15">
      <c r="A77" s="8" t="s">
        <v>13</v>
      </c>
      <c r="B77" s="21">
        <v>103</v>
      </c>
      <c r="C77" s="6">
        <v>90</v>
      </c>
      <c r="D77" s="5">
        <v>193</v>
      </c>
    </row>
    <row r="78" spans="1:4" ht="18" customHeight="1" x14ac:dyDescent="0.15">
      <c r="A78" s="8">
        <v>60</v>
      </c>
      <c r="B78" s="21">
        <v>24</v>
      </c>
      <c r="C78" s="6">
        <v>24</v>
      </c>
      <c r="D78" s="5">
        <v>48</v>
      </c>
    </row>
    <row r="79" spans="1:4" ht="18" customHeight="1" x14ac:dyDescent="0.15">
      <c r="A79" s="8">
        <v>61</v>
      </c>
      <c r="B79" s="21">
        <v>10</v>
      </c>
      <c r="C79" s="6">
        <v>21</v>
      </c>
      <c r="D79" s="5">
        <v>31</v>
      </c>
    </row>
    <row r="80" spans="1:4" ht="18" customHeight="1" x14ac:dyDescent="0.15">
      <c r="A80" s="8">
        <v>62</v>
      </c>
      <c r="B80" s="21">
        <v>18</v>
      </c>
      <c r="C80" s="6">
        <v>9</v>
      </c>
      <c r="D80" s="5">
        <v>27</v>
      </c>
    </row>
    <row r="81" spans="1:4" ht="18" customHeight="1" x14ac:dyDescent="0.15">
      <c r="A81" s="8">
        <v>63</v>
      </c>
      <c r="B81" s="21">
        <v>21</v>
      </c>
      <c r="C81" s="6">
        <v>13</v>
      </c>
      <c r="D81" s="5">
        <v>34</v>
      </c>
    </row>
    <row r="82" spans="1:4" ht="18" customHeight="1" x14ac:dyDescent="0.15">
      <c r="A82" s="8">
        <v>64</v>
      </c>
      <c r="B82" s="21">
        <v>17</v>
      </c>
      <c r="C82" s="6">
        <v>18</v>
      </c>
      <c r="D82" s="5">
        <v>35</v>
      </c>
    </row>
    <row r="83" spans="1:4" ht="18" customHeight="1" x14ac:dyDescent="0.15">
      <c r="A83" s="8" t="s">
        <v>12</v>
      </c>
      <c r="B83" s="21">
        <v>90</v>
      </c>
      <c r="C83" s="6">
        <v>85</v>
      </c>
      <c r="D83" s="5">
        <v>175</v>
      </c>
    </row>
    <row r="84" spans="1:4" ht="18" customHeight="1" x14ac:dyDescent="0.15">
      <c r="A84" s="8" t="s">
        <v>11</v>
      </c>
      <c r="B84" s="21">
        <v>716</v>
      </c>
      <c r="C84" s="6">
        <v>668</v>
      </c>
      <c r="D84" s="5">
        <v>1384</v>
      </c>
    </row>
    <row r="85" spans="1:4" ht="18" customHeight="1" x14ac:dyDescent="0.15">
      <c r="A85" s="8">
        <v>65</v>
      </c>
      <c r="B85" s="21">
        <v>20</v>
      </c>
      <c r="C85" s="6">
        <v>18</v>
      </c>
      <c r="D85" s="5">
        <v>38</v>
      </c>
    </row>
    <row r="86" spans="1:4" ht="18" customHeight="1" x14ac:dyDescent="0.15">
      <c r="A86" s="8">
        <v>66</v>
      </c>
      <c r="B86" s="21">
        <v>18</v>
      </c>
      <c r="C86" s="6">
        <v>18</v>
      </c>
      <c r="D86" s="5">
        <v>36</v>
      </c>
    </row>
    <row r="87" spans="1:4" ht="18" customHeight="1" x14ac:dyDescent="0.15">
      <c r="A87" s="8">
        <v>67</v>
      </c>
      <c r="B87" s="21">
        <v>11</v>
      </c>
      <c r="C87" s="6">
        <v>23</v>
      </c>
      <c r="D87" s="5">
        <v>34</v>
      </c>
    </row>
    <row r="88" spans="1:4" ht="18" customHeight="1" x14ac:dyDescent="0.15">
      <c r="A88" s="8">
        <v>68</v>
      </c>
      <c r="B88" s="21">
        <v>16</v>
      </c>
      <c r="C88" s="6">
        <v>16</v>
      </c>
      <c r="D88" s="5">
        <v>32</v>
      </c>
    </row>
    <row r="89" spans="1:4" ht="18" customHeight="1" x14ac:dyDescent="0.15">
      <c r="A89" s="8">
        <v>69</v>
      </c>
      <c r="B89" s="21">
        <v>16</v>
      </c>
      <c r="C89" s="6">
        <v>15</v>
      </c>
      <c r="D89" s="5">
        <v>31</v>
      </c>
    </row>
    <row r="90" spans="1:4" ht="18" customHeight="1" x14ac:dyDescent="0.15">
      <c r="A90" s="8" t="s">
        <v>10</v>
      </c>
      <c r="B90" s="21">
        <v>81</v>
      </c>
      <c r="C90" s="6">
        <v>90</v>
      </c>
      <c r="D90" s="5">
        <v>171</v>
      </c>
    </row>
    <row r="91" spans="1:4" ht="18" customHeight="1" x14ac:dyDescent="0.15">
      <c r="A91" s="8">
        <v>70</v>
      </c>
      <c r="B91" s="21">
        <v>18</v>
      </c>
      <c r="C91" s="6">
        <v>20</v>
      </c>
      <c r="D91" s="5">
        <v>38</v>
      </c>
    </row>
    <row r="92" spans="1:4" ht="18" customHeight="1" x14ac:dyDescent="0.15">
      <c r="A92" s="8">
        <v>71</v>
      </c>
      <c r="B92" s="21">
        <v>17</v>
      </c>
      <c r="C92" s="6">
        <v>15</v>
      </c>
      <c r="D92" s="5">
        <v>32</v>
      </c>
    </row>
    <row r="93" spans="1:4" ht="18" customHeight="1" x14ac:dyDescent="0.15">
      <c r="A93" s="8">
        <v>72</v>
      </c>
      <c r="B93" s="21">
        <v>13</v>
      </c>
      <c r="C93" s="6">
        <v>19</v>
      </c>
      <c r="D93" s="5">
        <v>32</v>
      </c>
    </row>
    <row r="94" spans="1:4" ht="18" customHeight="1" x14ac:dyDescent="0.15">
      <c r="A94" s="8">
        <v>73</v>
      </c>
      <c r="B94" s="21">
        <v>17</v>
      </c>
      <c r="C94" s="6">
        <v>16</v>
      </c>
      <c r="D94" s="5">
        <v>33</v>
      </c>
    </row>
    <row r="95" spans="1:4" ht="18" customHeight="1" x14ac:dyDescent="0.15">
      <c r="A95" s="8">
        <v>74</v>
      </c>
      <c r="B95" s="21">
        <v>17</v>
      </c>
      <c r="C95" s="6">
        <v>19</v>
      </c>
      <c r="D95" s="5">
        <v>36</v>
      </c>
    </row>
    <row r="96" spans="1:4" ht="18" customHeight="1" x14ac:dyDescent="0.15">
      <c r="A96" s="8" t="s">
        <v>9</v>
      </c>
      <c r="B96" s="21">
        <v>82</v>
      </c>
      <c r="C96" s="6">
        <v>89</v>
      </c>
      <c r="D96" s="5">
        <v>171</v>
      </c>
    </row>
    <row r="97" spans="1:4" ht="18" customHeight="1" x14ac:dyDescent="0.15">
      <c r="A97" s="8">
        <v>75</v>
      </c>
      <c r="B97" s="21">
        <v>17</v>
      </c>
      <c r="C97" s="6">
        <v>22</v>
      </c>
      <c r="D97" s="5">
        <v>39</v>
      </c>
    </row>
    <row r="98" spans="1:4" ht="18" customHeight="1" x14ac:dyDescent="0.15">
      <c r="A98" s="8">
        <v>76</v>
      </c>
      <c r="B98" s="21">
        <v>20</v>
      </c>
      <c r="C98" s="6">
        <v>22</v>
      </c>
      <c r="D98" s="5">
        <v>42</v>
      </c>
    </row>
    <row r="99" spans="1:4" ht="18" customHeight="1" x14ac:dyDescent="0.15">
      <c r="A99" s="8">
        <v>77</v>
      </c>
      <c r="B99" s="21">
        <v>18</v>
      </c>
      <c r="C99" s="6">
        <v>27</v>
      </c>
      <c r="D99" s="5">
        <v>45</v>
      </c>
    </row>
    <row r="100" spans="1:4" ht="18" customHeight="1" x14ac:dyDescent="0.15">
      <c r="A100" s="8">
        <v>78</v>
      </c>
      <c r="B100" s="21">
        <v>27</v>
      </c>
      <c r="C100" s="6">
        <v>35</v>
      </c>
      <c r="D100" s="5">
        <v>62</v>
      </c>
    </row>
    <row r="101" spans="1:4" ht="18" customHeight="1" x14ac:dyDescent="0.15">
      <c r="A101" s="8">
        <v>79</v>
      </c>
      <c r="B101" s="21">
        <v>12</v>
      </c>
      <c r="C101" s="6">
        <v>19</v>
      </c>
      <c r="D101" s="5">
        <v>31</v>
      </c>
    </row>
    <row r="102" spans="1:4" ht="18" customHeight="1" x14ac:dyDescent="0.15">
      <c r="A102" s="8" t="s">
        <v>8</v>
      </c>
      <c r="B102" s="21">
        <v>94</v>
      </c>
      <c r="C102" s="6">
        <v>125</v>
      </c>
      <c r="D102" s="5">
        <v>219</v>
      </c>
    </row>
    <row r="103" spans="1:4" ht="18" customHeight="1" x14ac:dyDescent="0.15">
      <c r="A103" s="8">
        <v>80</v>
      </c>
      <c r="B103" s="21">
        <v>14</v>
      </c>
      <c r="C103" s="6">
        <v>14</v>
      </c>
      <c r="D103" s="5">
        <v>28</v>
      </c>
    </row>
    <row r="104" spans="1:4" ht="18" customHeight="1" x14ac:dyDescent="0.15">
      <c r="A104" s="8">
        <v>81</v>
      </c>
      <c r="B104" s="21">
        <v>14</v>
      </c>
      <c r="C104" s="6">
        <v>26</v>
      </c>
      <c r="D104" s="5">
        <v>40</v>
      </c>
    </row>
    <row r="105" spans="1:4" ht="18" customHeight="1" x14ac:dyDescent="0.15">
      <c r="A105" s="8">
        <v>82</v>
      </c>
      <c r="B105" s="21">
        <v>13</v>
      </c>
      <c r="C105" s="6">
        <v>17</v>
      </c>
      <c r="D105" s="5">
        <v>30</v>
      </c>
    </row>
    <row r="106" spans="1:4" ht="18" customHeight="1" x14ac:dyDescent="0.15">
      <c r="A106" s="8">
        <v>83</v>
      </c>
      <c r="B106" s="21">
        <v>10</v>
      </c>
      <c r="C106" s="6">
        <v>17</v>
      </c>
      <c r="D106" s="5">
        <v>27</v>
      </c>
    </row>
    <row r="107" spans="1:4" ht="18" customHeight="1" x14ac:dyDescent="0.15">
      <c r="A107" s="8">
        <v>84</v>
      </c>
      <c r="B107" s="21">
        <v>14</v>
      </c>
      <c r="C107" s="6">
        <v>17</v>
      </c>
      <c r="D107" s="5">
        <v>31</v>
      </c>
    </row>
    <row r="108" spans="1:4" ht="18" customHeight="1" x14ac:dyDescent="0.15">
      <c r="A108" s="8" t="s">
        <v>7</v>
      </c>
      <c r="B108" s="21">
        <v>65</v>
      </c>
      <c r="C108" s="6">
        <v>91</v>
      </c>
      <c r="D108" s="5">
        <v>156</v>
      </c>
    </row>
    <row r="109" spans="1:4" ht="18" customHeight="1" x14ac:dyDescent="0.15">
      <c r="A109" s="8">
        <v>85</v>
      </c>
      <c r="B109" s="21">
        <v>13</v>
      </c>
      <c r="C109" s="6">
        <v>15</v>
      </c>
      <c r="D109" s="5">
        <v>28</v>
      </c>
    </row>
    <row r="110" spans="1:4" ht="18" customHeight="1" x14ac:dyDescent="0.15">
      <c r="A110" s="8">
        <v>86</v>
      </c>
      <c r="B110" s="21">
        <v>12</v>
      </c>
      <c r="C110" s="6">
        <v>10</v>
      </c>
      <c r="D110" s="5">
        <v>22</v>
      </c>
    </row>
    <row r="111" spans="1:4" ht="18" customHeight="1" x14ac:dyDescent="0.15">
      <c r="A111" s="8">
        <v>87</v>
      </c>
      <c r="B111" s="21">
        <v>7</v>
      </c>
      <c r="C111" s="6">
        <v>13</v>
      </c>
      <c r="D111" s="5">
        <v>20</v>
      </c>
    </row>
    <row r="112" spans="1:4" ht="18" customHeight="1" x14ac:dyDescent="0.15">
      <c r="A112" s="8">
        <v>88</v>
      </c>
      <c r="B112" s="21">
        <v>7</v>
      </c>
      <c r="C112" s="6">
        <v>15</v>
      </c>
      <c r="D112" s="5">
        <v>22</v>
      </c>
    </row>
    <row r="113" spans="1:4" ht="18" customHeight="1" x14ac:dyDescent="0.15">
      <c r="A113" s="8">
        <v>89</v>
      </c>
      <c r="B113" s="21">
        <v>9</v>
      </c>
      <c r="C113" s="6">
        <v>14</v>
      </c>
      <c r="D113" s="5">
        <v>23</v>
      </c>
    </row>
    <row r="114" spans="1:4" ht="18" customHeight="1" x14ac:dyDescent="0.15">
      <c r="A114" s="8" t="s">
        <v>6</v>
      </c>
      <c r="B114" s="21">
        <v>48</v>
      </c>
      <c r="C114" s="6">
        <v>67</v>
      </c>
      <c r="D114" s="5">
        <v>115</v>
      </c>
    </row>
    <row r="115" spans="1:4" ht="18" customHeight="1" x14ac:dyDescent="0.15">
      <c r="A115" s="8">
        <v>90</v>
      </c>
      <c r="B115" s="21">
        <v>4</v>
      </c>
      <c r="C115" s="6">
        <v>12</v>
      </c>
      <c r="D115" s="5">
        <v>16</v>
      </c>
    </row>
    <row r="116" spans="1:4" ht="18" customHeight="1" x14ac:dyDescent="0.15">
      <c r="A116" s="8">
        <v>91</v>
      </c>
      <c r="B116" s="21">
        <v>7</v>
      </c>
      <c r="C116" s="6">
        <v>8</v>
      </c>
      <c r="D116" s="5">
        <v>15</v>
      </c>
    </row>
    <row r="117" spans="1:4" ht="18" customHeight="1" x14ac:dyDescent="0.15">
      <c r="A117" s="8">
        <v>92</v>
      </c>
      <c r="B117" s="21">
        <v>4</v>
      </c>
      <c r="C117" s="6">
        <v>14</v>
      </c>
      <c r="D117" s="5">
        <v>18</v>
      </c>
    </row>
    <row r="118" spans="1:4" ht="18" customHeight="1" x14ac:dyDescent="0.15">
      <c r="A118" s="8">
        <v>93</v>
      </c>
      <c r="B118" s="21">
        <v>1</v>
      </c>
      <c r="C118" s="6">
        <v>9</v>
      </c>
      <c r="D118" s="5">
        <v>10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18</v>
      </c>
      <c r="C120" s="6">
        <v>49</v>
      </c>
      <c r="D120" s="5">
        <v>67</v>
      </c>
    </row>
    <row r="121" spans="1:4" ht="18" customHeight="1" x14ac:dyDescent="0.15">
      <c r="A121" s="8">
        <v>95</v>
      </c>
      <c r="B121" s="21">
        <v>3</v>
      </c>
      <c r="C121" s="6">
        <v>6</v>
      </c>
      <c r="D121" s="5">
        <v>9</v>
      </c>
    </row>
    <row r="122" spans="1:4" ht="18" customHeight="1" x14ac:dyDescent="0.15">
      <c r="A122" s="8">
        <v>96</v>
      </c>
      <c r="B122" s="21">
        <v>2</v>
      </c>
      <c r="C122" s="6">
        <v>3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2</v>
      </c>
      <c r="C124" s="6">
        <v>3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7</v>
      </c>
      <c r="C126" s="6">
        <v>18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95</v>
      </c>
      <c r="C130" s="6">
        <v>531</v>
      </c>
      <c r="D130" s="5">
        <v>926</v>
      </c>
    </row>
    <row r="131" spans="1:4" ht="18" customHeight="1" x14ac:dyDescent="0.15">
      <c r="A131" s="4" t="s">
        <v>0</v>
      </c>
      <c r="B131" s="20">
        <v>1235</v>
      </c>
      <c r="C131" s="2">
        <v>1314</v>
      </c>
      <c r="D131" s="1">
        <v>25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A75D71-A4B7-457F-ABB7-713C18A0A8EE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1</v>
      </c>
      <c r="D5" s="30">
        <v>2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2</v>
      </c>
      <c r="D9" s="27">
        <v>3</v>
      </c>
    </row>
    <row r="10" spans="1:4" ht="18" customHeight="1" x14ac:dyDescent="0.15">
      <c r="A10" s="8" t="s">
        <v>25</v>
      </c>
      <c r="B10" s="21">
        <v>6</v>
      </c>
      <c r="C10" s="6">
        <v>8</v>
      </c>
      <c r="D10" s="5">
        <v>14</v>
      </c>
    </row>
    <row r="11" spans="1:4" ht="18" customHeight="1" x14ac:dyDescent="0.15">
      <c r="A11" s="8">
        <v>5</v>
      </c>
      <c r="B11" s="26">
        <v>2</v>
      </c>
      <c r="C11" s="6">
        <v>5</v>
      </c>
      <c r="D11" s="5">
        <v>7</v>
      </c>
    </row>
    <row r="12" spans="1:4" ht="18" customHeight="1" x14ac:dyDescent="0.15">
      <c r="A12" s="8">
        <v>6</v>
      </c>
      <c r="B12" s="26">
        <v>0</v>
      </c>
      <c r="C12" s="6">
        <v>2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2</v>
      </c>
      <c r="C14" s="6">
        <v>2</v>
      </c>
      <c r="D14" s="5">
        <v>4</v>
      </c>
    </row>
    <row r="15" spans="1:4" ht="18" customHeight="1" x14ac:dyDescent="0.15">
      <c r="A15" s="8">
        <v>9</v>
      </c>
      <c r="B15" s="26">
        <v>2</v>
      </c>
      <c r="C15" s="6">
        <v>1</v>
      </c>
      <c r="D15" s="5">
        <v>3</v>
      </c>
    </row>
    <row r="16" spans="1:4" ht="18" customHeight="1" x14ac:dyDescent="0.15">
      <c r="A16" s="8" t="s">
        <v>24</v>
      </c>
      <c r="B16" s="21">
        <v>7</v>
      </c>
      <c r="C16" s="6">
        <v>11</v>
      </c>
      <c r="D16" s="5">
        <v>18</v>
      </c>
    </row>
    <row r="17" spans="1:4" ht="18" customHeight="1" x14ac:dyDescent="0.15">
      <c r="A17" s="8">
        <v>10</v>
      </c>
      <c r="B17" s="21">
        <v>2</v>
      </c>
      <c r="C17" s="6">
        <v>1</v>
      </c>
      <c r="D17" s="5">
        <v>3</v>
      </c>
    </row>
    <row r="18" spans="1:4" ht="18" customHeight="1" x14ac:dyDescent="0.15">
      <c r="A18" s="8">
        <v>11</v>
      </c>
      <c r="B18" s="21">
        <v>2</v>
      </c>
      <c r="C18" s="6">
        <v>4</v>
      </c>
      <c r="D18" s="5">
        <v>6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6</v>
      </c>
      <c r="C21" s="6">
        <v>2</v>
      </c>
      <c r="D21" s="5">
        <v>8</v>
      </c>
    </row>
    <row r="22" spans="1:4" ht="18" customHeight="1" x14ac:dyDescent="0.15">
      <c r="A22" s="8" t="s">
        <v>23</v>
      </c>
      <c r="B22" s="21">
        <v>15</v>
      </c>
      <c r="C22" s="6">
        <v>10</v>
      </c>
      <c r="D22" s="5">
        <v>25</v>
      </c>
    </row>
    <row r="23" spans="1:4" ht="18" customHeight="1" x14ac:dyDescent="0.15">
      <c r="A23" s="8" t="s">
        <v>22</v>
      </c>
      <c r="B23" s="21">
        <v>28</v>
      </c>
      <c r="C23" s="6">
        <v>29</v>
      </c>
      <c r="D23" s="5">
        <v>57</v>
      </c>
    </row>
    <row r="24" spans="1:4" ht="18" customHeight="1" x14ac:dyDescent="0.15">
      <c r="A24" s="8">
        <v>15</v>
      </c>
      <c r="B24" s="21">
        <v>9</v>
      </c>
      <c r="C24" s="6">
        <v>1</v>
      </c>
      <c r="D24" s="5">
        <v>10</v>
      </c>
    </row>
    <row r="25" spans="1:4" ht="18" customHeight="1" x14ac:dyDescent="0.15">
      <c r="A25" s="8">
        <v>16</v>
      </c>
      <c r="B25" s="21">
        <v>7</v>
      </c>
      <c r="C25" s="6">
        <v>1</v>
      </c>
      <c r="D25" s="5">
        <v>8</v>
      </c>
    </row>
    <row r="26" spans="1:4" ht="18" customHeight="1" x14ac:dyDescent="0.15">
      <c r="A26" s="8">
        <v>17</v>
      </c>
      <c r="B26" s="21">
        <v>4</v>
      </c>
      <c r="C26" s="6">
        <v>3</v>
      </c>
      <c r="D26" s="5">
        <v>7</v>
      </c>
    </row>
    <row r="27" spans="1:4" ht="18" customHeight="1" x14ac:dyDescent="0.15">
      <c r="A27" s="8">
        <v>18</v>
      </c>
      <c r="B27" s="21">
        <v>3</v>
      </c>
      <c r="C27" s="6">
        <v>3</v>
      </c>
      <c r="D27" s="5">
        <v>6</v>
      </c>
    </row>
    <row r="28" spans="1:4" ht="18" customHeight="1" x14ac:dyDescent="0.15">
      <c r="A28" s="8">
        <v>19</v>
      </c>
      <c r="B28" s="21">
        <v>11</v>
      </c>
      <c r="C28" s="6">
        <v>7</v>
      </c>
      <c r="D28" s="5">
        <v>18</v>
      </c>
    </row>
    <row r="29" spans="1:4" ht="18" customHeight="1" x14ac:dyDescent="0.15">
      <c r="A29" s="8" t="s">
        <v>21</v>
      </c>
      <c r="B29" s="21">
        <v>34</v>
      </c>
      <c r="C29" s="6">
        <v>15</v>
      </c>
      <c r="D29" s="5">
        <v>49</v>
      </c>
    </row>
    <row r="30" spans="1:4" ht="18" customHeight="1" x14ac:dyDescent="0.15">
      <c r="A30" s="8">
        <v>20</v>
      </c>
      <c r="B30" s="21">
        <v>6</v>
      </c>
      <c r="C30" s="6">
        <v>2</v>
      </c>
      <c r="D30" s="5">
        <v>8</v>
      </c>
    </row>
    <row r="31" spans="1:4" ht="18" customHeight="1" x14ac:dyDescent="0.15">
      <c r="A31" s="8">
        <v>21</v>
      </c>
      <c r="B31" s="21">
        <v>6</v>
      </c>
      <c r="C31" s="6">
        <v>3</v>
      </c>
      <c r="D31" s="5">
        <v>9</v>
      </c>
    </row>
    <row r="32" spans="1:4" ht="18" customHeight="1" x14ac:dyDescent="0.15">
      <c r="A32" s="8">
        <v>22</v>
      </c>
      <c r="B32" s="21">
        <v>5</v>
      </c>
      <c r="C32" s="6">
        <v>9</v>
      </c>
      <c r="D32" s="5">
        <v>14</v>
      </c>
    </row>
    <row r="33" spans="1:4" ht="18" customHeight="1" x14ac:dyDescent="0.15">
      <c r="A33" s="8">
        <v>23</v>
      </c>
      <c r="B33" s="21">
        <v>2</v>
      </c>
      <c r="C33" s="6">
        <v>4</v>
      </c>
      <c r="D33" s="5">
        <v>6</v>
      </c>
    </row>
    <row r="34" spans="1:4" ht="18" customHeight="1" x14ac:dyDescent="0.15">
      <c r="A34" s="8">
        <v>24</v>
      </c>
      <c r="B34" s="21">
        <v>1</v>
      </c>
      <c r="C34" s="6">
        <v>2</v>
      </c>
      <c r="D34" s="5">
        <v>3</v>
      </c>
    </row>
    <row r="35" spans="1:4" ht="18" customHeight="1" x14ac:dyDescent="0.15">
      <c r="A35" s="8" t="s">
        <v>20</v>
      </c>
      <c r="B35" s="21">
        <v>20</v>
      </c>
      <c r="C35" s="6">
        <v>20</v>
      </c>
      <c r="D35" s="5">
        <v>40</v>
      </c>
    </row>
    <row r="36" spans="1:4" ht="18" customHeight="1" x14ac:dyDescent="0.15">
      <c r="A36" s="8">
        <v>25</v>
      </c>
      <c r="B36" s="21">
        <v>3</v>
      </c>
      <c r="C36" s="6">
        <v>3</v>
      </c>
      <c r="D36" s="5">
        <v>6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5</v>
      </c>
      <c r="C38" s="6">
        <v>3</v>
      </c>
      <c r="D38" s="5">
        <v>8</v>
      </c>
    </row>
    <row r="39" spans="1:4" ht="18" customHeight="1" x14ac:dyDescent="0.15">
      <c r="A39" s="8">
        <v>28</v>
      </c>
      <c r="B39" s="21">
        <v>4</v>
      </c>
      <c r="C39" s="6">
        <v>0</v>
      </c>
      <c r="D39" s="5">
        <v>4</v>
      </c>
    </row>
    <row r="40" spans="1:4" ht="18" customHeight="1" x14ac:dyDescent="0.15">
      <c r="A40" s="8">
        <v>29</v>
      </c>
      <c r="B40" s="21">
        <v>4</v>
      </c>
      <c r="C40" s="6">
        <v>3</v>
      </c>
      <c r="D40" s="5">
        <v>7</v>
      </c>
    </row>
    <row r="41" spans="1:4" ht="18" customHeight="1" x14ac:dyDescent="0.15">
      <c r="A41" s="8" t="s">
        <v>19</v>
      </c>
      <c r="B41" s="21">
        <v>18</v>
      </c>
      <c r="C41" s="6">
        <v>11</v>
      </c>
      <c r="D41" s="5">
        <v>29</v>
      </c>
    </row>
    <row r="42" spans="1:4" ht="18" customHeight="1" x14ac:dyDescent="0.15">
      <c r="A42" s="8">
        <v>30</v>
      </c>
      <c r="B42" s="21">
        <v>4</v>
      </c>
      <c r="C42" s="6">
        <v>5</v>
      </c>
      <c r="D42" s="5">
        <v>9</v>
      </c>
    </row>
    <row r="43" spans="1:4" ht="18" customHeight="1" x14ac:dyDescent="0.15">
      <c r="A43" s="8">
        <v>31</v>
      </c>
      <c r="B43" s="21">
        <v>2</v>
      </c>
      <c r="C43" s="6">
        <v>5</v>
      </c>
      <c r="D43" s="5">
        <v>7</v>
      </c>
    </row>
    <row r="44" spans="1:4" ht="18" customHeight="1" x14ac:dyDescent="0.15">
      <c r="A44" s="8">
        <v>32</v>
      </c>
      <c r="B44" s="21">
        <v>1</v>
      </c>
      <c r="C44" s="6">
        <v>4</v>
      </c>
      <c r="D44" s="5">
        <v>5</v>
      </c>
    </row>
    <row r="45" spans="1:4" ht="18" customHeight="1" x14ac:dyDescent="0.15">
      <c r="A45" s="8">
        <v>33</v>
      </c>
      <c r="B45" s="21">
        <v>3</v>
      </c>
      <c r="C45" s="6">
        <v>3</v>
      </c>
      <c r="D45" s="5">
        <v>6</v>
      </c>
    </row>
    <row r="46" spans="1:4" ht="18" customHeight="1" x14ac:dyDescent="0.15">
      <c r="A46" s="8">
        <v>34</v>
      </c>
      <c r="B46" s="21">
        <v>8</v>
      </c>
      <c r="C46" s="6">
        <v>2</v>
      </c>
      <c r="D46" s="5">
        <v>10</v>
      </c>
    </row>
    <row r="47" spans="1:4" ht="18" customHeight="1" x14ac:dyDescent="0.15">
      <c r="A47" s="8" t="s">
        <v>18</v>
      </c>
      <c r="B47" s="21">
        <v>18</v>
      </c>
      <c r="C47" s="6">
        <v>19</v>
      </c>
      <c r="D47" s="5">
        <v>37</v>
      </c>
    </row>
    <row r="48" spans="1:4" ht="18" customHeight="1" x14ac:dyDescent="0.15">
      <c r="A48" s="8">
        <v>35</v>
      </c>
      <c r="B48" s="21">
        <v>2</v>
      </c>
      <c r="C48" s="6">
        <v>2</v>
      </c>
      <c r="D48" s="5">
        <v>4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4</v>
      </c>
      <c r="C50" s="6">
        <v>4</v>
      </c>
      <c r="D50" s="5">
        <v>8</v>
      </c>
    </row>
    <row r="51" spans="1:4" ht="18" customHeight="1" x14ac:dyDescent="0.15">
      <c r="A51" s="8">
        <v>38</v>
      </c>
      <c r="B51" s="21">
        <v>2</v>
      </c>
      <c r="C51" s="6">
        <v>0</v>
      </c>
      <c r="D51" s="5">
        <v>2</v>
      </c>
    </row>
    <row r="52" spans="1:4" ht="18" customHeight="1" x14ac:dyDescent="0.15">
      <c r="A52" s="8">
        <v>39</v>
      </c>
      <c r="B52" s="21">
        <v>6</v>
      </c>
      <c r="C52" s="6">
        <v>6</v>
      </c>
      <c r="D52" s="5">
        <v>12</v>
      </c>
    </row>
    <row r="53" spans="1:4" ht="18" customHeight="1" x14ac:dyDescent="0.15">
      <c r="A53" s="8" t="s">
        <v>17</v>
      </c>
      <c r="B53" s="21">
        <v>17</v>
      </c>
      <c r="C53" s="6">
        <v>13</v>
      </c>
      <c r="D53" s="5">
        <v>30</v>
      </c>
    </row>
    <row r="54" spans="1:4" ht="18" customHeight="1" x14ac:dyDescent="0.15">
      <c r="A54" s="8">
        <v>40</v>
      </c>
      <c r="B54" s="21">
        <v>7</v>
      </c>
      <c r="C54" s="6">
        <v>4</v>
      </c>
      <c r="D54" s="5">
        <v>11</v>
      </c>
    </row>
    <row r="55" spans="1:4" ht="18" customHeight="1" x14ac:dyDescent="0.15">
      <c r="A55" s="8">
        <v>41</v>
      </c>
      <c r="B55" s="21">
        <v>2</v>
      </c>
      <c r="C55" s="6">
        <v>5</v>
      </c>
      <c r="D55" s="5">
        <v>7</v>
      </c>
    </row>
    <row r="56" spans="1:4" ht="18" customHeight="1" x14ac:dyDescent="0.15">
      <c r="A56" s="8">
        <v>42</v>
      </c>
      <c r="B56" s="21">
        <v>8</v>
      </c>
      <c r="C56" s="6">
        <v>1</v>
      </c>
      <c r="D56" s="5">
        <v>9</v>
      </c>
    </row>
    <row r="57" spans="1:4" ht="18" customHeight="1" x14ac:dyDescent="0.15">
      <c r="A57" s="8">
        <v>43</v>
      </c>
      <c r="B57" s="21">
        <v>6</v>
      </c>
      <c r="C57" s="6">
        <v>0</v>
      </c>
      <c r="D57" s="5">
        <v>6</v>
      </c>
    </row>
    <row r="58" spans="1:4" ht="18" customHeight="1" x14ac:dyDescent="0.15">
      <c r="A58" s="8">
        <v>44</v>
      </c>
      <c r="B58" s="21">
        <v>5</v>
      </c>
      <c r="C58" s="6">
        <v>3</v>
      </c>
      <c r="D58" s="5">
        <v>8</v>
      </c>
    </row>
    <row r="59" spans="1:4" ht="18" customHeight="1" x14ac:dyDescent="0.15">
      <c r="A59" s="8" t="s">
        <v>16</v>
      </c>
      <c r="B59" s="21">
        <v>28</v>
      </c>
      <c r="C59" s="6">
        <v>13</v>
      </c>
      <c r="D59" s="5">
        <v>41</v>
      </c>
    </row>
    <row r="60" spans="1:4" ht="18" customHeight="1" x14ac:dyDescent="0.15">
      <c r="A60" s="8">
        <v>45</v>
      </c>
      <c r="B60" s="21">
        <v>3</v>
      </c>
      <c r="C60" s="6">
        <v>9</v>
      </c>
      <c r="D60" s="5">
        <v>12</v>
      </c>
    </row>
    <row r="61" spans="1:4" ht="18" customHeight="1" x14ac:dyDescent="0.15">
      <c r="A61" s="8">
        <v>46</v>
      </c>
      <c r="B61" s="21">
        <v>7</v>
      </c>
      <c r="C61" s="6">
        <v>5</v>
      </c>
      <c r="D61" s="5">
        <v>12</v>
      </c>
    </row>
    <row r="62" spans="1:4" ht="18" customHeight="1" x14ac:dyDescent="0.15">
      <c r="A62" s="8">
        <v>47</v>
      </c>
      <c r="B62" s="21">
        <v>7</v>
      </c>
      <c r="C62" s="6">
        <v>5</v>
      </c>
      <c r="D62" s="5">
        <v>12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13</v>
      </c>
      <c r="C64" s="6">
        <v>6</v>
      </c>
      <c r="D64" s="5">
        <v>19</v>
      </c>
    </row>
    <row r="65" spans="1:4" ht="18" customHeight="1" x14ac:dyDescent="0.15">
      <c r="A65" s="8" t="s">
        <v>15</v>
      </c>
      <c r="B65" s="21">
        <v>34</v>
      </c>
      <c r="C65" s="6">
        <v>27</v>
      </c>
      <c r="D65" s="5">
        <v>61</v>
      </c>
    </row>
    <row r="66" spans="1:4" ht="18" customHeight="1" x14ac:dyDescent="0.15">
      <c r="A66" s="8">
        <v>50</v>
      </c>
      <c r="B66" s="21">
        <v>6</v>
      </c>
      <c r="C66" s="6">
        <v>6</v>
      </c>
      <c r="D66" s="5">
        <v>12</v>
      </c>
    </row>
    <row r="67" spans="1:4" ht="18" customHeight="1" x14ac:dyDescent="0.15">
      <c r="A67" s="8">
        <v>51</v>
      </c>
      <c r="B67" s="21">
        <v>9</v>
      </c>
      <c r="C67" s="6">
        <v>7</v>
      </c>
      <c r="D67" s="5">
        <v>16</v>
      </c>
    </row>
    <row r="68" spans="1:4" ht="18" customHeight="1" x14ac:dyDescent="0.15">
      <c r="A68" s="8">
        <v>52</v>
      </c>
      <c r="B68" s="21">
        <v>10</v>
      </c>
      <c r="C68" s="6">
        <v>10</v>
      </c>
      <c r="D68" s="5">
        <v>20</v>
      </c>
    </row>
    <row r="69" spans="1:4" ht="18" customHeight="1" x14ac:dyDescent="0.15">
      <c r="A69" s="8">
        <v>53</v>
      </c>
      <c r="B69" s="21">
        <v>10</v>
      </c>
      <c r="C69" s="6">
        <v>8</v>
      </c>
      <c r="D69" s="5">
        <v>18</v>
      </c>
    </row>
    <row r="70" spans="1:4" ht="18" customHeight="1" x14ac:dyDescent="0.15">
      <c r="A70" s="8">
        <v>54</v>
      </c>
      <c r="B70" s="21">
        <v>3</v>
      </c>
      <c r="C70" s="6">
        <v>9</v>
      </c>
      <c r="D70" s="5">
        <v>12</v>
      </c>
    </row>
    <row r="71" spans="1:4" ht="18" customHeight="1" x14ac:dyDescent="0.15">
      <c r="A71" s="8" t="s">
        <v>14</v>
      </c>
      <c r="B71" s="21">
        <v>38</v>
      </c>
      <c r="C71" s="6">
        <v>40</v>
      </c>
      <c r="D71" s="5">
        <v>78</v>
      </c>
    </row>
    <row r="72" spans="1:4" ht="18" customHeight="1" x14ac:dyDescent="0.15">
      <c r="A72" s="8">
        <v>55</v>
      </c>
      <c r="B72" s="21">
        <v>6</v>
      </c>
      <c r="C72" s="6">
        <v>12</v>
      </c>
      <c r="D72" s="5">
        <v>18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6</v>
      </c>
      <c r="C74" s="6">
        <v>6</v>
      </c>
      <c r="D74" s="5">
        <v>12</v>
      </c>
    </row>
    <row r="75" spans="1:4" ht="18" customHeight="1" x14ac:dyDescent="0.15">
      <c r="A75" s="8">
        <v>58</v>
      </c>
      <c r="B75" s="21">
        <v>8</v>
      </c>
      <c r="C75" s="6">
        <v>10</v>
      </c>
      <c r="D75" s="5">
        <v>18</v>
      </c>
    </row>
    <row r="76" spans="1:4" ht="18" customHeight="1" x14ac:dyDescent="0.15">
      <c r="A76" s="8">
        <v>59</v>
      </c>
      <c r="B76" s="21">
        <v>4</v>
      </c>
      <c r="C76" s="6">
        <v>6</v>
      </c>
      <c r="D76" s="5">
        <v>10</v>
      </c>
    </row>
    <row r="77" spans="1:4" ht="18" customHeight="1" x14ac:dyDescent="0.15">
      <c r="A77" s="8" t="s">
        <v>13</v>
      </c>
      <c r="B77" s="21">
        <v>33</v>
      </c>
      <c r="C77" s="6">
        <v>42</v>
      </c>
      <c r="D77" s="5">
        <v>75</v>
      </c>
    </row>
    <row r="78" spans="1:4" ht="18" customHeight="1" x14ac:dyDescent="0.15">
      <c r="A78" s="8">
        <v>60</v>
      </c>
      <c r="B78" s="21">
        <v>3</v>
      </c>
      <c r="C78" s="6">
        <v>5</v>
      </c>
      <c r="D78" s="5">
        <v>8</v>
      </c>
    </row>
    <row r="79" spans="1:4" ht="18" customHeight="1" x14ac:dyDescent="0.15">
      <c r="A79" s="8">
        <v>61</v>
      </c>
      <c r="B79" s="21">
        <v>7</v>
      </c>
      <c r="C79" s="6">
        <v>8</v>
      </c>
      <c r="D79" s="5">
        <v>15</v>
      </c>
    </row>
    <row r="80" spans="1:4" ht="18" customHeight="1" x14ac:dyDescent="0.15">
      <c r="A80" s="8">
        <v>62</v>
      </c>
      <c r="B80" s="21">
        <v>7</v>
      </c>
      <c r="C80" s="6">
        <v>8</v>
      </c>
      <c r="D80" s="5">
        <v>15</v>
      </c>
    </row>
    <row r="81" spans="1:4" ht="18" customHeight="1" x14ac:dyDescent="0.15">
      <c r="A81" s="8">
        <v>63</v>
      </c>
      <c r="B81" s="21">
        <v>8</v>
      </c>
      <c r="C81" s="6">
        <v>5</v>
      </c>
      <c r="D81" s="5">
        <v>13</v>
      </c>
    </row>
    <row r="82" spans="1:4" ht="18" customHeight="1" x14ac:dyDescent="0.15">
      <c r="A82" s="8">
        <v>64</v>
      </c>
      <c r="B82" s="21">
        <v>6</v>
      </c>
      <c r="C82" s="6">
        <v>7</v>
      </c>
      <c r="D82" s="5">
        <v>13</v>
      </c>
    </row>
    <row r="83" spans="1:4" ht="18" customHeight="1" x14ac:dyDescent="0.15">
      <c r="A83" s="8" t="s">
        <v>12</v>
      </c>
      <c r="B83" s="21">
        <v>31</v>
      </c>
      <c r="C83" s="6">
        <v>33</v>
      </c>
      <c r="D83" s="5">
        <v>64</v>
      </c>
    </row>
    <row r="84" spans="1:4" ht="18" customHeight="1" x14ac:dyDescent="0.15">
      <c r="A84" s="8" t="s">
        <v>11</v>
      </c>
      <c r="B84" s="21">
        <v>271</v>
      </c>
      <c r="C84" s="6">
        <v>233</v>
      </c>
      <c r="D84" s="5">
        <v>504</v>
      </c>
    </row>
    <row r="85" spans="1:4" ht="18" customHeight="1" x14ac:dyDescent="0.15">
      <c r="A85" s="8">
        <v>65</v>
      </c>
      <c r="B85" s="21">
        <v>7</v>
      </c>
      <c r="C85" s="6">
        <v>6</v>
      </c>
      <c r="D85" s="5">
        <v>13</v>
      </c>
    </row>
    <row r="86" spans="1:4" ht="18" customHeight="1" x14ac:dyDescent="0.15">
      <c r="A86" s="8">
        <v>66</v>
      </c>
      <c r="B86" s="21">
        <v>5</v>
      </c>
      <c r="C86" s="6">
        <v>9</v>
      </c>
      <c r="D86" s="5">
        <v>14</v>
      </c>
    </row>
    <row r="87" spans="1:4" ht="18" customHeight="1" x14ac:dyDescent="0.15">
      <c r="A87" s="8">
        <v>67</v>
      </c>
      <c r="B87" s="21">
        <v>10</v>
      </c>
      <c r="C87" s="6">
        <v>12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6</v>
      </c>
      <c r="D88" s="5">
        <v>15</v>
      </c>
    </row>
    <row r="89" spans="1:4" ht="18" customHeight="1" x14ac:dyDescent="0.15">
      <c r="A89" s="8">
        <v>69</v>
      </c>
      <c r="B89" s="21">
        <v>5</v>
      </c>
      <c r="C89" s="6">
        <v>6</v>
      </c>
      <c r="D89" s="5">
        <v>11</v>
      </c>
    </row>
    <row r="90" spans="1:4" ht="18" customHeight="1" x14ac:dyDescent="0.15">
      <c r="A90" s="8" t="s">
        <v>10</v>
      </c>
      <c r="B90" s="21">
        <v>36</v>
      </c>
      <c r="C90" s="6">
        <v>39</v>
      </c>
      <c r="D90" s="5">
        <v>75</v>
      </c>
    </row>
    <row r="91" spans="1:4" ht="18" customHeight="1" x14ac:dyDescent="0.15">
      <c r="A91" s="8">
        <v>70</v>
      </c>
      <c r="B91" s="21">
        <v>5</v>
      </c>
      <c r="C91" s="6">
        <v>12</v>
      </c>
      <c r="D91" s="5">
        <v>17</v>
      </c>
    </row>
    <row r="92" spans="1:4" ht="18" customHeight="1" x14ac:dyDescent="0.15">
      <c r="A92" s="8">
        <v>71</v>
      </c>
      <c r="B92" s="21">
        <v>13</v>
      </c>
      <c r="C92" s="6">
        <v>13</v>
      </c>
      <c r="D92" s="5">
        <v>26</v>
      </c>
    </row>
    <row r="93" spans="1:4" ht="18" customHeight="1" x14ac:dyDescent="0.15">
      <c r="A93" s="8">
        <v>72</v>
      </c>
      <c r="B93" s="21">
        <v>15</v>
      </c>
      <c r="C93" s="6">
        <v>9</v>
      </c>
      <c r="D93" s="5">
        <v>24</v>
      </c>
    </row>
    <row r="94" spans="1:4" ht="18" customHeight="1" x14ac:dyDescent="0.15">
      <c r="A94" s="8">
        <v>73</v>
      </c>
      <c r="B94" s="21">
        <v>12</v>
      </c>
      <c r="C94" s="6">
        <v>4</v>
      </c>
      <c r="D94" s="5">
        <v>16</v>
      </c>
    </row>
    <row r="95" spans="1:4" ht="18" customHeight="1" x14ac:dyDescent="0.15">
      <c r="A95" s="8">
        <v>74</v>
      </c>
      <c r="B95" s="21">
        <v>11</v>
      </c>
      <c r="C95" s="6">
        <v>12</v>
      </c>
      <c r="D95" s="5">
        <v>23</v>
      </c>
    </row>
    <row r="96" spans="1:4" ht="18" customHeight="1" x14ac:dyDescent="0.15">
      <c r="A96" s="8" t="s">
        <v>9</v>
      </c>
      <c r="B96" s="21">
        <v>56</v>
      </c>
      <c r="C96" s="6">
        <v>50</v>
      </c>
      <c r="D96" s="5">
        <v>106</v>
      </c>
    </row>
    <row r="97" spans="1:4" ht="18" customHeight="1" x14ac:dyDescent="0.15">
      <c r="A97" s="8">
        <v>75</v>
      </c>
      <c r="B97" s="21">
        <v>8</v>
      </c>
      <c r="C97" s="6">
        <v>15</v>
      </c>
      <c r="D97" s="5">
        <v>23</v>
      </c>
    </row>
    <row r="98" spans="1:4" ht="18" customHeight="1" x14ac:dyDescent="0.15">
      <c r="A98" s="8">
        <v>76</v>
      </c>
      <c r="B98" s="21">
        <v>13</v>
      </c>
      <c r="C98" s="6">
        <v>12</v>
      </c>
      <c r="D98" s="5">
        <v>25</v>
      </c>
    </row>
    <row r="99" spans="1:4" ht="18" customHeight="1" x14ac:dyDescent="0.15">
      <c r="A99" s="8">
        <v>77</v>
      </c>
      <c r="B99" s="21">
        <v>12</v>
      </c>
      <c r="C99" s="6">
        <v>17</v>
      </c>
      <c r="D99" s="5">
        <v>29</v>
      </c>
    </row>
    <row r="100" spans="1:4" ht="18" customHeight="1" x14ac:dyDescent="0.15">
      <c r="A100" s="8">
        <v>78</v>
      </c>
      <c r="B100" s="21">
        <v>12</v>
      </c>
      <c r="C100" s="6">
        <v>20</v>
      </c>
      <c r="D100" s="5">
        <v>32</v>
      </c>
    </row>
    <row r="101" spans="1:4" ht="18" customHeight="1" x14ac:dyDescent="0.15">
      <c r="A101" s="8">
        <v>79</v>
      </c>
      <c r="B101" s="21">
        <v>12</v>
      </c>
      <c r="C101" s="6">
        <v>10</v>
      </c>
      <c r="D101" s="5">
        <v>22</v>
      </c>
    </row>
    <row r="102" spans="1:4" ht="18" customHeight="1" x14ac:dyDescent="0.15">
      <c r="A102" s="8" t="s">
        <v>8</v>
      </c>
      <c r="B102" s="21">
        <v>57</v>
      </c>
      <c r="C102" s="6">
        <v>74</v>
      </c>
      <c r="D102" s="5">
        <v>131</v>
      </c>
    </row>
    <row r="103" spans="1:4" ht="18" customHeight="1" x14ac:dyDescent="0.15">
      <c r="A103" s="8">
        <v>80</v>
      </c>
      <c r="B103" s="21">
        <v>6</v>
      </c>
      <c r="C103" s="6">
        <v>6</v>
      </c>
      <c r="D103" s="5">
        <v>12</v>
      </c>
    </row>
    <row r="104" spans="1:4" ht="18" customHeight="1" x14ac:dyDescent="0.15">
      <c r="A104" s="8">
        <v>81</v>
      </c>
      <c r="B104" s="21">
        <v>13</v>
      </c>
      <c r="C104" s="6">
        <v>9</v>
      </c>
      <c r="D104" s="5">
        <v>22</v>
      </c>
    </row>
    <row r="105" spans="1:4" ht="18" customHeight="1" x14ac:dyDescent="0.15">
      <c r="A105" s="8">
        <v>82</v>
      </c>
      <c r="B105" s="21">
        <v>4</v>
      </c>
      <c r="C105" s="6">
        <v>14</v>
      </c>
      <c r="D105" s="5">
        <v>18</v>
      </c>
    </row>
    <row r="106" spans="1:4" ht="18" customHeight="1" x14ac:dyDescent="0.15">
      <c r="A106" s="8">
        <v>83</v>
      </c>
      <c r="B106" s="21">
        <v>7</v>
      </c>
      <c r="C106" s="6">
        <v>9</v>
      </c>
      <c r="D106" s="5">
        <v>16</v>
      </c>
    </row>
    <row r="107" spans="1:4" ht="18" customHeight="1" x14ac:dyDescent="0.15">
      <c r="A107" s="8">
        <v>84</v>
      </c>
      <c r="B107" s="21">
        <v>7</v>
      </c>
      <c r="C107" s="6">
        <v>8</v>
      </c>
      <c r="D107" s="5">
        <v>15</v>
      </c>
    </row>
    <row r="108" spans="1:4" ht="18" customHeight="1" x14ac:dyDescent="0.15">
      <c r="A108" s="8" t="s">
        <v>7</v>
      </c>
      <c r="B108" s="21">
        <v>37</v>
      </c>
      <c r="C108" s="6">
        <v>46</v>
      </c>
      <c r="D108" s="5">
        <v>83</v>
      </c>
    </row>
    <row r="109" spans="1:4" ht="18" customHeight="1" x14ac:dyDescent="0.15">
      <c r="A109" s="8">
        <v>85</v>
      </c>
      <c r="B109" s="21">
        <v>1</v>
      </c>
      <c r="C109" s="6">
        <v>3</v>
      </c>
      <c r="D109" s="5">
        <v>4</v>
      </c>
    </row>
    <row r="110" spans="1:4" ht="18" customHeight="1" x14ac:dyDescent="0.15">
      <c r="A110" s="8">
        <v>86</v>
      </c>
      <c r="B110" s="21">
        <v>5</v>
      </c>
      <c r="C110" s="6">
        <v>10</v>
      </c>
      <c r="D110" s="5">
        <v>15</v>
      </c>
    </row>
    <row r="111" spans="1:4" ht="18" customHeight="1" x14ac:dyDescent="0.15">
      <c r="A111" s="8">
        <v>87</v>
      </c>
      <c r="B111" s="21">
        <v>4</v>
      </c>
      <c r="C111" s="6">
        <v>12</v>
      </c>
      <c r="D111" s="5">
        <v>16</v>
      </c>
    </row>
    <row r="112" spans="1:4" ht="18" customHeight="1" x14ac:dyDescent="0.15">
      <c r="A112" s="8">
        <v>88</v>
      </c>
      <c r="B112" s="21">
        <v>3</v>
      </c>
      <c r="C112" s="6">
        <v>6</v>
      </c>
      <c r="D112" s="5">
        <v>9</v>
      </c>
    </row>
    <row r="113" spans="1:4" ht="18" customHeight="1" x14ac:dyDescent="0.15">
      <c r="A113" s="8">
        <v>89</v>
      </c>
      <c r="B113" s="21">
        <v>2</v>
      </c>
      <c r="C113" s="6">
        <v>2</v>
      </c>
      <c r="D113" s="5">
        <v>4</v>
      </c>
    </row>
    <row r="114" spans="1:4" ht="18" customHeight="1" x14ac:dyDescent="0.15">
      <c r="A114" s="8" t="s">
        <v>6</v>
      </c>
      <c r="B114" s="21">
        <v>15</v>
      </c>
      <c r="C114" s="6">
        <v>33</v>
      </c>
      <c r="D114" s="5">
        <v>48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5</v>
      </c>
      <c r="D116" s="5">
        <v>7</v>
      </c>
    </row>
    <row r="117" spans="1:4" ht="18" customHeight="1" x14ac:dyDescent="0.15">
      <c r="A117" s="8">
        <v>92</v>
      </c>
      <c r="B117" s="21">
        <v>3</v>
      </c>
      <c r="C117" s="6">
        <v>3</v>
      </c>
      <c r="D117" s="5">
        <v>6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0</v>
      </c>
      <c r="C119" s="6">
        <v>9</v>
      </c>
      <c r="D119" s="5">
        <v>9</v>
      </c>
    </row>
    <row r="120" spans="1:4" ht="18" customHeight="1" x14ac:dyDescent="0.15">
      <c r="A120" s="8" t="s">
        <v>5</v>
      </c>
      <c r="B120" s="21">
        <v>12</v>
      </c>
      <c r="C120" s="6">
        <v>29</v>
      </c>
      <c r="D120" s="5">
        <v>41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8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217</v>
      </c>
      <c r="C130" s="6">
        <v>282</v>
      </c>
      <c r="D130" s="5">
        <v>499</v>
      </c>
    </row>
    <row r="131" spans="1:4" ht="18" customHeight="1" x14ac:dyDescent="0.15">
      <c r="A131" s="4" t="s">
        <v>0</v>
      </c>
      <c r="B131" s="20">
        <v>516</v>
      </c>
      <c r="C131" s="2">
        <v>544</v>
      </c>
      <c r="D131" s="1">
        <v>10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1-06T04:52:48Z</dcterms:created>
  <dcterms:modified xsi:type="dcterms:W3CDTF">2026-01-06T05:03:29Z</dcterms:modified>
</cp:coreProperties>
</file>